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worksheets/sheet11.xml" ContentType="application/vnd.openxmlformats-officedocument.spreadsheetml.worksheet+xml"/>
  <Override PartName="/xl/worksheets/sheet12.xml" ContentType="application/vnd.openxmlformats-officedocument.spreadsheetml.worksheet+xml"/>
  <Override PartName="/xl/worksheets/sheet13.xml" ContentType="application/vnd.openxmlformats-officedocument.spreadsheetml.worksheet+xml"/>
  <Override PartName="/xl/worksheets/sheet14.xml" ContentType="application/vnd.openxmlformats-officedocument.spreadsheetml.worksheet+xml"/>
  <Override PartName="/xl/worksheets/sheet15.xml" ContentType="application/vnd.openxmlformats-officedocument.spreadsheetml.worksheet+xml"/>
  <Override PartName="/xl/worksheets/sheet16.xml" ContentType="application/vnd.openxmlformats-officedocument.spreadsheetml.worksheet+xml"/>
  <Override PartName="/xl/worksheets/sheet17.xml" ContentType="application/vnd.openxmlformats-officedocument.spreadsheetml.worksheet+xml"/>
  <Override PartName="/xl/worksheets/sheet18.xml" ContentType="application/vnd.openxmlformats-officedocument.spreadsheetml.worksheet+xml"/>
  <Override PartName="/xl/worksheets/sheet19.xml" ContentType="application/vnd.openxmlformats-officedocument.spreadsheetml.worksheet+xml"/>
  <Override PartName="/xl/worksheets/sheet20.xml" ContentType="application/vnd.openxmlformats-officedocument.spreadsheetml.worksheet+xml"/>
  <Override PartName="/xl/worksheets/sheet21.xml" ContentType="application/vnd.openxmlformats-officedocument.spreadsheetml.worksheet+xml"/>
  <Override PartName="/xl/worksheets/sheet22.xml" ContentType="application/vnd.openxmlformats-officedocument.spreadsheetml.worksheet+xml"/>
  <Override PartName="/xl/worksheets/sheet23.xml" ContentType="application/vnd.openxmlformats-officedocument.spreadsheetml.worksheet+xml"/>
  <Override PartName="/xl/worksheets/sheet24.xml" ContentType="application/vnd.openxmlformats-officedocument.spreadsheetml.worksheet+xml"/>
  <Override PartName="/xl/worksheets/sheet25.xml" ContentType="application/vnd.openxmlformats-officedocument.spreadsheetml.worksheet+xml"/>
  <Override PartName="/xl/worksheets/sheet26.xml" ContentType="application/vnd.openxmlformats-officedocument.spreadsheetml.worksheet+xml"/>
  <Override PartName="/xl/worksheets/sheet27.xml" ContentType="application/vnd.openxmlformats-officedocument.spreadsheetml.worksheet+xml"/>
  <Override PartName="/xl/worksheets/sheet28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328"/>
  <workbookPr filterPrivacy="1"/>
  <xr:revisionPtr revIDLastSave="0" documentId="13_ncr:1_{81EC33FA-E94D-41E8-A7F8-0E53409AA3D6}" xr6:coauthVersionLast="47" xr6:coauthVersionMax="47" xr10:uidLastSave="{00000000-0000-0000-0000-000000000000}"/>
  <bookViews>
    <workbookView xWindow="28680" yWindow="-120" windowWidth="29040" windowHeight="17520" tabRatio="838" activeTab="13" xr2:uid="{00000000-000D-0000-FFFF-FFFF00000000}"/>
  </bookViews>
  <sheets>
    <sheet name="Table 1" sheetId="1" r:id="rId1"/>
    <sheet name="Figure 1B" sheetId="12" r:id="rId2"/>
    <sheet name="Figure 1C" sheetId="13" r:id="rId3"/>
    <sheet name="Figure 2B" sheetId="14" r:id="rId4"/>
    <sheet name="Figure 2C" sheetId="15" r:id="rId5"/>
    <sheet name="Figure 2D" sheetId="16" r:id="rId6"/>
    <sheet name="Figure 3A" sheetId="4" r:id="rId7"/>
    <sheet name="Figure 3C" sheetId="5" r:id="rId8"/>
    <sheet name="Figure 3D" sheetId="6" r:id="rId9"/>
    <sheet name="Figure 3E" sheetId="7" r:id="rId10"/>
    <sheet name="Figure 4A and B" sheetId="8" r:id="rId11"/>
    <sheet name="Figure 4C" sheetId="9" r:id="rId12"/>
    <sheet name="Figure 4D" sheetId="10" r:id="rId13"/>
    <sheet name="Figure 5C" sheetId="11" r:id="rId14"/>
    <sheet name="Figure 6C" sheetId="17" r:id="rId15"/>
    <sheet name="Figure 7B" sheetId="20" r:id="rId16"/>
    <sheet name="Figure 7C" sheetId="19" r:id="rId17"/>
    <sheet name="Figure 8B" sheetId="21" r:id="rId18"/>
    <sheet name="Supplemental Figure 1" sheetId="23" r:id="rId19"/>
    <sheet name="Supplemental Table S1" sheetId="22" r:id="rId20"/>
    <sheet name="Supplemental Figure 2A" sheetId="24" r:id="rId21"/>
    <sheet name="Supplemental Figure 2B" sheetId="25" r:id="rId22"/>
    <sheet name="Supplemental Figure 4" sheetId="26" r:id="rId23"/>
    <sheet name="Supplemental Table S2" sheetId="2" r:id="rId24"/>
    <sheet name="Supplemental Table S3" sheetId="3" r:id="rId25"/>
    <sheet name="Supplemental Figure 5" sheetId="27" r:id="rId26"/>
    <sheet name="Supplemental Figure 6" sheetId="28" r:id="rId27"/>
    <sheet name="Supplemental Figure 7" sheetId="29" r:id="rId28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019" uniqueCount="128">
  <si>
    <t>Calb1</t>
  </si>
  <si>
    <t>Pdzk1</t>
  </si>
  <si>
    <t>Pvalb</t>
  </si>
  <si>
    <t>Scnn1a</t>
  </si>
  <si>
    <t>Slc8a1</t>
  </si>
  <si>
    <t>Slc9a3</t>
  </si>
  <si>
    <t>Slc9a3r1</t>
  </si>
  <si>
    <t>Slc12a3</t>
  </si>
  <si>
    <t>Slc20a2</t>
  </si>
  <si>
    <t>Slc34a1</t>
  </si>
  <si>
    <t>Slc34a3</t>
  </si>
  <si>
    <t>Slc12a1</t>
  </si>
  <si>
    <t>Atp2b1</t>
  </si>
  <si>
    <t>Atp2b4</t>
  </si>
  <si>
    <t>Trpv5</t>
  </si>
  <si>
    <t>1K</t>
  </si>
  <si>
    <t>0.1K</t>
  </si>
  <si>
    <t>4 weeks</t>
  </si>
  <si>
    <t>8 weeks</t>
  </si>
  <si>
    <t>Cyp24a1</t>
  </si>
  <si>
    <t>Cyp27b1</t>
  </si>
  <si>
    <t>Kl</t>
  </si>
  <si>
    <t>Fgfr1</t>
  </si>
  <si>
    <t>Fgfr3</t>
  </si>
  <si>
    <t>Pth1r</t>
  </si>
  <si>
    <t>Vdr</t>
  </si>
  <si>
    <t>Cldn2</t>
  </si>
  <si>
    <t>Cldn3</t>
  </si>
  <si>
    <t>Cldn10a</t>
  </si>
  <si>
    <t>Cldn10b</t>
  </si>
  <si>
    <t>Cldn12</t>
  </si>
  <si>
    <t>Cldn14</t>
  </si>
  <si>
    <t>Cldn16</t>
  </si>
  <si>
    <t>Cldn19</t>
  </si>
  <si>
    <t>Periosteal circumference</t>
  </si>
  <si>
    <t>Trabicular BMD</t>
  </si>
  <si>
    <t>Total BMD</t>
  </si>
  <si>
    <t>Endosteal circumference</t>
  </si>
  <si>
    <t>Cortical BMD</t>
  </si>
  <si>
    <t>Cortical thickness</t>
  </si>
  <si>
    <t>Trabecular number</t>
  </si>
  <si>
    <t>Trabecular thickness</t>
  </si>
  <si>
    <t>Trabecular spacing</t>
  </si>
  <si>
    <t>Trabecular BMD</t>
  </si>
  <si>
    <t>Osteoclast surface</t>
  </si>
  <si>
    <t>Osteoclast number</t>
  </si>
  <si>
    <t>Urinary DPD</t>
  </si>
  <si>
    <t>Osteoid volume</t>
  </si>
  <si>
    <t>Osteoid thickness</t>
  </si>
  <si>
    <t>Osteoblast surface</t>
  </si>
  <si>
    <t>Bone surface</t>
  </si>
  <si>
    <t>MAR</t>
  </si>
  <si>
    <t>BFR</t>
  </si>
  <si>
    <t>CaSR</t>
  </si>
  <si>
    <t>Na (mM)</t>
  </si>
  <si>
    <t>K (mM)</t>
  </si>
  <si>
    <t>Cl (mM)</t>
  </si>
  <si>
    <t>Ca2+ (mM)</t>
  </si>
  <si>
    <t>Pi (mM)</t>
  </si>
  <si>
    <t>1K+</t>
  </si>
  <si>
    <t>0K+</t>
  </si>
  <si>
    <t>Cr clearance</t>
  </si>
  <si>
    <t>Aldo excretion</t>
  </si>
  <si>
    <t>ul/min/gBW</t>
  </si>
  <si>
    <t>pg/gBW/24h</t>
  </si>
  <si>
    <r>
      <t>1 K</t>
    </r>
    <r>
      <rPr>
        <vertAlign val="superscript"/>
        <sz val="10"/>
        <rFont val="Arial"/>
        <family val="2"/>
      </rPr>
      <t>+</t>
    </r>
  </si>
  <si>
    <r>
      <t>0.1 K</t>
    </r>
    <r>
      <rPr>
        <vertAlign val="superscript"/>
        <sz val="10"/>
        <rFont val="Arial"/>
        <family val="2"/>
      </rPr>
      <t>+</t>
    </r>
  </si>
  <si>
    <t>Fex %</t>
  </si>
  <si>
    <t>pmol/mmol</t>
  </si>
  <si>
    <t>FGF23</t>
  </si>
  <si>
    <t>pg/ml</t>
  </si>
  <si>
    <t>VitD</t>
  </si>
  <si>
    <t>pmol/l</t>
  </si>
  <si>
    <t>PTH</t>
  </si>
  <si>
    <t>Urinary DPD/Cr</t>
  </si>
  <si>
    <t>nmol/mmol</t>
  </si>
  <si>
    <t>Napi2a</t>
  </si>
  <si>
    <t>NHERF1</t>
  </si>
  <si>
    <t>PDZK1</t>
  </si>
  <si>
    <t>TRPV5</t>
  </si>
  <si>
    <t>CalD28</t>
  </si>
  <si>
    <t>PMCA4</t>
  </si>
  <si>
    <t>PVA</t>
  </si>
  <si>
    <t>NHE3</t>
  </si>
  <si>
    <t>NKCC2</t>
  </si>
  <si>
    <t>pNCC</t>
  </si>
  <si>
    <t>NCC</t>
  </si>
  <si>
    <t>NCC+</t>
  </si>
  <si>
    <t>NCC-</t>
  </si>
  <si>
    <t>Con</t>
  </si>
  <si>
    <t>CA-SPAK</t>
  </si>
  <si>
    <r>
      <t>0 K</t>
    </r>
    <r>
      <rPr>
        <vertAlign val="superscript"/>
        <sz val="10"/>
        <rFont val="Arial"/>
        <family val="2"/>
      </rPr>
      <t>+</t>
    </r>
  </si>
  <si>
    <t>Food intake (g/day/gBW)</t>
  </si>
  <si>
    <t>Casr</t>
  </si>
  <si>
    <t>0K</t>
  </si>
  <si>
    <t>Napi2c</t>
  </si>
  <si>
    <t>Pit2</t>
  </si>
  <si>
    <t>NHERF3</t>
  </si>
  <si>
    <t>NCX1</t>
  </si>
  <si>
    <t>PMCA1</t>
  </si>
  <si>
    <t>Klotho</t>
  </si>
  <si>
    <t>VDR</t>
  </si>
  <si>
    <t>FGFR1</t>
  </si>
  <si>
    <t>FGFR3</t>
  </si>
  <si>
    <t>PTHR1</t>
  </si>
  <si>
    <t>Na Excretion</t>
  </si>
  <si>
    <t>umol/gBW/day</t>
  </si>
  <si>
    <t>K Excretion</t>
  </si>
  <si>
    <t>Cl Excretion</t>
  </si>
  <si>
    <t>Ca Excretion</t>
  </si>
  <si>
    <t>Pi Excretion</t>
  </si>
  <si>
    <t>umol/gBW/12h</t>
  </si>
  <si>
    <t>4 week</t>
  </si>
  <si>
    <t>8 week</t>
  </si>
  <si>
    <t>Pendrin</t>
  </si>
  <si>
    <t>aENaC FL</t>
  </si>
  <si>
    <t>aENA cleaved</t>
  </si>
  <si>
    <t>NKATPASE</t>
  </si>
  <si>
    <t>HATPASE</t>
  </si>
  <si>
    <t>Na exretion</t>
  </si>
  <si>
    <t>umol/day</t>
  </si>
  <si>
    <t>K exretion</t>
  </si>
  <si>
    <t>Cl exretion</t>
  </si>
  <si>
    <t>Ca exretion</t>
  </si>
  <si>
    <t>Pi exretion</t>
  </si>
  <si>
    <t>aENAC</t>
  </si>
  <si>
    <t>aENaC cleaved</t>
  </si>
  <si>
    <t>NAKATPAS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9" x14ac:knownFonts="1">
    <font>
      <sz val="11"/>
      <color theme="1"/>
      <name val="Aptos Narrow"/>
      <family val="2"/>
      <scheme val="minor"/>
    </font>
    <font>
      <i/>
      <sz val="11"/>
      <color theme="1"/>
      <name val="Times New Roman"/>
      <family val="1"/>
    </font>
    <font>
      <sz val="11"/>
      <color rgb="FF00B050"/>
      <name val="Aptos Narrow"/>
      <family val="2"/>
      <scheme val="minor"/>
    </font>
    <font>
      <i/>
      <sz val="11"/>
      <color rgb="FFEE0000"/>
      <name val="Times New Roman"/>
      <family val="1"/>
    </font>
    <font>
      <i/>
      <sz val="11"/>
      <name val="Times New Roman"/>
      <family val="1"/>
    </font>
    <font>
      <sz val="11"/>
      <name val="Aptos Narrow"/>
      <family val="2"/>
      <scheme val="minor"/>
    </font>
    <font>
      <sz val="10"/>
      <name val="Arial"/>
      <family val="2"/>
    </font>
    <font>
      <vertAlign val="superscript"/>
      <sz val="10"/>
      <name val="Arial"/>
      <family val="2"/>
    </font>
    <font>
      <sz val="10"/>
      <name val="Arial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16">
    <xf numFmtId="0" fontId="0" fillId="0" borderId="0" xfId="0"/>
    <xf numFmtId="0" fontId="1" fillId="0" borderId="0" xfId="0" applyFont="1" applyAlignment="1">
      <alignment vertical="center"/>
    </xf>
    <xf numFmtId="0" fontId="2" fillId="0" borderId="0" xfId="0" applyFont="1"/>
    <xf numFmtId="0" fontId="3" fillId="0" borderId="0" xfId="0" applyFont="1" applyAlignment="1">
      <alignment vertical="center"/>
    </xf>
    <xf numFmtId="0" fontId="4" fillId="0" borderId="0" xfId="0" applyFont="1" applyAlignment="1">
      <alignment vertical="center"/>
    </xf>
    <xf numFmtId="0" fontId="5" fillId="0" borderId="0" xfId="0" applyFont="1"/>
    <xf numFmtId="0" fontId="6" fillId="0" borderId="0" xfId="0" applyFont="1"/>
    <xf numFmtId="0" fontId="0" fillId="0" borderId="0" xfId="0" applyAlignment="1">
      <alignment horizontal="center"/>
    </xf>
    <xf numFmtId="0" fontId="6" fillId="0" borderId="0" xfId="0" applyFont="1" applyAlignment="1">
      <alignment horizontal="center"/>
    </xf>
    <xf numFmtId="0" fontId="0" fillId="0" borderId="0" xfId="0" applyAlignment="1">
      <alignment horizontal="left"/>
    </xf>
    <xf numFmtId="0" fontId="6" fillId="0" borderId="0" xfId="0" applyFont="1" applyAlignment="1">
      <alignment horizontal="left"/>
    </xf>
    <xf numFmtId="0" fontId="0" fillId="0" borderId="0" xfId="0" applyAlignment="1">
      <alignment horizontal="center"/>
    </xf>
    <xf numFmtId="0" fontId="6" fillId="0" borderId="0" xfId="0" applyFont="1" applyAlignment="1">
      <alignment horizontal="center"/>
    </xf>
    <xf numFmtId="0" fontId="6" fillId="0" borderId="0" xfId="0" applyFont="1" applyAlignment="1">
      <alignment horizontal="left"/>
    </xf>
    <xf numFmtId="0" fontId="0" fillId="0" borderId="0" xfId="0" applyAlignment="1">
      <alignment horizontal="left"/>
    </xf>
    <xf numFmtId="0" fontId="8" fillId="0" borderId="0" xfId="0" applyFont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13" Type="http://schemas.openxmlformats.org/officeDocument/2006/relationships/worksheet" Target="worksheets/sheet13.xml"/><Relationship Id="rId18" Type="http://schemas.openxmlformats.org/officeDocument/2006/relationships/worksheet" Target="worksheets/sheet18.xml"/><Relationship Id="rId26" Type="http://schemas.openxmlformats.org/officeDocument/2006/relationships/worksheet" Target="worksheets/sheet26.xml"/><Relationship Id="rId3" Type="http://schemas.openxmlformats.org/officeDocument/2006/relationships/worksheet" Target="worksheets/sheet3.xml"/><Relationship Id="rId21" Type="http://schemas.openxmlformats.org/officeDocument/2006/relationships/worksheet" Target="worksheets/sheet21.xml"/><Relationship Id="rId7" Type="http://schemas.openxmlformats.org/officeDocument/2006/relationships/worksheet" Target="worksheets/sheet7.xml"/><Relationship Id="rId12" Type="http://schemas.openxmlformats.org/officeDocument/2006/relationships/worksheet" Target="worksheets/sheet12.xml"/><Relationship Id="rId17" Type="http://schemas.openxmlformats.org/officeDocument/2006/relationships/worksheet" Target="worksheets/sheet17.xml"/><Relationship Id="rId25" Type="http://schemas.openxmlformats.org/officeDocument/2006/relationships/worksheet" Target="worksheets/sheet25.xml"/><Relationship Id="rId33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6" Type="http://schemas.openxmlformats.org/officeDocument/2006/relationships/worksheet" Target="worksheets/sheet16.xml"/><Relationship Id="rId20" Type="http://schemas.openxmlformats.org/officeDocument/2006/relationships/worksheet" Target="worksheets/sheet20.xml"/><Relationship Id="rId29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worksheet" Target="worksheets/sheet11.xml"/><Relationship Id="rId24" Type="http://schemas.openxmlformats.org/officeDocument/2006/relationships/worksheet" Target="worksheets/sheet24.xml"/><Relationship Id="rId32" Type="http://schemas.openxmlformats.org/officeDocument/2006/relationships/customXml" Target="../customXml/item1.xml"/><Relationship Id="rId5" Type="http://schemas.openxmlformats.org/officeDocument/2006/relationships/worksheet" Target="worksheets/sheet5.xml"/><Relationship Id="rId15" Type="http://schemas.openxmlformats.org/officeDocument/2006/relationships/worksheet" Target="worksheets/sheet15.xml"/><Relationship Id="rId23" Type="http://schemas.openxmlformats.org/officeDocument/2006/relationships/worksheet" Target="worksheets/sheet23.xml"/><Relationship Id="rId28" Type="http://schemas.openxmlformats.org/officeDocument/2006/relationships/worksheet" Target="worksheets/sheet28.xml"/><Relationship Id="rId10" Type="http://schemas.openxmlformats.org/officeDocument/2006/relationships/worksheet" Target="worksheets/sheet10.xml"/><Relationship Id="rId19" Type="http://schemas.openxmlformats.org/officeDocument/2006/relationships/worksheet" Target="worksheets/sheet19.xml"/><Relationship Id="rId31" Type="http://schemas.openxmlformats.org/officeDocument/2006/relationships/sharedStrings" Target="sharedStrings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worksheet" Target="worksheets/sheet14.xml"/><Relationship Id="rId22" Type="http://schemas.openxmlformats.org/officeDocument/2006/relationships/worksheet" Target="worksheets/sheet22.xml"/><Relationship Id="rId27" Type="http://schemas.openxmlformats.org/officeDocument/2006/relationships/worksheet" Target="worksheets/sheet27.xml"/><Relationship Id="rId30" Type="http://schemas.openxmlformats.org/officeDocument/2006/relationships/styles" Target="styles.xml"/><Relationship Id="rId8" Type="http://schemas.openxmlformats.org/officeDocument/2006/relationships/worksheet" Target="worksheets/sheet8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1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1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AG48"/>
  <sheetViews>
    <sheetView workbookViewId="0">
      <selection activeCell="K25" sqref="K25"/>
    </sheetView>
  </sheetViews>
  <sheetFormatPr defaultRowHeight="15" x14ac:dyDescent="0.25"/>
  <sheetData>
    <row r="1" spans="1:33" x14ac:dyDescent="0.25">
      <c r="B1" s="1" t="s">
        <v>12</v>
      </c>
      <c r="D1" s="1" t="s">
        <v>13</v>
      </c>
      <c r="F1" s="1" t="s">
        <v>0</v>
      </c>
      <c r="H1" t="s">
        <v>53</v>
      </c>
      <c r="J1" s="1" t="s">
        <v>1</v>
      </c>
      <c r="L1" s="1" t="s">
        <v>2</v>
      </c>
      <c r="N1" s="1" t="s">
        <v>3</v>
      </c>
      <c r="P1" s="1" t="s">
        <v>4</v>
      </c>
      <c r="R1" s="1" t="s">
        <v>5</v>
      </c>
      <c r="T1" s="1" t="s">
        <v>6</v>
      </c>
      <c r="V1" s="1" t="s">
        <v>7</v>
      </c>
      <c r="X1" s="1" t="s">
        <v>8</v>
      </c>
      <c r="Z1" s="1" t="s">
        <v>9</v>
      </c>
      <c r="AB1" s="1" t="s">
        <v>10</v>
      </c>
      <c r="AD1" s="1" t="s">
        <v>11</v>
      </c>
      <c r="AF1" s="1" t="s">
        <v>14</v>
      </c>
    </row>
    <row r="2" spans="1:33" x14ac:dyDescent="0.25">
      <c r="A2" t="s">
        <v>17</v>
      </c>
      <c r="B2" t="s">
        <v>15</v>
      </c>
      <c r="C2" t="s">
        <v>16</v>
      </c>
      <c r="D2" t="s">
        <v>15</v>
      </c>
      <c r="E2" t="s">
        <v>16</v>
      </c>
      <c r="F2" t="s">
        <v>15</v>
      </c>
      <c r="G2" t="s">
        <v>16</v>
      </c>
      <c r="H2" t="s">
        <v>15</v>
      </c>
      <c r="I2" t="s">
        <v>16</v>
      </c>
      <c r="J2" t="s">
        <v>15</v>
      </c>
      <c r="K2" t="s">
        <v>16</v>
      </c>
      <c r="L2" t="s">
        <v>15</v>
      </c>
      <c r="M2" t="s">
        <v>16</v>
      </c>
      <c r="N2" t="s">
        <v>15</v>
      </c>
      <c r="O2" t="s">
        <v>16</v>
      </c>
      <c r="P2" t="s">
        <v>15</v>
      </c>
      <c r="Q2" t="s">
        <v>16</v>
      </c>
      <c r="R2" t="s">
        <v>15</v>
      </c>
      <c r="S2" t="s">
        <v>16</v>
      </c>
      <c r="T2" t="s">
        <v>15</v>
      </c>
      <c r="U2" t="s">
        <v>16</v>
      </c>
      <c r="V2" t="s">
        <v>15</v>
      </c>
      <c r="W2" t="s">
        <v>16</v>
      </c>
      <c r="X2" t="s">
        <v>15</v>
      </c>
      <c r="Y2" t="s">
        <v>16</v>
      </c>
      <c r="Z2" t="s">
        <v>15</v>
      </c>
      <c r="AA2" t="s">
        <v>16</v>
      </c>
      <c r="AB2" t="s">
        <v>15</v>
      </c>
      <c r="AC2" t="s">
        <v>16</v>
      </c>
      <c r="AD2" t="s">
        <v>15</v>
      </c>
      <c r="AE2" t="s">
        <v>16</v>
      </c>
      <c r="AF2" t="s">
        <v>15</v>
      </c>
      <c r="AG2" t="s">
        <v>16</v>
      </c>
    </row>
    <row r="3" spans="1:33" x14ac:dyDescent="0.25">
      <c r="B3">
        <v>0.77807236372964872</v>
      </c>
      <c r="C3">
        <v>0.77807236372964872</v>
      </c>
      <c r="D3">
        <v>1.0867313559662186</v>
      </c>
      <c r="E3">
        <v>1.0680619617286098</v>
      </c>
      <c r="F3">
        <v>1.0946211289238728</v>
      </c>
      <c r="G3">
        <v>1.4000046408552551</v>
      </c>
      <c r="H3">
        <v>0.92661907579374725</v>
      </c>
      <c r="I3">
        <v>1.168816368798322</v>
      </c>
      <c r="J3">
        <v>0.92134182521244412</v>
      </c>
      <c r="K3">
        <v>0.89614768455074978</v>
      </c>
      <c r="L3">
        <v>0.92134182521244412</v>
      </c>
      <c r="M3">
        <v>1.29614768455075</v>
      </c>
      <c r="N3">
        <v>1.0345025559549361</v>
      </c>
      <c r="O3">
        <v>1.1010936742302222</v>
      </c>
      <c r="P3">
        <v>0.98786924232725437</v>
      </c>
      <c r="Q3">
        <v>0.67707708547526313</v>
      </c>
      <c r="R3">
        <v>1.0498628282678928</v>
      </c>
      <c r="S3">
        <v>0.70972394959396001</v>
      </c>
      <c r="T3">
        <v>0.8706059561088938</v>
      </c>
      <c r="U3">
        <v>1.0425320925548032</v>
      </c>
      <c r="V3">
        <v>1.0077519316805716</v>
      </c>
      <c r="W3">
        <v>1.1143022018019211</v>
      </c>
      <c r="X3">
        <v>0.94305941311871544</v>
      </c>
      <c r="Y3">
        <v>0.77400809992693864</v>
      </c>
      <c r="Z3">
        <v>0.95434403000377388</v>
      </c>
      <c r="AA3">
        <v>1.0407195443420398</v>
      </c>
      <c r="AB3">
        <v>0.69833850465934233</v>
      </c>
      <c r="AC3">
        <v>0.7536666328666386</v>
      </c>
      <c r="AD3">
        <v>0.82853067532353597</v>
      </c>
      <c r="AE3">
        <v>0.8849249538195938</v>
      </c>
      <c r="AF3">
        <v>1.2104224679506854</v>
      </c>
      <c r="AG3">
        <v>1.0647470054085699</v>
      </c>
    </row>
    <row r="4" spans="1:33" x14ac:dyDescent="0.25">
      <c r="B4">
        <v>0.80830755808487686</v>
      </c>
      <c r="C4">
        <v>0.77807236372964872</v>
      </c>
      <c r="D4">
        <v>0.75785583787913591</v>
      </c>
      <c r="E4">
        <v>0.73713223013842311</v>
      </c>
      <c r="F4">
        <v>0.55881072284328603</v>
      </c>
      <c r="G4">
        <v>0.88910863507058302</v>
      </c>
      <c r="H4">
        <v>0.72198876269623358</v>
      </c>
      <c r="I4">
        <v>1.3333433040382094</v>
      </c>
      <c r="J4">
        <v>0.76940142789899746</v>
      </c>
      <c r="K4">
        <v>0.87164247899034919</v>
      </c>
      <c r="L4">
        <v>0.76940142789899746</v>
      </c>
      <c r="M4">
        <v>1.27164247899034</v>
      </c>
      <c r="N4">
        <v>0.79220033129368184</v>
      </c>
      <c r="O4">
        <v>1.26044853197371</v>
      </c>
      <c r="P4">
        <v>0.93458125066871856</v>
      </c>
      <c r="Q4">
        <v>0.56541889460216121</v>
      </c>
      <c r="R4">
        <v>0.73214476513168358</v>
      </c>
      <c r="S4">
        <v>0.82656537899881433</v>
      </c>
      <c r="T4">
        <v>0.7983491817899262</v>
      </c>
      <c r="U4">
        <v>0.77115447785831515</v>
      </c>
      <c r="V4">
        <v>1.0689101202737237</v>
      </c>
      <c r="W4">
        <v>0.95009293723017652</v>
      </c>
      <c r="X4">
        <v>0.75807924356513356</v>
      </c>
      <c r="Y4">
        <v>0.97631633150023911</v>
      </c>
      <c r="Z4">
        <v>0.7805599467124158</v>
      </c>
      <c r="AA4">
        <v>0.92503595013542883</v>
      </c>
      <c r="AB4">
        <v>1.162312839955685</v>
      </c>
      <c r="AC4">
        <v>0.50768249678062249</v>
      </c>
      <c r="AD4">
        <v>0.55233942666917502</v>
      </c>
      <c r="AE4">
        <v>0.88492495381959591</v>
      </c>
      <c r="AF4">
        <v>0.52976844333384998</v>
      </c>
      <c r="AG4">
        <v>1.35316105275587</v>
      </c>
    </row>
    <row r="5" spans="1:33" x14ac:dyDescent="0.25">
      <c r="B5">
        <v>0.80272416993912821</v>
      </c>
      <c r="C5">
        <v>0.81959111110609018</v>
      </c>
      <c r="D5">
        <v>1.0792247541661646</v>
      </c>
      <c r="E5">
        <v>0.96593321214479266</v>
      </c>
      <c r="F5">
        <v>0.68797669954574459</v>
      </c>
      <c r="G5">
        <v>1.2573894901398495</v>
      </c>
      <c r="H5">
        <v>1.0035053357929213</v>
      </c>
      <c r="I5">
        <v>1.2527063666560743</v>
      </c>
      <c r="J5">
        <v>0.98405333249708071</v>
      </c>
      <c r="K5">
        <v>0.92134182521244412</v>
      </c>
      <c r="L5">
        <v>0.98405333249708071</v>
      </c>
      <c r="M5">
        <v>1.2213418252124399</v>
      </c>
      <c r="N5">
        <v>1.1087523863984654</v>
      </c>
      <c r="O5">
        <v>0.89436597550618979</v>
      </c>
      <c r="P5">
        <v>1.1829523806349216</v>
      </c>
      <c r="Q5">
        <v>0.61446042469511575</v>
      </c>
      <c r="R5">
        <v>1.2498628282678901</v>
      </c>
      <c r="S5">
        <v>0.78360457989204002</v>
      </c>
      <c r="T5">
        <v>0.90130780884692407</v>
      </c>
      <c r="U5">
        <v>0.81230407967804286</v>
      </c>
      <c r="V5">
        <v>1.0432902268022859</v>
      </c>
      <c r="W5">
        <v>1.1984257673122718</v>
      </c>
      <c r="X5">
        <v>0.97631633150023911</v>
      </c>
      <c r="Y5">
        <v>1.1292935644000848</v>
      </c>
      <c r="Z5">
        <v>1.1388528421524404</v>
      </c>
      <c r="AA5">
        <v>0.91864626008896377</v>
      </c>
      <c r="AB5">
        <v>0.85678102040442961</v>
      </c>
      <c r="AC5">
        <v>0.78295344240520792</v>
      </c>
      <c r="AD5">
        <v>0.75190745862397201</v>
      </c>
      <c r="AE5">
        <v>1.1717193178846812</v>
      </c>
      <c r="AF5">
        <v>0.99000702826145115</v>
      </c>
      <c r="AG5">
        <v>0.53336331669527204</v>
      </c>
    </row>
    <row r="6" spans="1:33" x14ac:dyDescent="0.25">
      <c r="B6">
        <v>0.87234834046514109</v>
      </c>
      <c r="C6">
        <v>0.74637690076444896</v>
      </c>
      <c r="D6">
        <v>1.1328802298272267</v>
      </c>
      <c r="E6">
        <v>0.79003876264255835</v>
      </c>
      <c r="F6">
        <v>0.97971335355434652</v>
      </c>
      <c r="G6">
        <v>0.98652779882622821</v>
      </c>
      <c r="H6">
        <v>1.1329218041432316</v>
      </c>
      <c r="I6">
        <v>1.189246919049497</v>
      </c>
      <c r="J6">
        <v>0.86262678134705084</v>
      </c>
      <c r="K6">
        <v>0.75618357188926233</v>
      </c>
      <c r="L6">
        <v>0.86262678134705084</v>
      </c>
      <c r="M6">
        <v>1.25618357188926</v>
      </c>
      <c r="N6">
        <v>1.0672788859229689</v>
      </c>
      <c r="O6">
        <v>0.73404336960232075</v>
      </c>
      <c r="P6">
        <v>0.94762751874956841</v>
      </c>
      <c r="Q6">
        <v>0.6427777963720811</v>
      </c>
      <c r="R6">
        <v>0.90764550280376832</v>
      </c>
      <c r="S6">
        <v>0.87369451730520264</v>
      </c>
      <c r="T6">
        <v>0.67599842730907644</v>
      </c>
      <c r="U6">
        <v>0.75790650549955874</v>
      </c>
      <c r="V6">
        <v>1.1066051542584523</v>
      </c>
      <c r="W6">
        <v>0.99732840720295779</v>
      </c>
      <c r="X6">
        <v>0.7902716554209881</v>
      </c>
      <c r="Y6">
        <v>0.8708043800406674</v>
      </c>
      <c r="Z6">
        <v>0.99142898324719941</v>
      </c>
      <c r="AA6">
        <v>1.0299550245195004</v>
      </c>
      <c r="AB6">
        <v>0.69111534956715825</v>
      </c>
      <c r="AC6">
        <v>0.6792424015254056</v>
      </c>
      <c r="AD6">
        <v>1.0450898763768051</v>
      </c>
      <c r="AE6">
        <v>0.86371486083135718</v>
      </c>
      <c r="AF6">
        <v>0.99000702826145115</v>
      </c>
      <c r="AG6">
        <v>1.273855271503</v>
      </c>
    </row>
    <row r="7" spans="1:33" x14ac:dyDescent="0.25">
      <c r="B7">
        <v>1.2209264071904367</v>
      </c>
      <c r="C7">
        <v>0.76470554623229048</v>
      </c>
      <c r="D7">
        <v>0.80106729278300648</v>
      </c>
      <c r="E7">
        <v>0.82358835979215195</v>
      </c>
      <c r="F7">
        <v>1.0037720010004532</v>
      </c>
      <c r="G7">
        <v>0.35984103216148694</v>
      </c>
      <c r="H7">
        <v>0.91070031469505686</v>
      </c>
      <c r="I7">
        <v>1.2701934958642487</v>
      </c>
      <c r="J7">
        <v>1.1264696250270623</v>
      </c>
      <c r="K7">
        <v>0.67915294575675345</v>
      </c>
      <c r="L7">
        <v>1.1264696250270623</v>
      </c>
      <c r="M7">
        <v>1.20915294575675</v>
      </c>
      <c r="N7">
        <v>1.0202602535647267</v>
      </c>
      <c r="O7">
        <v>0.60665037634682817</v>
      </c>
      <c r="P7">
        <v>0.93134784517540281</v>
      </c>
      <c r="Q7">
        <v>0.68178652903554282</v>
      </c>
      <c r="R7">
        <v>0.88589083826218362</v>
      </c>
      <c r="S7">
        <v>0.8767277649434192</v>
      </c>
      <c r="T7">
        <v>1.1934116745469876</v>
      </c>
      <c r="U7">
        <v>0.63732086357204865</v>
      </c>
      <c r="V7">
        <v>0.73516528513464374</v>
      </c>
      <c r="W7">
        <v>0.92411259589839956</v>
      </c>
      <c r="X7">
        <v>1.0213098108558916</v>
      </c>
      <c r="Y7">
        <v>0.93979667541161993</v>
      </c>
      <c r="Z7">
        <v>0.93147008399086129</v>
      </c>
      <c r="AA7">
        <v>0.72325752821350708</v>
      </c>
      <c r="AB7">
        <v>1.0048627245688693</v>
      </c>
      <c r="AC7">
        <v>0.443497668918865</v>
      </c>
      <c r="AD7">
        <v>0.69670847480730236</v>
      </c>
      <c r="AE7">
        <v>0.75451789222273513</v>
      </c>
      <c r="AF7">
        <v>0.98658186414510607</v>
      </c>
      <c r="AG7">
        <v>1.3620073299145501</v>
      </c>
    </row>
    <row r="8" spans="1:33" x14ac:dyDescent="0.25">
      <c r="B8">
        <v>1.1157209493062092</v>
      </c>
      <c r="C8">
        <v>1.2294186219312224</v>
      </c>
      <c r="D8">
        <v>0.66664718747280405</v>
      </c>
      <c r="E8">
        <v>1.2099901849397598</v>
      </c>
      <c r="F8">
        <v>0.70977398867261032</v>
      </c>
      <c r="G8">
        <v>0.87081104394793729</v>
      </c>
      <c r="H8">
        <v>0.87360213534519338</v>
      </c>
      <c r="I8">
        <v>1.1408018984622994</v>
      </c>
      <c r="J8">
        <v>1.0437733066321961</v>
      </c>
      <c r="K8">
        <v>0.79103224627187851</v>
      </c>
      <c r="L8">
        <v>1.0437733066321961</v>
      </c>
      <c r="M8">
        <v>1.2103224627186999</v>
      </c>
      <c r="N8">
        <v>0.68726443537195148</v>
      </c>
      <c r="O8">
        <v>0.7840063310791231</v>
      </c>
      <c r="P8">
        <v>0.96753918729713051</v>
      </c>
      <c r="Q8">
        <v>0.9912988758968857</v>
      </c>
      <c r="R8">
        <v>0.94236512518391502</v>
      </c>
      <c r="S8">
        <v>1.0141006462117423</v>
      </c>
      <c r="T8">
        <v>0.98288313505915081</v>
      </c>
      <c r="U8">
        <v>0.71702324503093229</v>
      </c>
      <c r="V8">
        <v>0.62249775899942095</v>
      </c>
      <c r="W8">
        <v>1.1104470090533578</v>
      </c>
      <c r="X8">
        <v>0.93979667541161771</v>
      </c>
      <c r="Y8">
        <v>1.1530224227355832</v>
      </c>
      <c r="Z8">
        <v>0.84532694382659102</v>
      </c>
      <c r="AA8">
        <v>1.1708703535434835</v>
      </c>
      <c r="AB8">
        <v>1.1188358808871581</v>
      </c>
      <c r="AC8">
        <v>0.64931859324933927</v>
      </c>
      <c r="AD8">
        <v>0.51714007635422654</v>
      </c>
      <c r="AE8">
        <v>0.85478116126648551</v>
      </c>
      <c r="AF8">
        <v>0.78915736146423299</v>
      </c>
      <c r="AG8">
        <v>1.4829613152913901</v>
      </c>
    </row>
    <row r="9" spans="1:33" x14ac:dyDescent="0.25">
      <c r="B9">
        <v>1.3500157538786479</v>
      </c>
      <c r="C9">
        <v>1.0374028532419619</v>
      </c>
      <c r="D9">
        <v>1.5262542841905595</v>
      </c>
      <c r="E9">
        <v>1.064366748057475</v>
      </c>
      <c r="F9">
        <v>1.454407565811457</v>
      </c>
      <c r="G9">
        <v>0.51778734464291776</v>
      </c>
      <c r="H9">
        <v>1.4845732592366097</v>
      </c>
      <c r="I9">
        <v>1.6935473076856509</v>
      </c>
      <c r="J9">
        <v>1.1501391463934623</v>
      </c>
      <c r="K9">
        <v>0.97725597961265853</v>
      </c>
      <c r="L9">
        <v>1.1501391463934623</v>
      </c>
      <c r="M9">
        <v>1.17725597961265</v>
      </c>
      <c r="N9">
        <v>1.1924569719777829</v>
      </c>
      <c r="O9">
        <v>1.1203404526319811</v>
      </c>
      <c r="P9">
        <v>0.94434897659761685</v>
      </c>
      <c r="Q9">
        <v>0.77775733429162142</v>
      </c>
      <c r="R9">
        <v>1.1968190556129801</v>
      </c>
      <c r="S9">
        <v>0.48030260747803</v>
      </c>
      <c r="T9">
        <v>1.1729095762891606</v>
      </c>
      <c r="U9">
        <v>0.78735807268673963</v>
      </c>
      <c r="V9">
        <v>1.5012253410429142</v>
      </c>
      <c r="W9">
        <v>0.6718171586729027</v>
      </c>
      <c r="X9">
        <v>1.5533905227884071</v>
      </c>
      <c r="Y9">
        <v>1.2272426864598891</v>
      </c>
      <c r="Z9">
        <v>1.3172976257246802</v>
      </c>
      <c r="AA9">
        <v>1.0962534173665779</v>
      </c>
      <c r="AB9">
        <v>1.3870294565038239</v>
      </c>
      <c r="AC9">
        <v>0.91193217101044077</v>
      </c>
      <c r="AD9">
        <v>2.6092352380579538</v>
      </c>
      <c r="AE9">
        <v>2.171402263676554</v>
      </c>
      <c r="AF9">
        <v>1.34445207539525</v>
      </c>
      <c r="AG9">
        <v>1.0428348288920528</v>
      </c>
    </row>
    <row r="10" spans="1:33" x14ac:dyDescent="0.25">
      <c r="B10">
        <v>1.0518844574059112</v>
      </c>
      <c r="C10">
        <v>1.0965535312066026</v>
      </c>
      <c r="D10">
        <v>0.94933905771488314</v>
      </c>
      <c r="E10">
        <v>0.99999677330693892</v>
      </c>
      <c r="F10">
        <v>1.5109245396482303</v>
      </c>
      <c r="G10">
        <v>0.78481885620469827</v>
      </c>
      <c r="H10">
        <v>0.9460893122970071</v>
      </c>
      <c r="I10">
        <v>1.4389817426721461</v>
      </c>
      <c r="J10">
        <v>1.1421945549917059</v>
      </c>
      <c r="K10">
        <v>0.9277502643970591</v>
      </c>
      <c r="L10">
        <v>1.1421945549917059</v>
      </c>
      <c r="M10">
        <v>1.2277502643970499</v>
      </c>
      <c r="N10">
        <v>1.0972841795154864</v>
      </c>
      <c r="O10">
        <v>0.88511524093098026</v>
      </c>
      <c r="P10">
        <v>1.1037335985493877</v>
      </c>
      <c r="Q10">
        <v>0.75126406428002424</v>
      </c>
      <c r="R10">
        <v>1.0354090564696889</v>
      </c>
      <c r="S10">
        <v>0.73901117283458695</v>
      </c>
      <c r="T10">
        <v>1.4045342400498801</v>
      </c>
      <c r="U10">
        <v>0.71702324503093151</v>
      </c>
      <c r="V10">
        <v>0.91455418180798698</v>
      </c>
      <c r="W10">
        <v>1.3068925662793274</v>
      </c>
      <c r="X10">
        <v>1.0177763473390085</v>
      </c>
      <c r="Y10">
        <v>1.2019863971839262</v>
      </c>
      <c r="Z10">
        <v>1.0407195443420374</v>
      </c>
      <c r="AA10">
        <v>1.1000593335343571</v>
      </c>
      <c r="AB10">
        <v>1.0807242234535339</v>
      </c>
      <c r="AC10">
        <v>0.85086280159652616</v>
      </c>
      <c r="AD10">
        <v>0.99904877378702894</v>
      </c>
      <c r="AE10">
        <v>1.8386246880215047</v>
      </c>
      <c r="AF10">
        <v>1.25960373118797</v>
      </c>
      <c r="AG10">
        <v>1.16136596679647</v>
      </c>
    </row>
    <row r="11" spans="1:33" x14ac:dyDescent="0.25">
      <c r="C11">
        <v>0.91255046121359185</v>
      </c>
      <c r="E11">
        <v>0.92658507207510155</v>
      </c>
      <c r="G11">
        <v>0.46023149168652883</v>
      </c>
      <c r="I11">
        <v>1.4191708557921163</v>
      </c>
      <c r="K11">
        <v>0.84195113629089036</v>
      </c>
      <c r="M11">
        <v>1.1419511362908901</v>
      </c>
      <c r="O11">
        <v>0.82870883586497057</v>
      </c>
      <c r="Q11">
        <v>0.63612932477552897</v>
      </c>
      <c r="S11">
        <v>0.93131581689201004</v>
      </c>
      <c r="U11">
        <v>0.85268914461312206</v>
      </c>
      <c r="W11">
        <v>1.181926685630907</v>
      </c>
      <c r="Y11">
        <v>0.95622403193694483</v>
      </c>
      <c r="AA11">
        <v>0.82506594541465128</v>
      </c>
      <c r="AC11">
        <v>0.74846067716116138</v>
      </c>
      <c r="AE11">
        <v>1.7454838609583163</v>
      </c>
      <c r="AG11">
        <v>0.93013412493339476</v>
      </c>
    </row>
    <row r="13" spans="1:33" x14ac:dyDescent="0.25">
      <c r="B13" s="1" t="s">
        <v>12</v>
      </c>
      <c r="D13" s="1" t="s">
        <v>13</v>
      </c>
      <c r="F13" s="1" t="s">
        <v>0</v>
      </c>
      <c r="H13" t="s">
        <v>53</v>
      </c>
      <c r="J13" s="1" t="s">
        <v>1</v>
      </c>
      <c r="L13" s="1" t="s">
        <v>2</v>
      </c>
      <c r="N13" s="1" t="s">
        <v>3</v>
      </c>
      <c r="P13" s="1" t="s">
        <v>4</v>
      </c>
      <c r="R13" s="1" t="s">
        <v>5</v>
      </c>
      <c r="T13" s="1" t="s">
        <v>6</v>
      </c>
      <c r="V13" s="1" t="s">
        <v>7</v>
      </c>
      <c r="X13" s="1" t="s">
        <v>8</v>
      </c>
      <c r="Z13" s="1" t="s">
        <v>9</v>
      </c>
      <c r="AB13" s="1" t="s">
        <v>10</v>
      </c>
      <c r="AD13" s="1" t="s">
        <v>11</v>
      </c>
      <c r="AF13" s="1" t="s">
        <v>14</v>
      </c>
    </row>
    <row r="14" spans="1:33" x14ac:dyDescent="0.25">
      <c r="A14" t="s">
        <v>18</v>
      </c>
      <c r="B14" t="s">
        <v>15</v>
      </c>
      <c r="C14" t="s">
        <v>16</v>
      </c>
      <c r="D14" t="s">
        <v>15</v>
      </c>
      <c r="E14" t="s">
        <v>16</v>
      </c>
      <c r="F14" t="s">
        <v>15</v>
      </c>
      <c r="G14" t="s">
        <v>16</v>
      </c>
      <c r="H14" t="s">
        <v>15</v>
      </c>
      <c r="I14" t="s">
        <v>16</v>
      </c>
      <c r="J14" t="s">
        <v>15</v>
      </c>
      <c r="K14" t="s">
        <v>16</v>
      </c>
      <c r="L14" t="s">
        <v>15</v>
      </c>
      <c r="M14" t="s">
        <v>16</v>
      </c>
      <c r="N14" t="s">
        <v>15</v>
      </c>
      <c r="O14" t="s">
        <v>16</v>
      </c>
      <c r="P14" t="s">
        <v>15</v>
      </c>
      <c r="Q14" t="s">
        <v>16</v>
      </c>
      <c r="R14" t="s">
        <v>15</v>
      </c>
      <c r="S14" t="s">
        <v>16</v>
      </c>
      <c r="T14" t="s">
        <v>15</v>
      </c>
      <c r="U14" t="s">
        <v>16</v>
      </c>
      <c r="V14" t="s">
        <v>15</v>
      </c>
      <c r="W14" t="s">
        <v>16</v>
      </c>
      <c r="X14" t="s">
        <v>15</v>
      </c>
      <c r="Y14" t="s">
        <v>16</v>
      </c>
      <c r="Z14" t="s">
        <v>15</v>
      </c>
      <c r="AA14" t="s">
        <v>16</v>
      </c>
      <c r="AB14" t="s">
        <v>15</v>
      </c>
      <c r="AC14" t="s">
        <v>16</v>
      </c>
      <c r="AD14" t="s">
        <v>15</v>
      </c>
      <c r="AE14" t="s">
        <v>16</v>
      </c>
      <c r="AF14" t="s">
        <v>15</v>
      </c>
      <c r="AG14" t="s">
        <v>16</v>
      </c>
    </row>
    <row r="15" spans="1:33" x14ac:dyDescent="0.25">
      <c r="B15">
        <v>0.99246615994649989</v>
      </c>
      <c r="C15">
        <v>1.1440021922302268</v>
      </c>
      <c r="D15">
        <v>0.56277612916515607</v>
      </c>
      <c r="E15">
        <v>0.38041157279400473</v>
      </c>
      <c r="F15">
        <v>0.60384534522908662</v>
      </c>
      <c r="G15">
        <v>0.51485961057398655</v>
      </c>
      <c r="H15">
        <v>0.83214832719716259</v>
      </c>
      <c r="I15">
        <v>1.5528436862542356</v>
      </c>
      <c r="J15">
        <v>1.0280044081578186</v>
      </c>
      <c r="K15">
        <v>0.64164465355446332</v>
      </c>
      <c r="L15">
        <v>1.0437733066321961</v>
      </c>
      <c r="M15">
        <v>1.3896147684550699</v>
      </c>
      <c r="N15">
        <v>0.9130309415286747</v>
      </c>
      <c r="O15">
        <v>0.50303673271204274</v>
      </c>
      <c r="P15">
        <v>0.93691626983219278</v>
      </c>
      <c r="Q15">
        <v>0.91129624516334673</v>
      </c>
      <c r="R15">
        <v>0.61950057711694206</v>
      </c>
      <c r="S15">
        <v>0.43202225311713693</v>
      </c>
      <c r="T15">
        <v>1.0497349259335771</v>
      </c>
      <c r="U15">
        <v>0.71203747159722486</v>
      </c>
      <c r="V15">
        <v>0.67851344457914742</v>
      </c>
      <c r="W15">
        <v>0.38168365389959952</v>
      </c>
      <c r="X15">
        <v>0.70815487553378598</v>
      </c>
      <c r="Y15">
        <v>0.81345634060878758</v>
      </c>
      <c r="Z15">
        <v>0.76144079190550307</v>
      </c>
      <c r="AA15">
        <v>0.51648693669709422</v>
      </c>
      <c r="AB15">
        <v>0.93969656763115472</v>
      </c>
      <c r="AC15">
        <v>0.66446581522971426</v>
      </c>
      <c r="AD15">
        <v>0.3620655660234115</v>
      </c>
      <c r="AE15">
        <v>0.13115301533102341</v>
      </c>
      <c r="AF15">
        <v>0.91858713621228161</v>
      </c>
      <c r="AG15">
        <v>1.41501191062147</v>
      </c>
    </row>
    <row r="16" spans="1:33" x14ac:dyDescent="0.25">
      <c r="B16">
        <v>1.0710975035893826</v>
      </c>
      <c r="C16">
        <v>1.0310325049752971</v>
      </c>
      <c r="D16">
        <v>1.1571958394133566</v>
      </c>
      <c r="E16">
        <v>0.45870325221916541</v>
      </c>
      <c r="F16">
        <v>0.65621978823453286</v>
      </c>
      <c r="G16">
        <v>0.65394944024008861</v>
      </c>
      <c r="H16">
        <v>1.0103902419406885</v>
      </c>
      <c r="I16">
        <v>0.77642184312711782</v>
      </c>
      <c r="J16">
        <v>0.96583352775655806</v>
      </c>
      <c r="K16">
        <v>1.0903916738054904</v>
      </c>
      <c r="L16">
        <v>1.1501391463934623</v>
      </c>
      <c r="M16">
        <v>1.27164247899034</v>
      </c>
      <c r="N16">
        <v>1.0236593198323842</v>
      </c>
      <c r="O16">
        <v>0.51897453570972885</v>
      </c>
      <c r="P16">
        <v>1.1494884964017917</v>
      </c>
      <c r="Q16">
        <v>0.79884750232400925</v>
      </c>
      <c r="R16">
        <v>1.1089370959480203</v>
      </c>
      <c r="S16">
        <v>0.53004161218875645</v>
      </c>
      <c r="T16">
        <v>0.90439509415365327</v>
      </c>
      <c r="U16">
        <v>0.89194401963768299</v>
      </c>
      <c r="V16">
        <v>1.1530453911455929</v>
      </c>
      <c r="W16">
        <v>0.51779369659623786</v>
      </c>
      <c r="X16">
        <v>1.2034171496159107</v>
      </c>
      <c r="Y16">
        <v>0.7857470313882926</v>
      </c>
      <c r="Z16">
        <v>1.0437699445541948</v>
      </c>
      <c r="AA16">
        <v>0.65374674582385905</v>
      </c>
      <c r="AB16">
        <v>1.1097747503429136</v>
      </c>
      <c r="AC16">
        <v>0.67374141234857865</v>
      </c>
      <c r="AD16">
        <v>1.5738770924714851</v>
      </c>
      <c r="AE16">
        <v>0.22835066274881538</v>
      </c>
      <c r="AF16">
        <v>0.91858713621228161</v>
      </c>
      <c r="AG16">
        <v>1.34687517167482</v>
      </c>
    </row>
    <row r="17" spans="2:33" x14ac:dyDescent="0.25">
      <c r="B17">
        <v>0.76000974205580651</v>
      </c>
      <c r="C17">
        <v>0.83745862288735895</v>
      </c>
      <c r="D17">
        <v>1.0501773907209395</v>
      </c>
      <c r="E17">
        <v>0.59280644642806102</v>
      </c>
      <c r="F17">
        <v>0.8688933443833603</v>
      </c>
      <c r="G17">
        <v>0.51485961057398788</v>
      </c>
      <c r="H17">
        <v>1.0244947641031019</v>
      </c>
      <c r="I17">
        <v>1.747039964615773</v>
      </c>
      <c r="J17">
        <v>0.73196493925589756</v>
      </c>
      <c r="K17">
        <v>0.44746490829634517</v>
      </c>
      <c r="L17">
        <v>1.1421945549917059</v>
      </c>
      <c r="M17">
        <v>1.32134182521244</v>
      </c>
      <c r="N17">
        <v>0.9922225547242024</v>
      </c>
      <c r="O17">
        <v>0.95180349513217677</v>
      </c>
      <c r="P17">
        <v>0.96660075599964779</v>
      </c>
      <c r="Q17">
        <v>0.56487048602724332</v>
      </c>
      <c r="R17">
        <v>1.0168998006439798</v>
      </c>
      <c r="S17">
        <v>0.995972305362815</v>
      </c>
      <c r="T17">
        <v>1.2440332721287801</v>
      </c>
      <c r="U17">
        <v>0.98283767831431124</v>
      </c>
      <c r="V17">
        <v>1.1099150861608318</v>
      </c>
      <c r="W17">
        <v>0.84994966315266052</v>
      </c>
      <c r="X17">
        <v>0.84214281650864253</v>
      </c>
      <c r="Y17">
        <v>0.8538986921360151</v>
      </c>
      <c r="Z17">
        <v>0.94724121842726106</v>
      </c>
      <c r="AA17">
        <v>0.88687566443947918</v>
      </c>
      <c r="AB17">
        <v>0.90768705284091733</v>
      </c>
      <c r="AC17">
        <v>0.84397190807746092</v>
      </c>
      <c r="AD17">
        <v>0.98235942737430004</v>
      </c>
      <c r="AE17">
        <v>0.80626325685334488</v>
      </c>
      <c r="AF17">
        <v>1.0157099542556007</v>
      </c>
      <c r="AG17">
        <v>1.18108396174886</v>
      </c>
    </row>
    <row r="18" spans="2:33" x14ac:dyDescent="0.25">
      <c r="B18">
        <v>1.1967234643816793</v>
      </c>
      <c r="C18">
        <v>0.98561069541808322</v>
      </c>
      <c r="D18">
        <v>1.2189450082070756</v>
      </c>
      <c r="E18">
        <v>0.93021302199627875</v>
      </c>
      <c r="F18">
        <v>0.96744463357145483</v>
      </c>
      <c r="G18">
        <v>0.69123635594878929</v>
      </c>
      <c r="H18">
        <v>0.97597264108167592</v>
      </c>
      <c r="I18">
        <v>1.3565221559070653</v>
      </c>
      <c r="J18">
        <v>1.0173714053575624</v>
      </c>
      <c r="K18">
        <v>0.46164201921696496</v>
      </c>
      <c r="L18">
        <v>0.98405333249708071</v>
      </c>
      <c r="M18">
        <v>1.25618357188926</v>
      </c>
      <c r="N18">
        <v>1.2472370217905406</v>
      </c>
      <c r="O18">
        <v>0.9035871487969005</v>
      </c>
      <c r="P18">
        <v>0.95660287227102214</v>
      </c>
      <c r="Q18">
        <v>0.84732775293769735</v>
      </c>
      <c r="R18">
        <v>1.2826944355773182</v>
      </c>
      <c r="S18">
        <v>1.0823578263482205</v>
      </c>
      <c r="T18">
        <v>1.105749869059365</v>
      </c>
      <c r="U18">
        <v>0.78188323070801591</v>
      </c>
      <c r="V18">
        <v>1.2749576336593362</v>
      </c>
      <c r="W18">
        <v>0.95293473035852239</v>
      </c>
      <c r="X18">
        <v>0.98087202299075715</v>
      </c>
      <c r="Y18">
        <v>0.98769452744590558</v>
      </c>
      <c r="Z18">
        <v>1.2031393642866248</v>
      </c>
      <c r="AA18">
        <v>0.84194842429837646</v>
      </c>
      <c r="AB18">
        <v>1.2572459309716546</v>
      </c>
      <c r="AC18">
        <v>0.95281424287576366</v>
      </c>
      <c r="AD18">
        <v>1.4889784583388961</v>
      </c>
      <c r="AE18">
        <v>0.96883499484390379</v>
      </c>
      <c r="AF18">
        <v>1.34955940745603</v>
      </c>
      <c r="AG18">
        <v>0.78321944346379779</v>
      </c>
    </row>
    <row r="19" spans="2:33" x14ac:dyDescent="0.25">
      <c r="B19">
        <v>1.1559586699230633</v>
      </c>
      <c r="C19">
        <v>1.2693499084773536</v>
      </c>
      <c r="D19">
        <v>1.2532142168710863</v>
      </c>
      <c r="E19">
        <v>1.1100564477817121</v>
      </c>
      <c r="F19">
        <v>1.2459541711445445</v>
      </c>
      <c r="G19">
        <v>0.72059023372519893</v>
      </c>
      <c r="H19">
        <v>1.0316206887176687</v>
      </c>
      <c r="I19">
        <v>1.3424911811681353</v>
      </c>
      <c r="J19">
        <v>1.0903916738054891</v>
      </c>
      <c r="K19">
        <v>1.1890805519187022</v>
      </c>
      <c r="L19">
        <v>0.86262678134705084</v>
      </c>
      <c r="M19">
        <v>1.3491529457567499</v>
      </c>
      <c r="N19">
        <v>1.0415525695610988</v>
      </c>
      <c r="O19">
        <v>1.1124462702115623</v>
      </c>
      <c r="P19">
        <v>1.1026630701753852</v>
      </c>
      <c r="Q19">
        <v>1.0504387396888604</v>
      </c>
      <c r="R19">
        <v>0.98226046031845382</v>
      </c>
      <c r="S19">
        <v>0.51419333583695004</v>
      </c>
      <c r="T19">
        <v>0.85858035686107415</v>
      </c>
      <c r="U19">
        <v>0.88885812775748307</v>
      </c>
      <c r="V19">
        <v>1.1937074490499942</v>
      </c>
      <c r="W19">
        <v>1.3807473013558484</v>
      </c>
      <c r="X19">
        <v>1.0225254997348325</v>
      </c>
      <c r="Y19">
        <v>1.3260515136954214</v>
      </c>
      <c r="Z19">
        <v>1.0546788502741955</v>
      </c>
      <c r="AA19">
        <v>0.81609203405693975</v>
      </c>
      <c r="AB19">
        <v>1.2528961904897578</v>
      </c>
      <c r="AC19">
        <v>0.53413150388736119</v>
      </c>
      <c r="AD19">
        <v>1.0134836972501826</v>
      </c>
      <c r="AE19">
        <v>1.4135499676890844</v>
      </c>
      <c r="AF19">
        <v>1.28303149783184</v>
      </c>
      <c r="AG19">
        <v>0.48321944346379803</v>
      </c>
    </row>
    <row r="20" spans="2:33" x14ac:dyDescent="0.25">
      <c r="B20">
        <v>0.98903248788085163</v>
      </c>
      <c r="C20">
        <v>1.0063204712485629</v>
      </c>
      <c r="D20">
        <v>1.0108949205790756</v>
      </c>
      <c r="E20">
        <v>0.71481065340850092</v>
      </c>
      <c r="F20">
        <v>0.93773423176928883</v>
      </c>
      <c r="G20">
        <v>0.61015640254102999</v>
      </c>
      <c r="H20">
        <v>1.1646630368238331</v>
      </c>
      <c r="I20">
        <v>1.0680007137384844</v>
      </c>
      <c r="J20">
        <v>1.07165939749827</v>
      </c>
      <c r="K20">
        <v>0.56052337815503783</v>
      </c>
      <c r="L20">
        <v>0.92134182521244412</v>
      </c>
      <c r="M20">
        <v>1.24310322462718</v>
      </c>
      <c r="N20">
        <v>1.0060734654240868</v>
      </c>
      <c r="O20">
        <v>0.9956673018996629</v>
      </c>
      <c r="P20">
        <v>1.0288210230228994</v>
      </c>
      <c r="Q20">
        <v>0.49345554629668936</v>
      </c>
      <c r="R20">
        <v>1.1967962264543222</v>
      </c>
      <c r="S20">
        <v>0.49918407315888003</v>
      </c>
      <c r="T20">
        <v>0.9428009199278673</v>
      </c>
      <c r="U20">
        <v>0.59255668293040631</v>
      </c>
      <c r="V20">
        <v>0.97295791470356319</v>
      </c>
      <c r="W20">
        <v>1.0284340685486495</v>
      </c>
      <c r="X20">
        <v>1.1584026609536249</v>
      </c>
      <c r="Y20">
        <v>1.3032707423919698</v>
      </c>
      <c r="Z20">
        <v>0.94069814538874719</v>
      </c>
      <c r="AA20">
        <v>0.89304437251757463</v>
      </c>
      <c r="AB20">
        <v>0.90454669420354317</v>
      </c>
      <c r="AC20">
        <v>0.63739821506807637</v>
      </c>
      <c r="AD20">
        <v>0.94889665896264785</v>
      </c>
      <c r="AE20">
        <v>1.148159348624739</v>
      </c>
      <c r="AF20">
        <v>0.70245282473278603</v>
      </c>
      <c r="AG20">
        <v>0.78821539637281501</v>
      </c>
    </row>
    <row r="21" spans="2:33" x14ac:dyDescent="0.25">
      <c r="B21">
        <v>0.95865911912086121</v>
      </c>
      <c r="C21">
        <v>1.1360999918673571</v>
      </c>
      <c r="D21">
        <v>0.91423251905296821</v>
      </c>
      <c r="E21">
        <v>0.87395629578061795</v>
      </c>
      <c r="F21">
        <v>1.2330668390614867</v>
      </c>
      <c r="G21">
        <v>0.70576070115336798</v>
      </c>
      <c r="H21">
        <v>0.93621553603276586</v>
      </c>
      <c r="I21">
        <v>1.3240087083619345</v>
      </c>
      <c r="J21">
        <v>1.1017878440338804</v>
      </c>
      <c r="K21">
        <v>0.22295839865994344</v>
      </c>
      <c r="L21">
        <v>0.76940142789899746</v>
      </c>
      <c r="M21">
        <v>0.97725597961265853</v>
      </c>
      <c r="N21">
        <v>0.87887851069546363</v>
      </c>
      <c r="O21">
        <v>0.80873315194154838</v>
      </c>
      <c r="P21">
        <v>0.99377560209944527</v>
      </c>
      <c r="Q21">
        <v>0.75837958217230195</v>
      </c>
      <c r="R21">
        <v>0.97547549170678627</v>
      </c>
      <c r="S21">
        <v>0.94224721541541012</v>
      </c>
      <c r="T21">
        <v>0.89814798091406589</v>
      </c>
      <c r="U21">
        <v>0.7631428663893477</v>
      </c>
      <c r="V21">
        <v>0.89220634165115531</v>
      </c>
      <c r="W21">
        <v>0.98996491948145593</v>
      </c>
      <c r="X21">
        <v>1.0332123702766629</v>
      </c>
      <c r="Y21">
        <v>1.0403989306373433</v>
      </c>
      <c r="Z21">
        <v>1.1621560207239956</v>
      </c>
      <c r="AA21">
        <v>1.0258386016502969</v>
      </c>
      <c r="AB21">
        <v>0.97283489552267399</v>
      </c>
      <c r="AC21">
        <v>0.77124807271129903</v>
      </c>
      <c r="AD21">
        <v>0.74191349210903812</v>
      </c>
      <c r="AE21">
        <v>1.4037858648372945</v>
      </c>
      <c r="AF21">
        <v>0.80115187422036405</v>
      </c>
      <c r="AG21">
        <v>1.19281877005098</v>
      </c>
    </row>
    <row r="22" spans="2:33" x14ac:dyDescent="0.25">
      <c r="B22">
        <v>0.87605285310185577</v>
      </c>
      <c r="C22">
        <v>1.0133199836594318</v>
      </c>
      <c r="D22">
        <v>0.83256397599034082</v>
      </c>
      <c r="E22">
        <v>0.59280644642806102</v>
      </c>
      <c r="F22">
        <v>1.4868416466062453</v>
      </c>
      <c r="G22">
        <v>0.84806750084523375</v>
      </c>
      <c r="H22">
        <v>1.0244947641031033</v>
      </c>
      <c r="I22">
        <v>0.95920601527168203</v>
      </c>
      <c r="J22">
        <v>0.99298680413452378</v>
      </c>
      <c r="K22">
        <v>1.0209034630177227</v>
      </c>
      <c r="L22">
        <v>1.1264696250270623</v>
      </c>
      <c r="M22">
        <v>1.32775026439705</v>
      </c>
      <c r="N22">
        <v>0.89734561644354938</v>
      </c>
      <c r="O22">
        <v>1.0487971405953846</v>
      </c>
      <c r="P22">
        <v>0.86513191019761426</v>
      </c>
      <c r="Q22">
        <v>0.55709374712312787</v>
      </c>
      <c r="R22">
        <v>0.81743591223417567</v>
      </c>
      <c r="S22">
        <v>0.49918407315888003</v>
      </c>
      <c r="T22">
        <v>0.99655758102161873</v>
      </c>
      <c r="U22">
        <v>0.86156113193529549</v>
      </c>
      <c r="V22">
        <v>0.72469673905037968</v>
      </c>
      <c r="W22">
        <v>1.0908474093149909</v>
      </c>
      <c r="X22">
        <v>1.0512726043857834</v>
      </c>
      <c r="Y22">
        <v>1.1189432137383151</v>
      </c>
      <c r="Z22">
        <v>0.88687566443947685</v>
      </c>
      <c r="AA22">
        <v>0.59534744023071051</v>
      </c>
      <c r="AB22">
        <v>0.65531791799738437</v>
      </c>
      <c r="AC22">
        <v>0.98641516458575773</v>
      </c>
      <c r="AD22">
        <v>0.88842560747003885</v>
      </c>
      <c r="AE22">
        <v>0.78967059896070713</v>
      </c>
      <c r="AF22">
        <v>0.99092016907881697</v>
      </c>
      <c r="AG22">
        <v>1.15654011396197</v>
      </c>
    </row>
    <row r="46" spans="14:15" x14ac:dyDescent="0.25">
      <c r="N46" s="2"/>
      <c r="O46" s="2"/>
    </row>
    <row r="47" spans="14:15" x14ac:dyDescent="0.25">
      <c r="N47" s="2"/>
      <c r="O47" s="2"/>
    </row>
    <row r="48" spans="14:15" x14ac:dyDescent="0.25">
      <c r="O48" s="2"/>
    </row>
  </sheetData>
  <pageMargins left="0.7" right="0.7" top="0.75" bottom="0.75" header="0.3" footer="0.3"/>
  <pageSetup orientation="portrait" r:id="rId1"/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7820CD2-49C8-4C34-848C-E6D598A3726D}">
  <dimension ref="A1:D38"/>
  <sheetViews>
    <sheetView workbookViewId="0">
      <selection activeCell="A28" sqref="A28:D29"/>
    </sheetView>
  </sheetViews>
  <sheetFormatPr defaultRowHeight="15" x14ac:dyDescent="0.25"/>
  <sheetData>
    <row r="1" spans="1:4" x14ac:dyDescent="0.25">
      <c r="A1" t="s">
        <v>36</v>
      </c>
    </row>
    <row r="2" spans="1:4" x14ac:dyDescent="0.25">
      <c r="A2" t="s">
        <v>17</v>
      </c>
      <c r="C2" t="s">
        <v>18</v>
      </c>
    </row>
    <row r="3" spans="1:4" x14ac:dyDescent="0.25">
      <c r="A3" t="s">
        <v>15</v>
      </c>
      <c r="B3" t="s">
        <v>16</v>
      </c>
      <c r="C3" t="s">
        <v>15</v>
      </c>
      <c r="D3" t="s">
        <v>16</v>
      </c>
    </row>
    <row r="4" spans="1:4" x14ac:dyDescent="0.25">
      <c r="A4" s="6">
        <v>508.37549999999999</v>
      </c>
      <c r="B4" s="6">
        <v>504.80410000000001</v>
      </c>
      <c r="C4" s="6">
        <v>558.81039999999996</v>
      </c>
      <c r="D4" s="6">
        <v>479.0204</v>
      </c>
    </row>
    <row r="5" spans="1:4" x14ac:dyDescent="0.25">
      <c r="A5" s="6">
        <v>560.10029999999995</v>
      </c>
      <c r="B5" s="6">
        <v>520.74469999999997</v>
      </c>
      <c r="C5" s="6">
        <v>525.88400000000001</v>
      </c>
      <c r="D5" s="6">
        <v>482.85309999999998</v>
      </c>
    </row>
    <row r="6" spans="1:4" x14ac:dyDescent="0.25">
      <c r="A6" s="6">
        <v>527.27769999999998</v>
      </c>
      <c r="B6" s="6">
        <v>513.95029999999997</v>
      </c>
      <c r="C6" s="6">
        <v>516.9991</v>
      </c>
      <c r="D6" s="6">
        <v>484.15980000000002</v>
      </c>
    </row>
    <row r="7" spans="1:4" x14ac:dyDescent="0.25">
      <c r="A7" s="6">
        <v>513.34059999999999</v>
      </c>
      <c r="B7" s="6">
        <v>524.66449999999998</v>
      </c>
      <c r="C7" s="6">
        <v>518.74120000000005</v>
      </c>
      <c r="D7" s="6">
        <v>508.72390000000001</v>
      </c>
    </row>
    <row r="8" spans="1:4" x14ac:dyDescent="0.25">
      <c r="A8" s="6">
        <v>528.32299999999998</v>
      </c>
      <c r="B8" s="6">
        <v>514.03750000000002</v>
      </c>
      <c r="C8" s="6">
        <v>498.96800000000002</v>
      </c>
      <c r="D8" s="6">
        <v>479.71730000000002</v>
      </c>
    </row>
    <row r="9" spans="1:4" x14ac:dyDescent="0.25">
      <c r="A9" s="6">
        <v>549.40350000000001</v>
      </c>
      <c r="B9" s="6">
        <v>472.40030000000002</v>
      </c>
      <c r="C9" s="6">
        <v>482.33049999999997</v>
      </c>
      <c r="D9" s="6">
        <v>496.52890000000002</v>
      </c>
    </row>
    <row r="10" spans="1:4" x14ac:dyDescent="0.25">
      <c r="A10" s="6">
        <v>558.46199999999999</v>
      </c>
      <c r="B10" s="6">
        <v>502.97489999999999</v>
      </c>
      <c r="C10" s="6">
        <v>490.34440000000001</v>
      </c>
      <c r="D10" s="6">
        <v>459.07299999999998</v>
      </c>
    </row>
    <row r="11" spans="1:4" x14ac:dyDescent="0.25">
      <c r="A11" s="6">
        <v>570.04719999999998</v>
      </c>
      <c r="B11" s="6">
        <v>487.20850000000002</v>
      </c>
      <c r="C11" s="6">
        <v>557.85410000000002</v>
      </c>
      <c r="D11" s="6">
        <v>494.96109999999999</v>
      </c>
    </row>
    <row r="12" spans="1:4" x14ac:dyDescent="0.25">
      <c r="A12" s="6"/>
      <c r="B12" s="6">
        <v>505.32679999999999</v>
      </c>
      <c r="C12" s="6"/>
      <c r="D12" s="6"/>
    </row>
    <row r="14" spans="1:4" x14ac:dyDescent="0.25">
      <c r="A14" t="s">
        <v>38</v>
      </c>
    </row>
    <row r="15" spans="1:4" x14ac:dyDescent="0.25">
      <c r="A15" t="s">
        <v>17</v>
      </c>
      <c r="C15" t="s">
        <v>18</v>
      </c>
    </row>
    <row r="16" spans="1:4" x14ac:dyDescent="0.25">
      <c r="A16" t="s">
        <v>15</v>
      </c>
      <c r="B16" t="s">
        <v>16</v>
      </c>
      <c r="C16" t="s">
        <v>15</v>
      </c>
      <c r="D16" t="s">
        <v>16</v>
      </c>
    </row>
    <row r="17" spans="1:4" x14ac:dyDescent="0.25">
      <c r="A17" s="6">
        <v>1178.489</v>
      </c>
      <c r="B17" s="6">
        <v>1194.0809999999999</v>
      </c>
      <c r="C17" s="6">
        <v>1214.9000000000001</v>
      </c>
      <c r="D17" s="6">
        <v>1196.259</v>
      </c>
    </row>
    <row r="18" spans="1:4" x14ac:dyDescent="0.25">
      <c r="A18" s="6">
        <v>1167.7750000000001</v>
      </c>
      <c r="B18" s="6">
        <v>1195.127</v>
      </c>
      <c r="C18" s="6">
        <v>1188.942</v>
      </c>
      <c r="D18" s="6">
        <v>1189.9870000000001</v>
      </c>
    </row>
    <row r="19" spans="1:4" x14ac:dyDescent="0.25">
      <c r="A19" s="6">
        <v>1196.346</v>
      </c>
      <c r="B19" s="6">
        <v>1186.329</v>
      </c>
      <c r="C19" s="6">
        <v>1201.7470000000001</v>
      </c>
      <c r="D19" s="6">
        <v>1199.7429999999999</v>
      </c>
    </row>
    <row r="20" spans="1:4" x14ac:dyDescent="0.25">
      <c r="A20" s="6">
        <v>1179.0119999999999</v>
      </c>
      <c r="B20" s="6">
        <v>1181.1020000000001</v>
      </c>
      <c r="C20" s="6">
        <v>1197.653</v>
      </c>
      <c r="D20" s="6">
        <v>1195.8240000000001</v>
      </c>
    </row>
    <row r="21" spans="1:4" x14ac:dyDescent="0.25">
      <c r="A21" s="6">
        <v>1202.444</v>
      </c>
      <c r="B21" s="6">
        <v>1183.5409999999999</v>
      </c>
      <c r="C21" s="6">
        <v>1200.2660000000001</v>
      </c>
      <c r="D21" s="6">
        <v>1204.4469999999999</v>
      </c>
    </row>
    <row r="22" spans="1:4" x14ac:dyDescent="0.25">
      <c r="A22" s="6">
        <v>1164.8130000000001</v>
      </c>
      <c r="B22" s="6">
        <v>1170.4749999999999</v>
      </c>
      <c r="C22" s="6">
        <v>1192.3389999999999</v>
      </c>
      <c r="D22" s="6">
        <v>1186.6769999999999</v>
      </c>
    </row>
    <row r="23" spans="1:4" x14ac:dyDescent="0.25">
      <c r="A23" s="6">
        <v>1214.29</v>
      </c>
      <c r="B23" s="6">
        <v>1200.701</v>
      </c>
      <c r="C23" s="6">
        <v>1188.3320000000001</v>
      </c>
      <c r="D23" s="6">
        <v>1179.6220000000001</v>
      </c>
    </row>
    <row r="24" spans="1:4" x14ac:dyDescent="0.25">
      <c r="A24" s="6">
        <v>1191.5550000000001</v>
      </c>
      <c r="B24" s="6">
        <v>1185.1959999999999</v>
      </c>
      <c r="C24" s="6">
        <v>1167.9490000000001</v>
      </c>
      <c r="D24" s="6">
        <v>1203.402</v>
      </c>
    </row>
    <row r="25" spans="1:4" x14ac:dyDescent="0.25">
      <c r="A25" s="6"/>
      <c r="B25" s="6">
        <v>1187.548</v>
      </c>
      <c r="C25" s="6"/>
      <c r="D25" s="6"/>
    </row>
    <row r="26" spans="1:4" x14ac:dyDescent="0.25">
      <c r="A26" s="6"/>
      <c r="B26" s="6"/>
      <c r="C26" s="6"/>
      <c r="D26" s="6"/>
    </row>
    <row r="27" spans="1:4" x14ac:dyDescent="0.25">
      <c r="A27" t="s">
        <v>39</v>
      </c>
    </row>
    <row r="28" spans="1:4" x14ac:dyDescent="0.25">
      <c r="A28" t="s">
        <v>17</v>
      </c>
      <c r="C28" t="s">
        <v>18</v>
      </c>
    </row>
    <row r="29" spans="1:4" x14ac:dyDescent="0.25">
      <c r="A29" t="s">
        <v>15</v>
      </c>
      <c r="B29" t="s">
        <v>16</v>
      </c>
      <c r="C29" t="s">
        <v>15</v>
      </c>
      <c r="D29" t="s">
        <v>16</v>
      </c>
    </row>
    <row r="30" spans="1:4" x14ac:dyDescent="0.25">
      <c r="A30" s="6">
        <v>0.1883</v>
      </c>
      <c r="B30" s="6">
        <v>0.1832</v>
      </c>
      <c r="C30" s="6">
        <v>0.2059</v>
      </c>
      <c r="D30" s="6">
        <v>0.19439999999999999</v>
      </c>
    </row>
    <row r="31" spans="1:4" x14ac:dyDescent="0.25">
      <c r="A31" s="6">
        <v>0.1938</v>
      </c>
      <c r="B31" s="6">
        <v>0.19209999999999999</v>
      </c>
      <c r="C31" s="6">
        <v>0.19109999999999999</v>
      </c>
      <c r="D31" s="6">
        <v>0.193</v>
      </c>
    </row>
    <row r="32" spans="1:4" x14ac:dyDescent="0.25">
      <c r="A32" s="6">
        <v>0.19950000000000001</v>
      </c>
      <c r="B32" s="6">
        <v>0.17749999999999999</v>
      </c>
      <c r="C32" s="6">
        <v>0.18990000000000001</v>
      </c>
      <c r="D32" s="6">
        <v>0.1862</v>
      </c>
    </row>
    <row r="33" spans="1:4" x14ac:dyDescent="0.25">
      <c r="A33" s="6">
        <v>0.18720000000000001</v>
      </c>
      <c r="B33" s="6">
        <v>0.17910000000000001</v>
      </c>
      <c r="C33" s="6">
        <v>0.1918</v>
      </c>
      <c r="D33" s="6">
        <v>0.20760000000000001</v>
      </c>
    </row>
    <row r="34" spans="1:4" x14ac:dyDescent="0.25">
      <c r="A34" s="6">
        <v>0.18770000000000001</v>
      </c>
      <c r="B34" s="6">
        <v>0.21060000000000001</v>
      </c>
      <c r="C34" s="6">
        <v>0.2109</v>
      </c>
      <c r="D34" s="6">
        <v>0.20200000000000001</v>
      </c>
    </row>
    <row r="35" spans="1:4" x14ac:dyDescent="0.25">
      <c r="A35" s="6">
        <v>0.1852</v>
      </c>
      <c r="B35" s="6">
        <v>0.19450000000000001</v>
      </c>
      <c r="C35" s="6">
        <v>0.19839999999999999</v>
      </c>
      <c r="D35" s="6">
        <v>0.20319999999999999</v>
      </c>
    </row>
    <row r="36" spans="1:4" x14ac:dyDescent="0.25">
      <c r="A36" s="6">
        <v>0.20150000000000001</v>
      </c>
      <c r="B36" s="6">
        <v>0.2031</v>
      </c>
      <c r="C36" s="6">
        <v>0.20610000000000001</v>
      </c>
      <c r="D36" s="6">
        <v>0.19389999999999999</v>
      </c>
    </row>
    <row r="37" spans="1:4" x14ac:dyDescent="0.25">
      <c r="A37" s="6">
        <v>0.21870000000000001</v>
      </c>
      <c r="B37" s="6">
        <v>0.21149999999999999</v>
      </c>
      <c r="C37" s="6">
        <v>0.1656</v>
      </c>
      <c r="D37" s="6">
        <v>0.18909999999999999</v>
      </c>
    </row>
    <row r="38" spans="1:4" x14ac:dyDescent="0.25">
      <c r="A38" s="6"/>
      <c r="B38" s="6">
        <v>0.2019</v>
      </c>
      <c r="C38" s="6"/>
      <c r="D38" s="6"/>
    </row>
  </sheetData>
  <pageMargins left="0.7" right="0.7" top="0.75" bottom="0.75" header="0.3" footer="0.3"/>
</worksheet>
</file>

<file path=xl/worksheets/sheet1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4E6CB8B-6AC2-416F-9695-452F0EEC9D06}">
  <dimension ref="A1:D37"/>
  <sheetViews>
    <sheetView workbookViewId="0">
      <selection activeCell="R38" sqref="R38"/>
    </sheetView>
  </sheetViews>
  <sheetFormatPr defaultRowHeight="15" x14ac:dyDescent="0.25"/>
  <sheetData>
    <row r="1" spans="1:4" x14ac:dyDescent="0.25">
      <c r="A1" t="s">
        <v>44</v>
      </c>
    </row>
    <row r="2" spans="1:4" x14ac:dyDescent="0.25">
      <c r="A2" t="s">
        <v>17</v>
      </c>
      <c r="C2" t="s">
        <v>18</v>
      </c>
    </row>
    <row r="3" spans="1:4" x14ac:dyDescent="0.25">
      <c r="A3" t="s">
        <v>15</v>
      </c>
      <c r="B3" t="s">
        <v>16</v>
      </c>
      <c r="C3" t="s">
        <v>15</v>
      </c>
      <c r="D3" t="s">
        <v>16</v>
      </c>
    </row>
    <row r="4" spans="1:4" x14ac:dyDescent="0.25">
      <c r="A4" s="6">
        <v>2.5019</v>
      </c>
      <c r="B4" s="6">
        <v>10.3428</v>
      </c>
      <c r="C4" s="6">
        <v>4.2228000000000003</v>
      </c>
      <c r="D4" s="6">
        <v>5.6330999999999998</v>
      </c>
    </row>
    <row r="5" spans="1:4" x14ac:dyDescent="0.25">
      <c r="A5" s="6">
        <v>4.069</v>
      </c>
      <c r="B5" s="6">
        <v>8.5372000000000003</v>
      </c>
      <c r="C5" s="6">
        <v>4.9427000000000003</v>
      </c>
      <c r="D5" s="6">
        <v>4.1333000000000002</v>
      </c>
    </row>
    <row r="6" spans="1:4" x14ac:dyDescent="0.25">
      <c r="A6" s="6">
        <v>2.9592999999999998</v>
      </c>
      <c r="B6" s="6">
        <v>10.021800000000001</v>
      </c>
      <c r="C6" s="6">
        <v>4.8575999999999997</v>
      </c>
      <c r="D6" s="6">
        <v>4.6878000000000002</v>
      </c>
    </row>
    <row r="7" spans="1:4" x14ac:dyDescent="0.25">
      <c r="A7" s="6">
        <v>9.1417999999999999</v>
      </c>
      <c r="B7" s="6">
        <v>5.9846000000000004</v>
      </c>
      <c r="C7" s="6">
        <v>4.0816999999999997</v>
      </c>
      <c r="D7" s="6">
        <v>7.2209000000000003</v>
      </c>
    </row>
    <row r="8" spans="1:4" x14ac:dyDescent="0.25">
      <c r="A8" s="6">
        <v>5.6246999999999998</v>
      </c>
      <c r="B8" s="6">
        <v>12.866199999999999</v>
      </c>
      <c r="C8" s="6">
        <v>3.1488</v>
      </c>
      <c r="D8" s="6">
        <v>6.4866000000000001</v>
      </c>
    </row>
    <row r="9" spans="1:4" x14ac:dyDescent="0.25">
      <c r="A9" s="6">
        <v>8.6326999999999998</v>
      </c>
      <c r="B9" s="6">
        <v>9.3613999999999997</v>
      </c>
      <c r="C9" s="6">
        <v>2.9998999999999998</v>
      </c>
      <c r="D9" s="6">
        <v>6.7953000000000001</v>
      </c>
    </row>
    <row r="10" spans="1:4" x14ac:dyDescent="0.25">
      <c r="A10" s="6">
        <v>6.0872999999999999</v>
      </c>
      <c r="B10" s="6">
        <v>7.0149999999999997</v>
      </c>
      <c r="C10" s="6">
        <v>3.1991999999999998</v>
      </c>
      <c r="D10" s="6">
        <v>10.5799</v>
      </c>
    </row>
    <row r="11" spans="1:4" x14ac:dyDescent="0.25">
      <c r="A11" s="6">
        <v>5.625</v>
      </c>
      <c r="B11" s="6">
        <v>13.178599999999999</v>
      </c>
      <c r="C11" s="6">
        <v>3.6560000000000001</v>
      </c>
      <c r="D11" s="6">
        <v>8.6130999999999993</v>
      </c>
    </row>
    <row r="12" spans="1:4" x14ac:dyDescent="0.25">
      <c r="A12" s="6"/>
      <c r="B12" s="6">
        <v>11.343</v>
      </c>
      <c r="C12" s="6"/>
      <c r="D12" s="6"/>
    </row>
    <row r="13" spans="1:4" x14ac:dyDescent="0.25">
      <c r="A13" s="6"/>
      <c r="B13" s="6"/>
      <c r="C13" s="6"/>
      <c r="D13" s="6"/>
    </row>
    <row r="14" spans="1:4" x14ac:dyDescent="0.25">
      <c r="A14" t="s">
        <v>45</v>
      </c>
    </row>
    <row r="15" spans="1:4" x14ac:dyDescent="0.25">
      <c r="A15" t="s">
        <v>17</v>
      </c>
      <c r="C15" t="s">
        <v>18</v>
      </c>
    </row>
    <row r="16" spans="1:4" x14ac:dyDescent="0.25">
      <c r="A16" t="s">
        <v>15</v>
      </c>
      <c r="B16" t="s">
        <v>16</v>
      </c>
      <c r="C16" t="s">
        <v>15</v>
      </c>
      <c r="D16" t="s">
        <v>16</v>
      </c>
    </row>
    <row r="17" spans="1:4" x14ac:dyDescent="0.25">
      <c r="A17" s="6">
        <v>0.54179999999999995</v>
      </c>
      <c r="B17" s="6">
        <v>1.9832000000000001</v>
      </c>
      <c r="C17" s="6">
        <v>0.78249999999999997</v>
      </c>
      <c r="D17" s="6">
        <v>1.0812999999999999</v>
      </c>
    </row>
    <row r="18" spans="1:4" x14ac:dyDescent="0.25">
      <c r="A18" s="6">
        <v>0.69079999999999997</v>
      </c>
      <c r="B18" s="6">
        <v>1.4378</v>
      </c>
      <c r="C18" s="6">
        <v>0.89549999999999996</v>
      </c>
      <c r="D18" s="6">
        <v>0.95469999999999999</v>
      </c>
    </row>
    <row r="19" spans="1:4" x14ac:dyDescent="0.25">
      <c r="A19" s="6">
        <v>0.65400000000000003</v>
      </c>
      <c r="B19" s="6">
        <v>1.8349</v>
      </c>
      <c r="C19" s="6">
        <v>0.81330000000000002</v>
      </c>
      <c r="D19" s="6">
        <v>0.69479999999999997</v>
      </c>
    </row>
    <row r="20" spans="1:4" x14ac:dyDescent="0.25">
      <c r="A20" s="6">
        <v>1.8420000000000001</v>
      </c>
      <c r="B20" s="6">
        <v>0.93379999999999996</v>
      </c>
      <c r="C20" s="6">
        <v>0.5766</v>
      </c>
      <c r="D20" s="6">
        <v>1.1979</v>
      </c>
    </row>
    <row r="21" spans="1:4" x14ac:dyDescent="0.25">
      <c r="A21" s="6">
        <v>0.81379999999999997</v>
      </c>
      <c r="B21" s="6">
        <v>1.8915</v>
      </c>
      <c r="C21" s="6">
        <v>0.65249999999999997</v>
      </c>
      <c r="D21" s="6">
        <v>1.4257</v>
      </c>
    </row>
    <row r="22" spans="1:4" x14ac:dyDescent="0.25">
      <c r="A22" s="6">
        <v>1.6646000000000001</v>
      </c>
      <c r="B22" s="6">
        <v>1.7670999999999999</v>
      </c>
      <c r="C22" s="6">
        <v>0.8427</v>
      </c>
      <c r="D22" s="6">
        <v>1.3967000000000001</v>
      </c>
    </row>
    <row r="23" spans="1:4" x14ac:dyDescent="0.25">
      <c r="A23" s="6">
        <v>1.0048999999999999</v>
      </c>
      <c r="B23" s="6">
        <v>1.0018</v>
      </c>
      <c r="C23" s="6">
        <v>0.71450000000000002</v>
      </c>
      <c r="D23" s="6">
        <v>1.7656000000000001</v>
      </c>
    </row>
    <row r="24" spans="1:4" x14ac:dyDescent="0.25">
      <c r="A24" s="6">
        <v>1.0665</v>
      </c>
      <c r="B24" s="6">
        <v>2.2250000000000001</v>
      </c>
      <c r="C24" s="6">
        <v>0.74129999999999996</v>
      </c>
      <c r="D24" s="6">
        <v>1.4624999999999999</v>
      </c>
    </row>
    <row r="25" spans="1:4" x14ac:dyDescent="0.25">
      <c r="A25" s="6"/>
      <c r="B25" s="6">
        <v>2.3039999999999998</v>
      </c>
      <c r="C25" s="6"/>
      <c r="D25" s="6"/>
    </row>
    <row r="27" spans="1:4" x14ac:dyDescent="0.25">
      <c r="A27" t="s">
        <v>46</v>
      </c>
    </row>
    <row r="28" spans="1:4" x14ac:dyDescent="0.25">
      <c r="A28" t="s">
        <v>17</v>
      </c>
      <c r="C28" t="s">
        <v>18</v>
      </c>
    </row>
    <row r="29" spans="1:4" x14ac:dyDescent="0.25">
      <c r="A29" t="s">
        <v>15</v>
      </c>
      <c r="B29" t="s">
        <v>16</v>
      </c>
      <c r="C29" t="s">
        <v>15</v>
      </c>
      <c r="D29" t="s">
        <v>16</v>
      </c>
    </row>
    <row r="30" spans="1:4" x14ac:dyDescent="0.25">
      <c r="A30" s="6">
        <v>10.62</v>
      </c>
      <c r="B30" s="6">
        <v>10.82</v>
      </c>
      <c r="C30" s="6">
        <v>5.24</v>
      </c>
      <c r="D30" s="6">
        <v>13.94</v>
      </c>
    </row>
    <row r="31" spans="1:4" x14ac:dyDescent="0.25">
      <c r="A31" s="6">
        <v>5.4</v>
      </c>
      <c r="B31" s="6">
        <v>12.18</v>
      </c>
      <c r="C31" s="6">
        <v>8.32</v>
      </c>
      <c r="D31" s="6">
        <v>14.01</v>
      </c>
    </row>
    <row r="32" spans="1:4" x14ac:dyDescent="0.25">
      <c r="A32" s="6">
        <v>5.72</v>
      </c>
      <c r="B32" s="6">
        <v>11.59</v>
      </c>
      <c r="C32" s="6">
        <v>8.83</v>
      </c>
      <c r="D32" s="6">
        <v>15.91</v>
      </c>
    </row>
    <row r="33" spans="1:4" x14ac:dyDescent="0.25">
      <c r="A33" s="6">
        <v>7.69</v>
      </c>
      <c r="B33" s="6">
        <v>12.21</v>
      </c>
      <c r="C33" s="6">
        <v>7.67</v>
      </c>
      <c r="D33" s="6">
        <v>11.24</v>
      </c>
    </row>
    <row r="34" spans="1:4" x14ac:dyDescent="0.25">
      <c r="A34" s="6">
        <v>7.18</v>
      </c>
      <c r="B34" s="6">
        <v>12.44</v>
      </c>
      <c r="C34" s="6">
        <v>8.34</v>
      </c>
      <c r="D34" s="6">
        <v>10.71</v>
      </c>
    </row>
    <row r="35" spans="1:4" x14ac:dyDescent="0.25">
      <c r="A35" s="6">
        <v>7.07</v>
      </c>
      <c r="B35" s="6">
        <v>9.0299999999999994</v>
      </c>
      <c r="C35" s="6">
        <v>13.51</v>
      </c>
      <c r="D35" s="6">
        <v>16.260000000000002</v>
      </c>
    </row>
    <row r="36" spans="1:4" x14ac:dyDescent="0.25">
      <c r="A36" s="6">
        <v>8.4499999999999993</v>
      </c>
      <c r="B36" s="6">
        <v>9.98</v>
      </c>
      <c r="C36" s="6">
        <v>9.01</v>
      </c>
      <c r="D36" s="6">
        <v>10.68</v>
      </c>
    </row>
    <row r="37" spans="1:4" x14ac:dyDescent="0.25">
      <c r="A37" s="6">
        <v>9.2799999999999994</v>
      </c>
      <c r="B37" s="6">
        <v>9.0299999999999994</v>
      </c>
      <c r="C37" s="6">
        <v>9.75</v>
      </c>
      <c r="D37" s="6">
        <v>10.72</v>
      </c>
    </row>
  </sheetData>
  <pageMargins left="0.7" right="0.7" top="0.75" bottom="0.75" header="0.3" footer="0.3"/>
</worksheet>
</file>

<file path=xl/worksheets/sheet1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5306D1D-1F97-42F7-8226-EB680A232EE4}">
  <dimension ref="A1:D51"/>
  <sheetViews>
    <sheetView topLeftCell="A13" workbookViewId="0">
      <selection activeCell="A40" sqref="A40:D51"/>
    </sheetView>
  </sheetViews>
  <sheetFormatPr defaultRowHeight="15" x14ac:dyDescent="0.25"/>
  <sheetData>
    <row r="1" spans="1:4" x14ac:dyDescent="0.25">
      <c r="A1" t="s">
        <v>47</v>
      </c>
    </row>
    <row r="2" spans="1:4" x14ac:dyDescent="0.25">
      <c r="A2" t="s">
        <v>17</v>
      </c>
      <c r="C2" t="s">
        <v>18</v>
      </c>
    </row>
    <row r="3" spans="1:4" x14ac:dyDescent="0.25">
      <c r="A3" t="s">
        <v>15</v>
      </c>
      <c r="B3" t="s">
        <v>16</v>
      </c>
      <c r="C3" t="s">
        <v>15</v>
      </c>
      <c r="D3" t="s">
        <v>16</v>
      </c>
    </row>
    <row r="4" spans="1:4" x14ac:dyDescent="0.25">
      <c r="A4" s="6">
        <v>1.3143</v>
      </c>
      <c r="B4" s="6">
        <v>1.1752</v>
      </c>
      <c r="C4" s="6">
        <v>1.3110999999999999</v>
      </c>
      <c r="D4" s="6">
        <v>2.3422999999999998</v>
      </c>
    </row>
    <row r="5" spans="1:4" x14ac:dyDescent="0.25">
      <c r="A5" s="6">
        <v>1.1823999999999999</v>
      </c>
      <c r="B5" s="6">
        <v>1.9764999999999999</v>
      </c>
      <c r="C5" s="6">
        <v>0.54020000000000001</v>
      </c>
      <c r="D5" s="6">
        <v>3.1577000000000002</v>
      </c>
    </row>
    <row r="6" spans="1:4" x14ac:dyDescent="0.25">
      <c r="A6" s="6">
        <v>0.51580000000000004</v>
      </c>
      <c r="B6" s="6">
        <v>1.732</v>
      </c>
      <c r="C6" s="6">
        <v>0.95630000000000004</v>
      </c>
      <c r="D6" s="6">
        <v>0.62790000000000001</v>
      </c>
    </row>
    <row r="7" spans="1:4" x14ac:dyDescent="0.25">
      <c r="A7" s="6">
        <v>2.1949000000000001</v>
      </c>
      <c r="B7" s="6">
        <v>3.9144999999999999</v>
      </c>
      <c r="C7" s="6">
        <v>1.1558999999999999</v>
      </c>
      <c r="D7" s="6">
        <v>1.5001</v>
      </c>
    </row>
    <row r="8" spans="1:4" x14ac:dyDescent="0.25">
      <c r="A8" s="6">
        <v>2.6171000000000002</v>
      </c>
      <c r="B8" s="6">
        <v>2.0706000000000002</v>
      </c>
      <c r="C8" s="6">
        <v>0.83450000000000002</v>
      </c>
      <c r="D8" s="6">
        <v>1.5403</v>
      </c>
    </row>
    <row r="9" spans="1:4" x14ac:dyDescent="0.25">
      <c r="A9" s="6">
        <v>1.0274000000000001</v>
      </c>
      <c r="B9" s="6">
        <v>3.5796000000000001</v>
      </c>
      <c r="C9" s="6">
        <v>2.0510000000000002</v>
      </c>
      <c r="D9" s="6">
        <v>0.59440000000000004</v>
      </c>
    </row>
    <row r="10" spans="1:4" x14ac:dyDescent="0.25">
      <c r="A10" s="6">
        <v>1.0301</v>
      </c>
      <c r="B10" s="6">
        <v>2.1720000000000002</v>
      </c>
      <c r="C10" s="6">
        <v>2.3340000000000001</v>
      </c>
      <c r="D10" s="6">
        <v>0.67969999999999997</v>
      </c>
    </row>
    <row r="11" spans="1:4" x14ac:dyDescent="0.25">
      <c r="A11" s="6">
        <v>3.2193999999999998</v>
      </c>
      <c r="B11" s="6">
        <v>2.4630000000000001</v>
      </c>
      <c r="C11" s="6">
        <v>0.2195</v>
      </c>
      <c r="D11" s="6">
        <v>2.2913999999999999</v>
      </c>
    </row>
    <row r="12" spans="1:4" x14ac:dyDescent="0.25">
      <c r="A12" s="6"/>
      <c r="B12" s="6">
        <v>1.9807999999999999</v>
      </c>
      <c r="C12" s="6"/>
      <c r="D12" s="6"/>
    </row>
    <row r="14" spans="1:4" x14ac:dyDescent="0.25">
      <c r="A14" t="s">
        <v>48</v>
      </c>
    </row>
    <row r="15" spans="1:4" x14ac:dyDescent="0.25">
      <c r="A15" t="s">
        <v>17</v>
      </c>
      <c r="C15" t="s">
        <v>18</v>
      </c>
    </row>
    <row r="16" spans="1:4" x14ac:dyDescent="0.25">
      <c r="A16" t="s">
        <v>15</v>
      </c>
      <c r="B16" t="s">
        <v>16</v>
      </c>
      <c r="C16" t="s">
        <v>15</v>
      </c>
      <c r="D16" t="s">
        <v>16</v>
      </c>
    </row>
    <row r="17" spans="1:4" x14ac:dyDescent="0.25">
      <c r="A17" s="6">
        <v>26.253399999999999</v>
      </c>
      <c r="B17" s="6">
        <v>27.8933</v>
      </c>
      <c r="C17" s="6">
        <v>32.342399999999998</v>
      </c>
      <c r="D17" s="6">
        <v>32.465299999999999</v>
      </c>
    </row>
    <row r="18" spans="1:4" x14ac:dyDescent="0.25">
      <c r="A18" s="6">
        <v>38.4238</v>
      </c>
      <c r="B18" s="6">
        <v>38.432600000000001</v>
      </c>
      <c r="C18" s="6">
        <v>30.571200000000001</v>
      </c>
      <c r="D18" s="6">
        <v>36.077199999999998</v>
      </c>
    </row>
    <row r="19" spans="1:4" x14ac:dyDescent="0.25">
      <c r="A19" s="6">
        <v>43.526600000000002</v>
      </c>
      <c r="B19" s="6">
        <v>29.416699999999999</v>
      </c>
      <c r="C19" s="6">
        <v>30.445900000000002</v>
      </c>
      <c r="D19" s="6">
        <v>34.309100000000001</v>
      </c>
    </row>
    <row r="20" spans="1:4" x14ac:dyDescent="0.25">
      <c r="A20" s="6">
        <v>32.420200000000001</v>
      </c>
      <c r="B20" s="6">
        <v>29.336600000000001</v>
      </c>
      <c r="C20" s="6">
        <v>36.0747</v>
      </c>
      <c r="D20" s="6">
        <v>33.039499999999997</v>
      </c>
    </row>
    <row r="21" spans="1:4" x14ac:dyDescent="0.25">
      <c r="A21" s="6">
        <v>35.139600000000002</v>
      </c>
      <c r="B21" s="6">
        <v>28.528700000000001</v>
      </c>
      <c r="C21" s="6">
        <v>31.0562</v>
      </c>
      <c r="D21" s="6">
        <v>36.221800000000002</v>
      </c>
    </row>
    <row r="22" spans="1:4" x14ac:dyDescent="0.25">
      <c r="A22" s="6">
        <v>30.1541</v>
      </c>
      <c r="B22" s="6">
        <v>36.2714</v>
      </c>
      <c r="C22" s="6">
        <v>37.527999999999999</v>
      </c>
      <c r="D22" s="6">
        <v>31.117999999999999</v>
      </c>
    </row>
    <row r="23" spans="1:4" x14ac:dyDescent="0.25">
      <c r="A23" s="6">
        <v>35.9726</v>
      </c>
      <c r="B23" s="6">
        <v>36.867100000000001</v>
      </c>
      <c r="C23" s="6">
        <v>33.3645</v>
      </c>
      <c r="D23" s="6">
        <v>33.976900000000001</v>
      </c>
    </row>
    <row r="24" spans="1:4" x14ac:dyDescent="0.25">
      <c r="A24" s="6">
        <v>30.3032</v>
      </c>
      <c r="B24" s="6">
        <v>28.265000000000001</v>
      </c>
      <c r="C24" s="6">
        <v>28.787500000000001</v>
      </c>
      <c r="D24" s="6">
        <v>30.614799999999999</v>
      </c>
    </row>
    <row r="25" spans="1:4" x14ac:dyDescent="0.25">
      <c r="A25" s="6"/>
      <c r="B25" s="6">
        <v>41.380600000000001</v>
      </c>
      <c r="C25" s="6"/>
      <c r="D25" s="6"/>
    </row>
    <row r="27" spans="1:4" x14ac:dyDescent="0.25">
      <c r="A27" t="s">
        <v>49</v>
      </c>
    </row>
    <row r="28" spans="1:4" x14ac:dyDescent="0.25">
      <c r="A28" t="s">
        <v>17</v>
      </c>
      <c r="C28" t="s">
        <v>18</v>
      </c>
    </row>
    <row r="29" spans="1:4" x14ac:dyDescent="0.25">
      <c r="A29" t="s">
        <v>15</v>
      </c>
      <c r="B29" t="s">
        <v>16</v>
      </c>
      <c r="C29" t="s">
        <v>15</v>
      </c>
      <c r="D29" t="s">
        <v>16</v>
      </c>
    </row>
    <row r="30" spans="1:4" x14ac:dyDescent="0.25">
      <c r="A30" s="6">
        <v>9.5579999999999998</v>
      </c>
      <c r="B30" s="6">
        <v>6.4786999999999999</v>
      </c>
      <c r="C30" s="6">
        <v>6.16</v>
      </c>
      <c r="D30" s="6">
        <v>16.904599999999999</v>
      </c>
    </row>
    <row r="31" spans="1:4" x14ac:dyDescent="0.25">
      <c r="A31" s="6">
        <v>9.8249999999999993</v>
      </c>
      <c r="B31" s="6">
        <v>11.7333</v>
      </c>
      <c r="C31" s="6">
        <v>2.4239999999999999</v>
      </c>
      <c r="D31" s="6">
        <v>17.4346</v>
      </c>
    </row>
    <row r="32" spans="1:4" x14ac:dyDescent="0.25">
      <c r="A32" s="6">
        <v>4.1462000000000003</v>
      </c>
      <c r="B32" s="6">
        <v>11.4643</v>
      </c>
      <c r="C32" s="6">
        <v>7.4606000000000003</v>
      </c>
      <c r="D32" s="6">
        <v>6.9203999999999999</v>
      </c>
    </row>
    <row r="33" spans="1:4" x14ac:dyDescent="0.25">
      <c r="A33" s="6">
        <v>16.921700000000001</v>
      </c>
      <c r="B33" s="6">
        <v>24.7682</v>
      </c>
      <c r="C33" s="6">
        <v>9.5664999999999996</v>
      </c>
      <c r="D33" s="6">
        <v>12.5433</v>
      </c>
    </row>
    <row r="34" spans="1:4" x14ac:dyDescent="0.25">
      <c r="A34" s="6">
        <v>17.648599999999998</v>
      </c>
      <c r="B34" s="6">
        <v>11.762700000000001</v>
      </c>
      <c r="C34" s="6">
        <v>5.4652000000000003</v>
      </c>
      <c r="D34" s="6">
        <v>14.315099999999999</v>
      </c>
    </row>
    <row r="35" spans="1:4" x14ac:dyDescent="0.25">
      <c r="A35" s="6">
        <v>6.5956999999999999</v>
      </c>
      <c r="B35" s="6">
        <v>24.948499999999999</v>
      </c>
      <c r="C35" s="6">
        <v>12.927300000000001</v>
      </c>
      <c r="D35" s="6">
        <v>5.6780999999999997</v>
      </c>
    </row>
    <row r="36" spans="1:4" x14ac:dyDescent="0.25">
      <c r="A36" s="6">
        <v>8.8482000000000003</v>
      </c>
      <c r="B36" s="6">
        <v>18.863</v>
      </c>
      <c r="C36" s="6">
        <v>12.4255</v>
      </c>
      <c r="D36" s="6">
        <v>6.9265999999999996</v>
      </c>
    </row>
    <row r="37" spans="1:4" x14ac:dyDescent="0.25">
      <c r="A37" s="6">
        <v>15.226900000000001</v>
      </c>
      <c r="B37" s="6">
        <v>10.866</v>
      </c>
      <c r="C37" s="6">
        <v>2.1436000000000002</v>
      </c>
      <c r="D37" s="6">
        <v>17.663399999999999</v>
      </c>
    </row>
    <row r="38" spans="1:4" x14ac:dyDescent="0.25">
      <c r="A38" s="6"/>
      <c r="B38" s="6">
        <v>12.1363</v>
      </c>
      <c r="C38" s="6"/>
      <c r="D38" s="6"/>
    </row>
    <row r="40" spans="1:4" x14ac:dyDescent="0.25">
      <c r="A40" t="s">
        <v>50</v>
      </c>
    </row>
    <row r="41" spans="1:4" x14ac:dyDescent="0.25">
      <c r="A41" t="s">
        <v>17</v>
      </c>
      <c r="C41" t="s">
        <v>18</v>
      </c>
    </row>
    <row r="42" spans="1:4" x14ac:dyDescent="0.25">
      <c r="A42" t="s">
        <v>15</v>
      </c>
      <c r="B42" t="s">
        <v>16</v>
      </c>
      <c r="C42" t="s">
        <v>15</v>
      </c>
      <c r="D42" t="s">
        <v>16</v>
      </c>
    </row>
    <row r="43" spans="1:4" x14ac:dyDescent="0.25">
      <c r="A43" s="6">
        <v>2.8018000000000001</v>
      </c>
      <c r="B43" s="6">
        <v>3.6613000000000002</v>
      </c>
      <c r="C43" s="6">
        <v>4.3563000000000001</v>
      </c>
      <c r="D43" s="6">
        <v>4.4040999999999997</v>
      </c>
    </row>
    <row r="44" spans="1:4" x14ac:dyDescent="0.25">
      <c r="A44" s="6">
        <v>5.2339000000000002</v>
      </c>
      <c r="B44" s="6">
        <v>3.7677999999999998</v>
      </c>
      <c r="C44" s="6">
        <v>3.8512</v>
      </c>
      <c r="D44" s="6">
        <v>3.3557999999999999</v>
      </c>
    </row>
    <row r="45" spans="1:4" x14ac:dyDescent="0.25">
      <c r="A45" s="6">
        <v>4.9809999999999999</v>
      </c>
      <c r="B45" s="6">
        <v>3.8681999999999999</v>
      </c>
      <c r="C45" s="6">
        <v>4.2796000000000003</v>
      </c>
      <c r="D45" s="6">
        <v>3.9167000000000001</v>
      </c>
    </row>
    <row r="46" spans="1:4" x14ac:dyDescent="0.25">
      <c r="A46" s="6">
        <v>4.9245000000000001</v>
      </c>
      <c r="B46" s="6">
        <v>3.5943999999999998</v>
      </c>
      <c r="C46" s="6">
        <v>4.0259999999999998</v>
      </c>
      <c r="D46" s="6">
        <v>4.1700999999999997</v>
      </c>
    </row>
    <row r="47" spans="1:4" x14ac:dyDescent="0.25">
      <c r="A47" s="6">
        <v>4.1711999999999998</v>
      </c>
      <c r="B47" s="6">
        <v>3.0196000000000001</v>
      </c>
      <c r="C47" s="6">
        <v>3.0299</v>
      </c>
      <c r="D47" s="6">
        <v>4.7504</v>
      </c>
    </row>
    <row r="48" spans="1:4" x14ac:dyDescent="0.25">
      <c r="A48" s="6">
        <v>4.9904000000000002</v>
      </c>
      <c r="B48" s="6">
        <v>3.9933000000000001</v>
      </c>
      <c r="C48" s="6">
        <v>3.9556</v>
      </c>
      <c r="D48" s="6">
        <v>4.0088999999999997</v>
      </c>
    </row>
    <row r="49" spans="1:4" x14ac:dyDescent="0.25">
      <c r="A49" s="6">
        <v>4.7984</v>
      </c>
      <c r="B49" s="6">
        <v>2.9659</v>
      </c>
      <c r="C49" s="6">
        <v>2.7315999999999998</v>
      </c>
      <c r="D49" s="6">
        <v>4.5667999999999997</v>
      </c>
    </row>
    <row r="50" spans="1:4" x14ac:dyDescent="0.25">
      <c r="A50" s="6">
        <v>4.1878000000000002</v>
      </c>
      <c r="B50" s="6">
        <v>2.6760999999999999</v>
      </c>
      <c r="C50" s="6">
        <v>3.6196999999999999</v>
      </c>
      <c r="D50" s="6">
        <v>4.4116</v>
      </c>
    </row>
    <row r="51" spans="1:4" x14ac:dyDescent="0.25">
      <c r="A51" s="6"/>
      <c r="B51" s="6">
        <v>3.2667999999999999</v>
      </c>
      <c r="C51" s="6"/>
      <c r="D51" s="6"/>
    </row>
  </sheetData>
  <pageMargins left="0.7" right="0.7" top="0.75" bottom="0.75" header="0.3" footer="0.3"/>
</worksheet>
</file>

<file path=xl/worksheets/sheet1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6C672AC-1EA9-460D-A804-51E6362174AA}">
  <dimension ref="A1:D21"/>
  <sheetViews>
    <sheetView workbookViewId="0">
      <selection activeCell="J37" sqref="J37"/>
    </sheetView>
  </sheetViews>
  <sheetFormatPr defaultRowHeight="15" x14ac:dyDescent="0.25"/>
  <sheetData>
    <row r="1" spans="1:4" x14ac:dyDescent="0.25">
      <c r="A1" t="s">
        <v>51</v>
      </c>
    </row>
    <row r="2" spans="1:4" x14ac:dyDescent="0.25">
      <c r="A2" t="s">
        <v>17</v>
      </c>
      <c r="C2" t="s">
        <v>18</v>
      </c>
    </row>
    <row r="3" spans="1:4" x14ac:dyDescent="0.25">
      <c r="A3" s="6">
        <v>1.6887000000000001</v>
      </c>
      <c r="B3" s="6">
        <v>1.294</v>
      </c>
      <c r="C3" s="6">
        <v>1.3932</v>
      </c>
      <c r="D3" s="6">
        <v>1.3182</v>
      </c>
    </row>
    <row r="4" spans="1:4" x14ac:dyDescent="0.25">
      <c r="A4" s="6">
        <v>1.4500999999999999</v>
      </c>
      <c r="B4" s="6">
        <v>2.0918000000000001</v>
      </c>
      <c r="C4" s="6">
        <v>1.175</v>
      </c>
      <c r="D4" s="6">
        <v>1.946</v>
      </c>
    </row>
    <row r="5" spans="1:4" x14ac:dyDescent="0.25">
      <c r="A5" s="6">
        <v>2.0928</v>
      </c>
      <c r="B5" s="6">
        <v>1.1413</v>
      </c>
      <c r="C5" s="6">
        <v>1.7605999999999999</v>
      </c>
      <c r="D5" s="6">
        <v>1.6214</v>
      </c>
    </row>
    <row r="6" spans="1:4" x14ac:dyDescent="0.25">
      <c r="A6" s="6">
        <v>1.6579999999999999</v>
      </c>
      <c r="B6" s="6">
        <v>1.3234999999999999</v>
      </c>
      <c r="C6" s="6">
        <v>1.6081000000000001</v>
      </c>
      <c r="D6" s="6">
        <v>1.4202999999999999</v>
      </c>
    </row>
    <row r="7" spans="1:4" x14ac:dyDescent="0.25">
      <c r="A7" s="6">
        <v>1.4811000000000001</v>
      </c>
      <c r="B7" s="6">
        <v>1.1444000000000001</v>
      </c>
      <c r="C7" s="6">
        <v>1.5293000000000001</v>
      </c>
      <c r="D7" s="6">
        <v>1.5484</v>
      </c>
    </row>
    <row r="8" spans="1:4" x14ac:dyDescent="0.25">
      <c r="A8" s="6">
        <v>1.7176</v>
      </c>
      <c r="B8" s="6">
        <v>1.5096000000000001</v>
      </c>
      <c r="C8" s="6">
        <v>2.3216999999999999</v>
      </c>
      <c r="D8" s="6">
        <v>1.3299000000000001</v>
      </c>
    </row>
    <row r="9" spans="1:4" x14ac:dyDescent="0.25">
      <c r="A9" s="6">
        <v>1.7766999999999999</v>
      </c>
      <c r="B9" s="6">
        <v>1.5572999999999999</v>
      </c>
      <c r="C9" s="6">
        <v>1.4991000000000001</v>
      </c>
      <c r="D9" s="6">
        <v>1.5407</v>
      </c>
    </row>
    <row r="10" spans="1:4" x14ac:dyDescent="0.25">
      <c r="A10" s="6">
        <v>1.4254</v>
      </c>
      <c r="B10" s="6">
        <v>1.5105999999999999</v>
      </c>
      <c r="C10" s="6">
        <v>1.4867999999999999</v>
      </c>
      <c r="D10" s="6">
        <v>1.1214999999999999</v>
      </c>
    </row>
    <row r="11" spans="1:4" x14ac:dyDescent="0.25">
      <c r="A11" s="6"/>
      <c r="B11" s="6"/>
      <c r="C11" s="6"/>
      <c r="D11" s="6"/>
    </row>
    <row r="12" spans="1:4" x14ac:dyDescent="0.25">
      <c r="A12" t="s">
        <v>52</v>
      </c>
    </row>
    <row r="13" spans="1:4" x14ac:dyDescent="0.25">
      <c r="A13" t="s">
        <v>17</v>
      </c>
      <c r="C13" t="s">
        <v>18</v>
      </c>
    </row>
    <row r="14" spans="1:4" x14ac:dyDescent="0.25">
      <c r="A14" s="6">
        <v>1.7899999999999999E-2</v>
      </c>
      <c r="B14" s="6">
        <v>2.2200000000000001E-2</v>
      </c>
      <c r="C14" s="6">
        <v>4.9299999999999997E-2</v>
      </c>
      <c r="D14" s="6">
        <v>8.9099999999999999E-2</v>
      </c>
    </row>
    <row r="15" spans="1:4" x14ac:dyDescent="0.25">
      <c r="A15" s="6">
        <v>1.9099999999999999E-2</v>
      </c>
      <c r="B15" s="6">
        <v>3.5099999999999999E-2</v>
      </c>
      <c r="C15" s="6">
        <v>2.12E-2</v>
      </c>
      <c r="D15" s="6">
        <v>8.2900000000000001E-2</v>
      </c>
    </row>
    <row r="16" spans="1:4" x14ac:dyDescent="0.25">
      <c r="A16" s="6">
        <v>2.1299999999999999E-2</v>
      </c>
      <c r="B16" s="6">
        <v>1.4E-2</v>
      </c>
      <c r="C16" s="6">
        <v>1.2E-2</v>
      </c>
      <c r="D16" s="6">
        <v>0.16539999999999999</v>
      </c>
    </row>
    <row r="17" spans="1:4" x14ac:dyDescent="0.25">
      <c r="A17" s="6">
        <v>1.23E-2</v>
      </c>
      <c r="B17" s="6">
        <v>3.8699999999999998E-2</v>
      </c>
      <c r="C17" s="6">
        <v>4.2299999999999997E-2</v>
      </c>
      <c r="D17" s="6">
        <v>1.0999999999999999E-2</v>
      </c>
    </row>
    <row r="18" spans="1:4" x14ac:dyDescent="0.25">
      <c r="A18" s="6">
        <v>5.6899999999999999E-2</v>
      </c>
      <c r="B18" s="6">
        <v>4.1099999999999998E-2</v>
      </c>
      <c r="C18" s="6">
        <v>4.7100000000000003E-2</v>
      </c>
      <c r="D18" s="6">
        <v>7.3899999999999993E-2</v>
      </c>
    </row>
    <row r="19" spans="1:4" x14ac:dyDescent="0.25">
      <c r="A19" s="6">
        <v>0.14269999999999999</v>
      </c>
      <c r="B19" s="6">
        <v>1.95E-2</v>
      </c>
      <c r="C19" s="6">
        <v>6.0600000000000001E-2</v>
      </c>
      <c r="D19" s="6">
        <v>2.0299999999999999E-2</v>
      </c>
    </row>
    <row r="20" spans="1:4" x14ac:dyDescent="0.25">
      <c r="A20" s="6">
        <v>8.6199999999999999E-2</v>
      </c>
      <c r="B20" s="6">
        <v>6.13E-2</v>
      </c>
      <c r="C20" s="6">
        <v>2.2800000000000001E-2</v>
      </c>
      <c r="D20" s="6">
        <v>2.6599999999999999E-2</v>
      </c>
    </row>
    <row r="21" spans="1:4" x14ac:dyDescent="0.25">
      <c r="A21" s="6">
        <v>2.86E-2</v>
      </c>
      <c r="B21" s="6">
        <v>8.0299999999999996E-2</v>
      </c>
      <c r="C21" s="6">
        <v>8.3999999999999995E-3</v>
      </c>
      <c r="D21" s="6">
        <v>3.56E-2</v>
      </c>
    </row>
  </sheetData>
  <pageMargins left="0.7" right="0.7" top="0.75" bottom="0.75" header="0.3" footer="0.3"/>
</worksheet>
</file>

<file path=xl/worksheets/sheet1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79885A9-CA2E-418B-BD29-6AFE9AF6B689}">
  <dimension ref="A1:S38"/>
  <sheetViews>
    <sheetView tabSelected="1" workbookViewId="0">
      <selection activeCell="F30" sqref="F30:I38"/>
    </sheetView>
  </sheetViews>
  <sheetFormatPr defaultRowHeight="15" x14ac:dyDescent="0.25"/>
  <sheetData>
    <row r="1" spans="1:19" x14ac:dyDescent="0.25">
      <c r="A1" s="9" t="s">
        <v>76</v>
      </c>
      <c r="B1" s="10"/>
      <c r="C1" s="10"/>
      <c r="D1" s="10"/>
      <c r="E1" s="10"/>
      <c r="F1" s="9" t="s">
        <v>77</v>
      </c>
      <c r="G1" s="10"/>
      <c r="H1" s="10"/>
      <c r="I1" s="10"/>
      <c r="J1" s="10"/>
      <c r="K1" s="9" t="s">
        <v>78</v>
      </c>
      <c r="L1" s="10"/>
      <c r="M1" s="10"/>
      <c r="N1" s="10"/>
      <c r="O1" s="9"/>
      <c r="P1" t="s">
        <v>79</v>
      </c>
      <c r="Q1" s="7"/>
      <c r="R1" s="6"/>
      <c r="S1" s="6"/>
    </row>
    <row r="2" spans="1:19" x14ac:dyDescent="0.25">
      <c r="A2" s="13" t="s">
        <v>17</v>
      </c>
      <c r="B2" s="14"/>
      <c r="C2" s="13" t="s">
        <v>18</v>
      </c>
      <c r="D2" s="14"/>
      <c r="E2" s="10"/>
      <c r="F2" s="13" t="s">
        <v>17</v>
      </c>
      <c r="G2" s="14"/>
      <c r="H2" s="13" t="s">
        <v>18</v>
      </c>
      <c r="I2" s="14"/>
      <c r="J2" s="10"/>
      <c r="K2" s="13" t="s">
        <v>17</v>
      </c>
      <c r="L2" s="14"/>
      <c r="M2" s="13" t="s">
        <v>18</v>
      </c>
      <c r="N2" s="14"/>
      <c r="O2" s="9"/>
      <c r="P2" s="12" t="s">
        <v>17</v>
      </c>
      <c r="Q2" s="11"/>
      <c r="R2" s="12" t="s">
        <v>18</v>
      </c>
      <c r="S2" s="11"/>
    </row>
    <row r="3" spans="1:19" x14ac:dyDescent="0.25">
      <c r="A3" s="10" t="s">
        <v>65</v>
      </c>
      <c r="B3" s="10" t="s">
        <v>66</v>
      </c>
      <c r="C3" s="10" t="s">
        <v>65</v>
      </c>
      <c r="D3" s="10" t="s">
        <v>66</v>
      </c>
      <c r="E3" s="10"/>
      <c r="F3" s="10" t="s">
        <v>65</v>
      </c>
      <c r="G3" s="10" t="s">
        <v>66</v>
      </c>
      <c r="H3" s="10" t="s">
        <v>65</v>
      </c>
      <c r="I3" s="10" t="s">
        <v>66</v>
      </c>
      <c r="J3" s="9"/>
      <c r="K3" s="10" t="s">
        <v>65</v>
      </c>
      <c r="L3" s="10" t="s">
        <v>66</v>
      </c>
      <c r="M3" s="10" t="s">
        <v>65</v>
      </c>
      <c r="N3" s="10" t="s">
        <v>66</v>
      </c>
      <c r="O3" s="9"/>
      <c r="P3" s="8" t="s">
        <v>65</v>
      </c>
      <c r="Q3" s="8" t="s">
        <v>66</v>
      </c>
      <c r="R3" s="8" t="s">
        <v>65</v>
      </c>
      <c r="S3" s="8" t="s">
        <v>66</v>
      </c>
    </row>
    <row r="4" spans="1:19" x14ac:dyDescent="0.25">
      <c r="A4" s="6">
        <v>0.85791700000000004</v>
      </c>
      <c r="B4" s="6">
        <v>0.83239300000000005</v>
      </c>
      <c r="C4" s="6">
        <v>0.83882800000000002</v>
      </c>
      <c r="D4" s="6">
        <v>1.1511420000000001</v>
      </c>
      <c r="E4" s="10"/>
      <c r="F4" s="6">
        <v>0.89857500000000001</v>
      </c>
      <c r="G4" s="6">
        <v>0.974916</v>
      </c>
      <c r="H4" s="6">
        <v>0.96780100000000002</v>
      </c>
      <c r="I4" s="6">
        <v>1.286394</v>
      </c>
      <c r="J4" s="9"/>
      <c r="K4" s="6">
        <v>0.96328199999999997</v>
      </c>
      <c r="L4" s="6">
        <v>0.75572399999999995</v>
      </c>
      <c r="M4" s="6">
        <v>0.87832399999999999</v>
      </c>
      <c r="N4" s="6">
        <v>1.2594689999999999</v>
      </c>
      <c r="O4" s="9"/>
      <c r="P4" s="6">
        <v>1.0782525000000001</v>
      </c>
      <c r="Q4" s="6">
        <v>0.88759659999999996</v>
      </c>
      <c r="R4" s="6">
        <v>0.906586</v>
      </c>
      <c r="S4" s="6">
        <v>1.4121509999999999</v>
      </c>
    </row>
    <row r="5" spans="1:19" x14ac:dyDescent="0.25">
      <c r="A5" s="6">
        <v>0.37446099999999999</v>
      </c>
      <c r="B5" s="6">
        <v>0.83572999999999997</v>
      </c>
      <c r="C5" s="6">
        <v>0.90713500000000002</v>
      </c>
      <c r="D5" s="6">
        <v>1.418121</v>
      </c>
      <c r="E5" s="10"/>
      <c r="F5" s="6">
        <v>0.74002299999999999</v>
      </c>
      <c r="G5" s="6">
        <v>0.95764499999999997</v>
      </c>
      <c r="H5" s="6">
        <v>0.86759699999999995</v>
      </c>
      <c r="I5" s="6">
        <v>1.259968</v>
      </c>
      <c r="J5" s="9"/>
      <c r="K5" s="6">
        <v>0.63505999999999996</v>
      </c>
      <c r="L5" s="6">
        <v>0.694438</v>
      </c>
      <c r="M5" s="6">
        <v>0.87049799999999999</v>
      </c>
      <c r="N5" s="6">
        <v>1.0708150000000001</v>
      </c>
      <c r="O5" s="9"/>
      <c r="P5" s="6">
        <v>1.1575523999999999</v>
      </c>
      <c r="Q5" s="6">
        <v>0.85509159999999995</v>
      </c>
      <c r="R5" s="6">
        <v>0.950241</v>
      </c>
      <c r="S5" s="6">
        <v>1.338519</v>
      </c>
    </row>
    <row r="6" spans="1:19" x14ac:dyDescent="0.25">
      <c r="A6" s="6">
        <v>0.90929899999999997</v>
      </c>
      <c r="B6" s="6">
        <v>1.361918</v>
      </c>
      <c r="C6" s="6">
        <v>0.72831199999999996</v>
      </c>
      <c r="D6" s="6">
        <v>0.354993</v>
      </c>
      <c r="E6" s="9"/>
      <c r="F6" s="6">
        <v>1.117672</v>
      </c>
      <c r="G6" s="6">
        <v>0.92224499999999998</v>
      </c>
      <c r="H6" s="6">
        <v>0.99460599999999999</v>
      </c>
      <c r="I6" s="6">
        <v>1.2032499999999999</v>
      </c>
      <c r="J6" s="9"/>
      <c r="K6" s="6">
        <v>1.008273</v>
      </c>
      <c r="L6" s="6">
        <v>0.71959799999999996</v>
      </c>
      <c r="M6" s="6">
        <v>0.97725600000000001</v>
      </c>
      <c r="N6" s="6">
        <v>0.96578799999999998</v>
      </c>
      <c r="O6" s="9"/>
      <c r="P6" s="6">
        <v>1.0922913999999999</v>
      </c>
      <c r="Q6" s="6">
        <v>0.83264579999999999</v>
      </c>
      <c r="R6" s="6">
        <v>0.96127600000000002</v>
      </c>
      <c r="S6" s="6">
        <v>1.2289810000000001</v>
      </c>
    </row>
    <row r="7" spans="1:19" x14ac:dyDescent="0.25">
      <c r="A7" s="6">
        <v>1.2400199999999999</v>
      </c>
      <c r="B7" s="6">
        <v>1.2909459999999999</v>
      </c>
      <c r="C7" s="6">
        <v>0.70697600000000005</v>
      </c>
      <c r="D7" s="6">
        <v>1.184795</v>
      </c>
      <c r="E7" s="9"/>
      <c r="F7" s="6">
        <v>1.028546</v>
      </c>
      <c r="G7" s="6">
        <v>1.048613</v>
      </c>
      <c r="H7" s="6">
        <v>1.018276</v>
      </c>
      <c r="I7" s="6">
        <v>1.242273</v>
      </c>
      <c r="J7" s="9"/>
      <c r="K7" s="6">
        <v>1.049515</v>
      </c>
      <c r="L7" s="6">
        <v>0.78964800000000002</v>
      </c>
      <c r="M7" s="6">
        <v>0.99468299999999998</v>
      </c>
      <c r="N7" s="6">
        <v>0.91734700000000002</v>
      </c>
      <c r="O7" s="9"/>
      <c r="P7" s="6">
        <v>0.90422329999999995</v>
      </c>
      <c r="Q7" s="6">
        <v>0.9784254</v>
      </c>
      <c r="R7" s="6">
        <v>1.022975</v>
      </c>
      <c r="S7" s="6">
        <v>1.4124399999999999</v>
      </c>
    </row>
    <row r="8" spans="1:19" x14ac:dyDescent="0.25">
      <c r="A8" s="6">
        <v>1.2066300000000001</v>
      </c>
      <c r="B8" s="6">
        <v>0.62914199999999998</v>
      </c>
      <c r="C8" s="6">
        <v>1.561304</v>
      </c>
      <c r="D8" s="6">
        <v>0.80701400000000001</v>
      </c>
      <c r="E8" s="9"/>
      <c r="F8" s="6">
        <v>0.96633199999999997</v>
      </c>
      <c r="G8" s="6">
        <v>1.0592429999999999</v>
      </c>
      <c r="H8" s="6">
        <v>1.0369299999999999</v>
      </c>
      <c r="I8" s="6">
        <v>1.1653119999999999</v>
      </c>
      <c r="J8" s="9"/>
      <c r="K8" s="6">
        <v>0.95421100000000003</v>
      </c>
      <c r="L8" s="6">
        <v>0.77411799999999997</v>
      </c>
      <c r="M8" s="6">
        <v>0.93592699999999995</v>
      </c>
      <c r="N8" s="6">
        <v>0.83018499999999995</v>
      </c>
      <c r="O8" s="9"/>
      <c r="P8" s="6">
        <v>0.9119235</v>
      </c>
      <c r="Q8" s="6">
        <v>1.1988629</v>
      </c>
      <c r="R8" s="6">
        <v>0.95784800000000003</v>
      </c>
      <c r="S8" s="6">
        <v>1.351267</v>
      </c>
    </row>
    <row r="9" spans="1:19" x14ac:dyDescent="0.25">
      <c r="A9" s="6">
        <v>1.5249870000000001</v>
      </c>
      <c r="B9" s="6">
        <v>1.285644</v>
      </c>
      <c r="C9" s="6">
        <v>1.64093</v>
      </c>
      <c r="D9" s="6">
        <v>0.32524199999999998</v>
      </c>
      <c r="E9" s="9"/>
      <c r="F9" s="6">
        <v>1.140182</v>
      </c>
      <c r="G9" s="6">
        <v>1.0156940000000001</v>
      </c>
      <c r="H9" s="6">
        <v>0.977989</v>
      </c>
      <c r="I9" s="6">
        <v>1.099628</v>
      </c>
      <c r="J9" s="9"/>
      <c r="K9" s="6">
        <v>1.0806720000000001</v>
      </c>
      <c r="L9" s="6">
        <v>0.74665599999999999</v>
      </c>
      <c r="M9" s="6">
        <v>1.0921259999999999</v>
      </c>
      <c r="N9" s="6">
        <v>0.91564100000000004</v>
      </c>
      <c r="O9" s="9"/>
      <c r="P9" s="6">
        <v>0.92590150000000004</v>
      </c>
      <c r="Q9" s="6">
        <v>1.1763471999999999</v>
      </c>
      <c r="R9" s="6">
        <v>1.040089</v>
      </c>
      <c r="S9" s="6">
        <v>1.194434</v>
      </c>
    </row>
    <row r="10" spans="1:19" x14ac:dyDescent="0.25">
      <c r="A10" s="6">
        <v>0.83620300000000003</v>
      </c>
      <c r="B10" s="6">
        <v>0.64993999999999996</v>
      </c>
      <c r="C10" s="6">
        <v>0.66572399999999998</v>
      </c>
      <c r="D10" s="6">
        <v>0.42786800000000003</v>
      </c>
      <c r="E10" s="9"/>
      <c r="F10" s="6">
        <v>1.085736</v>
      </c>
      <c r="G10" s="6">
        <v>0.84085500000000002</v>
      </c>
      <c r="H10" s="6">
        <v>1.01928</v>
      </c>
      <c r="I10" s="6">
        <v>0.99468500000000004</v>
      </c>
      <c r="J10" s="9"/>
      <c r="K10" s="6">
        <v>1.032734</v>
      </c>
      <c r="L10" s="6">
        <v>0.84645800000000004</v>
      </c>
      <c r="M10" s="6">
        <v>1.056576</v>
      </c>
      <c r="N10" s="6">
        <v>0.86213700000000004</v>
      </c>
      <c r="O10" s="9"/>
      <c r="P10" s="6">
        <v>0.95648259999999996</v>
      </c>
      <c r="Q10" s="6">
        <v>1.1227961</v>
      </c>
      <c r="R10" s="6">
        <v>1.0791379999999999</v>
      </c>
      <c r="S10" s="6">
        <v>1.0838669999999999</v>
      </c>
    </row>
    <row r="11" spans="1:19" x14ac:dyDescent="0.25">
      <c r="A11" s="6">
        <v>1.050484</v>
      </c>
      <c r="B11" s="6">
        <v>0.78663000000000005</v>
      </c>
      <c r="C11" s="6">
        <v>0.95079199999999997</v>
      </c>
      <c r="D11" s="6">
        <v>0.39102799999999999</v>
      </c>
      <c r="E11" s="9"/>
      <c r="F11" s="6">
        <v>1.022934</v>
      </c>
      <c r="G11" s="6">
        <v>0.83711100000000005</v>
      </c>
      <c r="H11" s="6">
        <v>1.1175200000000001</v>
      </c>
      <c r="I11" s="6">
        <v>1.0826910000000001</v>
      </c>
      <c r="J11" s="9"/>
      <c r="K11" s="6">
        <v>1.2762519999999999</v>
      </c>
      <c r="L11" s="6">
        <v>0.85119100000000003</v>
      </c>
      <c r="M11" s="6">
        <v>1.1946110000000001</v>
      </c>
      <c r="N11" s="6">
        <v>0.89925900000000003</v>
      </c>
      <c r="O11" s="9"/>
      <c r="P11" s="6">
        <v>0.97337269999999998</v>
      </c>
      <c r="Q11" s="6">
        <v>1.1196010000000001</v>
      </c>
      <c r="R11" s="6">
        <v>1.081847</v>
      </c>
      <c r="S11" s="6">
        <v>1.045102</v>
      </c>
    </row>
    <row r="12" spans="1:19" x14ac:dyDescent="0.25">
      <c r="A12" s="6"/>
      <c r="B12" s="6">
        <v>0.68593199999999999</v>
      </c>
      <c r="C12" s="6"/>
      <c r="D12" s="6"/>
      <c r="F12" s="6"/>
      <c r="G12" s="6">
        <v>0.93218000000000001</v>
      </c>
      <c r="H12" s="6"/>
      <c r="I12" s="6"/>
      <c r="K12" s="6"/>
      <c r="L12" s="6">
        <v>0.95764300000000002</v>
      </c>
      <c r="M12" s="6"/>
      <c r="N12" s="6"/>
      <c r="P12" s="6"/>
      <c r="Q12" s="6">
        <v>1.1365312999999999</v>
      </c>
      <c r="R12" s="6"/>
      <c r="S12" s="6"/>
    </row>
    <row r="13" spans="1:19" x14ac:dyDescent="0.25">
      <c r="F13" s="6"/>
      <c r="G13" s="6"/>
      <c r="H13" s="6"/>
      <c r="I13" s="6"/>
    </row>
    <row r="14" spans="1:19" x14ac:dyDescent="0.25">
      <c r="A14" s="9" t="s">
        <v>80</v>
      </c>
      <c r="B14" s="10"/>
      <c r="C14" s="10"/>
      <c r="D14" s="10"/>
      <c r="E14" s="10"/>
      <c r="F14" s="9" t="s">
        <v>81</v>
      </c>
      <c r="G14" s="10"/>
      <c r="H14" s="10"/>
      <c r="I14" s="10"/>
      <c r="J14" s="10"/>
      <c r="K14" s="9" t="s">
        <v>82</v>
      </c>
      <c r="L14" s="10"/>
      <c r="M14" s="10"/>
      <c r="N14" s="10"/>
      <c r="O14" s="9"/>
      <c r="P14" t="s">
        <v>83</v>
      </c>
      <c r="Q14" s="7"/>
      <c r="R14" s="6"/>
      <c r="S14" s="6"/>
    </row>
    <row r="15" spans="1:19" x14ac:dyDescent="0.25">
      <c r="A15" s="13" t="s">
        <v>17</v>
      </c>
      <c r="B15" s="14"/>
      <c r="C15" s="13" t="s">
        <v>18</v>
      </c>
      <c r="D15" s="14"/>
      <c r="E15" s="10"/>
      <c r="F15" s="13" t="s">
        <v>17</v>
      </c>
      <c r="G15" s="14"/>
      <c r="H15" s="13" t="s">
        <v>18</v>
      </c>
      <c r="I15" s="14"/>
      <c r="J15" s="10"/>
      <c r="K15" s="13" t="s">
        <v>17</v>
      </c>
      <c r="L15" s="14"/>
      <c r="M15" s="13" t="s">
        <v>18</v>
      </c>
      <c r="N15" s="14"/>
      <c r="O15" s="9"/>
      <c r="P15" s="12" t="s">
        <v>17</v>
      </c>
      <c r="Q15" s="11"/>
      <c r="R15" s="12" t="s">
        <v>18</v>
      </c>
      <c r="S15" s="11"/>
    </row>
    <row r="16" spans="1:19" x14ac:dyDescent="0.25">
      <c r="A16" s="10" t="s">
        <v>65</v>
      </c>
      <c r="B16" s="10" t="s">
        <v>66</v>
      </c>
      <c r="C16" s="10" t="s">
        <v>65</v>
      </c>
      <c r="D16" s="10" t="s">
        <v>66</v>
      </c>
      <c r="E16" s="10"/>
      <c r="F16" s="10" t="s">
        <v>65</v>
      </c>
      <c r="G16" s="10" t="s">
        <v>66</v>
      </c>
      <c r="H16" s="10" t="s">
        <v>65</v>
      </c>
      <c r="I16" s="10" t="s">
        <v>66</v>
      </c>
      <c r="J16" s="9"/>
      <c r="K16" s="10" t="s">
        <v>65</v>
      </c>
      <c r="L16" s="10" t="s">
        <v>66</v>
      </c>
      <c r="M16" s="10" t="s">
        <v>65</v>
      </c>
      <c r="N16" s="10" t="s">
        <v>66</v>
      </c>
      <c r="O16" s="9"/>
      <c r="P16" s="8" t="s">
        <v>65</v>
      </c>
      <c r="Q16" s="8" t="s">
        <v>66</v>
      </c>
      <c r="R16" s="8" t="s">
        <v>65</v>
      </c>
      <c r="S16" s="8" t="s">
        <v>66</v>
      </c>
    </row>
    <row r="17" spans="1:19" x14ac:dyDescent="0.25">
      <c r="A17" s="6">
        <v>0.82495200000000002</v>
      </c>
      <c r="B17" s="6">
        <v>0.82125300000000001</v>
      </c>
      <c r="C17" s="6">
        <v>0.89789200000000002</v>
      </c>
      <c r="D17" s="6">
        <v>1.513503</v>
      </c>
      <c r="F17" s="6">
        <v>0.90817199999999998</v>
      </c>
      <c r="G17" s="6">
        <v>0.82382</v>
      </c>
      <c r="H17" s="6">
        <v>0.97710750300000004</v>
      </c>
      <c r="I17" s="6">
        <v>1.226377031</v>
      </c>
      <c r="K17" s="6">
        <v>0.92997300000000005</v>
      </c>
      <c r="L17" s="6">
        <v>0.94155599999999995</v>
      </c>
      <c r="M17" s="6">
        <v>1.0355756039999999</v>
      </c>
      <c r="N17" s="6">
        <v>1.6010158379999999</v>
      </c>
      <c r="P17" s="6">
        <v>0.96228599999999997</v>
      </c>
      <c r="Q17" s="6">
        <v>1.1899059999999999</v>
      </c>
      <c r="R17" s="6">
        <v>0.743501509</v>
      </c>
      <c r="S17" s="6">
        <v>0.72934211999999998</v>
      </c>
    </row>
    <row r="18" spans="1:19" x14ac:dyDescent="0.25">
      <c r="A18" s="6">
        <v>1.0639559999999999</v>
      </c>
      <c r="B18" s="6">
        <v>0.80307300000000004</v>
      </c>
      <c r="C18" s="6">
        <v>0.84631199999999995</v>
      </c>
      <c r="D18" s="6">
        <v>1.4367570000000001</v>
      </c>
      <c r="F18" s="6">
        <v>1.1420950000000001</v>
      </c>
      <c r="G18" s="6">
        <v>0.82448200000000005</v>
      </c>
      <c r="H18" s="6">
        <v>0.90504841000000003</v>
      </c>
      <c r="I18" s="6">
        <v>1.2936215529999999</v>
      </c>
      <c r="K18" s="6">
        <v>0.81303000000000003</v>
      </c>
      <c r="L18" s="6">
        <v>0.977719</v>
      </c>
      <c r="M18" s="6">
        <v>0.75634615100000002</v>
      </c>
      <c r="N18" s="6">
        <v>1.330705547</v>
      </c>
      <c r="P18" s="6">
        <v>0.20322299999999999</v>
      </c>
      <c r="Q18" s="6">
        <v>1.3864529999999999</v>
      </c>
      <c r="R18" s="6">
        <v>0.83460003400000005</v>
      </c>
      <c r="S18" s="6">
        <v>1.071254318</v>
      </c>
    </row>
    <row r="19" spans="1:19" x14ac:dyDescent="0.25">
      <c r="A19" s="6">
        <v>0.97788799999999998</v>
      </c>
      <c r="B19" s="6">
        <v>0.930531</v>
      </c>
      <c r="C19" s="6">
        <v>1.1218710000000001</v>
      </c>
      <c r="D19" s="6">
        <v>1.049774</v>
      </c>
      <c r="F19" s="6">
        <v>1.0723860000000001</v>
      </c>
      <c r="G19" s="6">
        <v>0.67627499999999996</v>
      </c>
      <c r="H19" s="6">
        <v>1.268360701</v>
      </c>
      <c r="I19" s="6">
        <v>1.1818498500000001</v>
      </c>
      <c r="K19" s="6">
        <v>1.1042730000000001</v>
      </c>
      <c r="L19" s="6">
        <v>1.287385</v>
      </c>
      <c r="M19" s="6">
        <v>0.73364140700000002</v>
      </c>
      <c r="N19" s="6">
        <v>1.3830230100000001</v>
      </c>
      <c r="P19" s="6">
        <v>1.4047210000000001</v>
      </c>
      <c r="Q19" s="6">
        <v>1.319086</v>
      </c>
      <c r="R19" s="6">
        <v>1.1455365639999999</v>
      </c>
      <c r="S19" s="6">
        <v>1.117898718</v>
      </c>
    </row>
    <row r="20" spans="1:19" x14ac:dyDescent="0.25">
      <c r="A20" s="6">
        <v>1.0026710000000001</v>
      </c>
      <c r="B20" s="6">
        <v>0.74942600000000004</v>
      </c>
      <c r="C20" s="6">
        <v>1.4703930000000001</v>
      </c>
      <c r="D20" s="6">
        <v>0.94314299999999995</v>
      </c>
      <c r="F20" s="6">
        <v>1.1805939999999999</v>
      </c>
      <c r="G20" s="6">
        <v>0.89015100000000003</v>
      </c>
      <c r="H20" s="6">
        <v>1.0473980000000001</v>
      </c>
      <c r="I20" s="6">
        <v>1.088554778</v>
      </c>
      <c r="K20" s="6">
        <v>0.85491700000000004</v>
      </c>
      <c r="L20" s="6">
        <v>1.1095159999999999</v>
      </c>
      <c r="M20" s="6">
        <v>0.83182255400000005</v>
      </c>
      <c r="N20" s="6">
        <v>1.148190966</v>
      </c>
      <c r="P20" s="6">
        <v>0.99900500000000003</v>
      </c>
      <c r="Q20" s="6">
        <v>1.4007909999999999</v>
      </c>
      <c r="R20" s="6">
        <v>0.96948773499999996</v>
      </c>
      <c r="S20" s="6">
        <v>0.78820906599999996</v>
      </c>
    </row>
    <row r="21" spans="1:19" x14ac:dyDescent="0.25">
      <c r="A21" s="6">
        <v>0.94918400000000003</v>
      </c>
      <c r="B21" s="6">
        <v>0.73022699999999996</v>
      </c>
      <c r="C21" s="6">
        <v>1.0421100000000001</v>
      </c>
      <c r="D21" s="6">
        <v>1.1962680000000001</v>
      </c>
      <c r="F21" s="6">
        <v>1.119335</v>
      </c>
      <c r="G21" s="6">
        <v>0.96722600000000003</v>
      </c>
      <c r="H21" s="6">
        <v>0.98650276699999995</v>
      </c>
      <c r="I21" s="6">
        <v>1.0084250509999999</v>
      </c>
      <c r="K21" s="6">
        <v>0.96414</v>
      </c>
      <c r="L21" s="6">
        <v>1.0494300000000001</v>
      </c>
      <c r="M21" s="6">
        <v>0.82018982900000004</v>
      </c>
      <c r="N21" s="6">
        <v>1.4085915019999999</v>
      </c>
      <c r="P21" s="6">
        <v>1.553248</v>
      </c>
      <c r="Q21" s="6">
        <v>1.3771439999999999</v>
      </c>
      <c r="R21" s="6">
        <v>0.84154859999999998</v>
      </c>
      <c r="S21" s="6">
        <v>0.85410503900000001</v>
      </c>
    </row>
    <row r="22" spans="1:19" x14ac:dyDescent="0.25">
      <c r="A22" s="6">
        <v>0.972576</v>
      </c>
      <c r="B22" s="6">
        <v>0.63959699999999997</v>
      </c>
      <c r="C22" s="6">
        <v>1.2794410000000001</v>
      </c>
      <c r="D22" s="6">
        <v>0.85407299999999997</v>
      </c>
      <c r="F22" s="6">
        <v>0.91382399999999997</v>
      </c>
      <c r="G22" s="6">
        <v>0.84932300000000005</v>
      </c>
      <c r="H22" s="6">
        <v>1.0384239660000001</v>
      </c>
      <c r="I22" s="6">
        <v>0.83814498699999995</v>
      </c>
      <c r="K22" s="6">
        <v>1.022113</v>
      </c>
      <c r="L22" s="6">
        <v>1.0660400000000001</v>
      </c>
      <c r="M22" s="6">
        <v>1.350723927</v>
      </c>
      <c r="N22" s="6">
        <v>1.063723169</v>
      </c>
      <c r="P22" s="6">
        <v>1.2063870000000001</v>
      </c>
      <c r="Q22" s="6">
        <v>1.0758620000000001</v>
      </c>
      <c r="R22" s="6">
        <v>1.2088771819999999</v>
      </c>
      <c r="S22" s="6">
        <v>0.85824909900000002</v>
      </c>
    </row>
    <row r="23" spans="1:19" x14ac:dyDescent="0.25">
      <c r="A23" s="6">
        <v>0.92134400000000005</v>
      </c>
      <c r="B23" s="6">
        <v>0.741448</v>
      </c>
      <c r="C23" s="6">
        <v>0.86100600000000005</v>
      </c>
      <c r="D23" s="6">
        <v>0.63658199999999998</v>
      </c>
      <c r="F23" s="6">
        <v>0.84118199999999999</v>
      </c>
      <c r="G23" s="6">
        <v>0.86464600000000003</v>
      </c>
      <c r="H23" s="6">
        <v>0.99000100400000002</v>
      </c>
      <c r="I23" s="6">
        <v>0.68507136599999996</v>
      </c>
      <c r="K23" s="6">
        <v>1.3368420000000001</v>
      </c>
      <c r="L23" s="6">
        <v>1.1481950000000001</v>
      </c>
      <c r="M23" s="6">
        <v>1.298077009</v>
      </c>
      <c r="N23" s="6">
        <v>0.78490573299999999</v>
      </c>
      <c r="P23" s="6">
        <v>0.65198100000000003</v>
      </c>
      <c r="Q23" s="6">
        <v>1.2834289999999999</v>
      </c>
      <c r="R23" s="6">
        <v>1.1599643289999999</v>
      </c>
      <c r="S23" s="6">
        <v>0.98570275799999996</v>
      </c>
    </row>
    <row r="24" spans="1:19" x14ac:dyDescent="0.25">
      <c r="A24" s="6">
        <v>1.287428</v>
      </c>
      <c r="B24" s="6">
        <v>0.62236800000000003</v>
      </c>
      <c r="C24" s="6">
        <v>0.48097499999999999</v>
      </c>
      <c r="D24" s="6">
        <v>0.72181499999999998</v>
      </c>
      <c r="F24" s="6">
        <v>0.82241299999999995</v>
      </c>
      <c r="G24" s="6">
        <v>0.84738000000000002</v>
      </c>
      <c r="H24" s="6">
        <v>0.78715764899999996</v>
      </c>
      <c r="I24" s="6">
        <v>0.76264846200000003</v>
      </c>
      <c r="K24" s="6">
        <v>0.97471099999999999</v>
      </c>
      <c r="L24" s="6">
        <v>1.0879509999999999</v>
      </c>
      <c r="M24" s="6">
        <v>1.1736235180000001</v>
      </c>
      <c r="N24" s="6">
        <v>0.94126536999999999</v>
      </c>
      <c r="P24" s="6">
        <v>1.0191490000000001</v>
      </c>
      <c r="Q24" s="6">
        <v>1.1743650000000001</v>
      </c>
      <c r="R24" s="6">
        <v>1.096484048</v>
      </c>
      <c r="S24" s="6">
        <v>1.199503075</v>
      </c>
    </row>
    <row r="25" spans="1:19" x14ac:dyDescent="0.25">
      <c r="A25" s="6"/>
      <c r="B25" s="6">
        <v>0.82946500000000001</v>
      </c>
      <c r="C25" s="6"/>
      <c r="D25" s="6"/>
      <c r="F25" s="6"/>
      <c r="G25" s="6">
        <v>0.88361400000000001</v>
      </c>
      <c r="H25" s="6"/>
      <c r="I25" s="6"/>
      <c r="K25" s="6"/>
      <c r="L25" s="6">
        <v>1.3751530000000001</v>
      </c>
      <c r="M25" s="6"/>
      <c r="N25" s="6"/>
      <c r="P25" s="6"/>
      <c r="Q25" s="6">
        <v>0.989653</v>
      </c>
      <c r="R25" s="6"/>
      <c r="S25" s="6"/>
    </row>
    <row r="27" spans="1:19" x14ac:dyDescent="0.25">
      <c r="A27" s="9" t="s">
        <v>84</v>
      </c>
      <c r="B27" s="10"/>
      <c r="C27" s="10"/>
      <c r="D27" s="10"/>
      <c r="E27" s="10"/>
      <c r="F27" s="9" t="s">
        <v>85</v>
      </c>
      <c r="G27" s="10"/>
      <c r="H27" s="10"/>
      <c r="I27" s="10"/>
      <c r="J27" s="10"/>
      <c r="K27" s="9" t="s">
        <v>86</v>
      </c>
      <c r="L27" s="10"/>
      <c r="M27" s="10"/>
      <c r="N27" s="10"/>
    </row>
    <row r="28" spans="1:19" x14ac:dyDescent="0.25">
      <c r="A28" s="13" t="s">
        <v>17</v>
      </c>
      <c r="B28" s="14"/>
      <c r="C28" s="13" t="s">
        <v>18</v>
      </c>
      <c r="D28" s="14"/>
      <c r="E28" s="10"/>
      <c r="F28" s="13" t="s">
        <v>17</v>
      </c>
      <c r="G28" s="14"/>
      <c r="H28" s="13" t="s">
        <v>18</v>
      </c>
      <c r="I28" s="14"/>
      <c r="J28" s="10"/>
      <c r="K28" s="13" t="s">
        <v>17</v>
      </c>
      <c r="L28" s="14"/>
      <c r="M28" s="13" t="s">
        <v>18</v>
      </c>
      <c r="N28" s="14"/>
    </row>
    <row r="29" spans="1:19" x14ac:dyDescent="0.25">
      <c r="A29" s="10" t="s">
        <v>65</v>
      </c>
      <c r="B29" s="10" t="s">
        <v>66</v>
      </c>
      <c r="C29" s="10" t="s">
        <v>65</v>
      </c>
      <c r="D29" s="10" t="s">
        <v>66</v>
      </c>
      <c r="E29" s="10"/>
      <c r="F29" s="10" t="s">
        <v>65</v>
      </c>
      <c r="G29" s="10" t="s">
        <v>66</v>
      </c>
      <c r="H29" s="10" t="s">
        <v>65</v>
      </c>
      <c r="I29" s="10" t="s">
        <v>66</v>
      </c>
      <c r="J29" s="9"/>
      <c r="K29" s="10" t="s">
        <v>65</v>
      </c>
      <c r="L29" s="10" t="s">
        <v>66</v>
      </c>
      <c r="M29" s="10" t="s">
        <v>65</v>
      </c>
      <c r="N29" s="10" t="s">
        <v>66</v>
      </c>
    </row>
    <row r="30" spans="1:19" x14ac:dyDescent="0.25">
      <c r="A30" s="6">
        <v>1.1682189999999999</v>
      </c>
      <c r="B30" s="6">
        <v>0.62367499999999998</v>
      </c>
      <c r="C30" s="6">
        <v>1.110420518</v>
      </c>
      <c r="D30" s="6">
        <v>1.425384516</v>
      </c>
      <c r="F30" s="15">
        <v>0.86261200000000005</v>
      </c>
      <c r="G30" s="15">
        <v>1.7730539999999999</v>
      </c>
      <c r="H30" s="15">
        <v>1.085062</v>
      </c>
      <c r="I30" s="15">
        <v>1.47407</v>
      </c>
      <c r="K30" s="6">
        <v>0.96738400000000002</v>
      </c>
      <c r="L30" s="6">
        <v>1.160868</v>
      </c>
      <c r="M30" s="6">
        <v>1.0174771419999999</v>
      </c>
      <c r="N30" s="6">
        <v>1.419306883</v>
      </c>
    </row>
    <row r="31" spans="1:19" x14ac:dyDescent="0.25">
      <c r="A31" s="6">
        <v>0.49412400000000001</v>
      </c>
      <c r="B31" s="6">
        <v>0.625112</v>
      </c>
      <c r="C31" s="6">
        <v>1.1569912339999999</v>
      </c>
      <c r="D31" s="6">
        <v>1.4815583729999999</v>
      </c>
      <c r="F31" s="15">
        <v>0.118368</v>
      </c>
      <c r="G31" s="15">
        <v>1.6523220000000001</v>
      </c>
      <c r="H31" s="15">
        <v>0.84916599999999998</v>
      </c>
      <c r="I31" s="15">
        <v>1.3555520000000001</v>
      </c>
      <c r="K31" s="6">
        <v>1.196458</v>
      </c>
      <c r="L31" s="6">
        <v>1.1119790000000001</v>
      </c>
      <c r="M31" s="6">
        <v>0.85762121499999999</v>
      </c>
      <c r="N31" s="6">
        <v>1.0860757560000001</v>
      </c>
    </row>
    <row r="32" spans="1:19" x14ac:dyDescent="0.25">
      <c r="A32" s="6">
        <v>1.6005830000000001</v>
      </c>
      <c r="B32" s="6">
        <v>0.722607</v>
      </c>
      <c r="C32" s="6">
        <v>2.2580708789999999</v>
      </c>
      <c r="D32" s="6">
        <v>1.6412863390000001</v>
      </c>
      <c r="F32" s="15">
        <v>1.525163</v>
      </c>
      <c r="G32" s="15">
        <v>1.4141159999999999</v>
      </c>
      <c r="H32" s="15">
        <v>1.011584</v>
      </c>
      <c r="I32" s="15">
        <v>1.287555</v>
      </c>
      <c r="K32" s="6">
        <v>1.1611819999999999</v>
      </c>
      <c r="L32" s="6">
        <v>1.2425600000000001</v>
      </c>
      <c r="M32" s="6">
        <v>0.76122828099999995</v>
      </c>
      <c r="N32" s="6">
        <v>1.3678102590000001</v>
      </c>
    </row>
    <row r="33" spans="1:14" x14ac:dyDescent="0.25">
      <c r="A33" s="6">
        <v>1.119019</v>
      </c>
      <c r="B33" s="6">
        <v>0.75673699999999999</v>
      </c>
      <c r="C33" s="6">
        <v>0.94003853400000004</v>
      </c>
      <c r="D33" s="6">
        <v>1.5081714289999999</v>
      </c>
      <c r="F33" s="15">
        <v>0.58492699999999997</v>
      </c>
      <c r="G33" s="15">
        <v>1.1875009999999999</v>
      </c>
      <c r="H33" s="15">
        <v>1.0855840000000001</v>
      </c>
      <c r="I33" s="15">
        <v>1.1030409999999999</v>
      </c>
      <c r="K33" s="6">
        <v>0.89199799999999996</v>
      </c>
      <c r="L33" s="6">
        <v>1.229233</v>
      </c>
      <c r="M33" s="6">
        <v>0.94535711499999997</v>
      </c>
      <c r="N33" s="6">
        <v>1.442736614</v>
      </c>
    </row>
    <row r="34" spans="1:14" x14ac:dyDescent="0.25">
      <c r="A34" s="6">
        <v>0.95820099999999997</v>
      </c>
      <c r="B34" s="6">
        <v>0.49894899999999998</v>
      </c>
      <c r="C34" s="6">
        <v>0.611248562</v>
      </c>
      <c r="D34" s="6">
        <v>1.2010670910000001</v>
      </c>
      <c r="F34" s="15">
        <v>1.145618</v>
      </c>
      <c r="G34" s="15">
        <v>1.8003039999999999</v>
      </c>
      <c r="H34" s="15">
        <v>1.090066</v>
      </c>
      <c r="I34" s="15">
        <v>1.1210739999999999</v>
      </c>
      <c r="K34" s="6">
        <v>1.320983</v>
      </c>
      <c r="L34" s="6">
        <v>1.4555899999999999</v>
      </c>
      <c r="M34" s="6">
        <v>1.036116271</v>
      </c>
      <c r="N34" s="6">
        <v>1.3858740380000001</v>
      </c>
    </row>
    <row r="35" spans="1:14" x14ac:dyDescent="0.25">
      <c r="A35" s="6">
        <v>0.95657599999999998</v>
      </c>
      <c r="B35" s="6">
        <v>0.50798200000000004</v>
      </c>
      <c r="C35" s="6">
        <v>0.65873818699999998</v>
      </c>
      <c r="D35" s="6">
        <v>1.2174045550000001</v>
      </c>
      <c r="F35" s="15">
        <v>1.372096</v>
      </c>
      <c r="G35" s="15">
        <v>1.601361</v>
      </c>
      <c r="H35" s="15">
        <v>0.90854500000000005</v>
      </c>
      <c r="I35" s="15">
        <v>1.295345</v>
      </c>
      <c r="K35" s="6">
        <v>0.97907100000000002</v>
      </c>
      <c r="L35" s="6">
        <v>1.2628539999999999</v>
      </c>
      <c r="M35" s="6">
        <v>1.333015085</v>
      </c>
      <c r="N35" s="6">
        <v>1.22085018</v>
      </c>
    </row>
    <row r="36" spans="1:14" x14ac:dyDescent="0.25">
      <c r="A36" s="6">
        <v>0.98808099999999999</v>
      </c>
      <c r="B36" s="6">
        <v>0.48947400000000002</v>
      </c>
      <c r="C36" s="6">
        <v>0.49023884600000001</v>
      </c>
      <c r="D36" s="6">
        <v>0.74174915600000002</v>
      </c>
      <c r="F36" s="15">
        <v>1.1280859999999999</v>
      </c>
      <c r="G36" s="15">
        <v>1.4918229999999999</v>
      </c>
      <c r="H36" s="15">
        <v>1.073869</v>
      </c>
      <c r="I36" s="15">
        <v>1.233025</v>
      </c>
      <c r="K36" s="6">
        <v>0.82950100000000004</v>
      </c>
      <c r="L36" s="6">
        <v>1.2618039999999999</v>
      </c>
      <c r="M36" s="6">
        <v>1.3667916760000001</v>
      </c>
      <c r="N36" s="6">
        <v>0.92099224099999999</v>
      </c>
    </row>
    <row r="37" spans="1:14" x14ac:dyDescent="0.25">
      <c r="A37" s="6">
        <v>0.91519700000000004</v>
      </c>
      <c r="B37" s="6">
        <v>0.52612499999999995</v>
      </c>
      <c r="C37" s="6">
        <v>0.77425324100000004</v>
      </c>
      <c r="D37" s="6">
        <v>0.80432874600000004</v>
      </c>
      <c r="F37" s="15">
        <v>1.2631300000000001</v>
      </c>
      <c r="G37" s="15">
        <v>1.8771279999999999</v>
      </c>
      <c r="H37" s="15">
        <v>0.89612599999999998</v>
      </c>
      <c r="I37" s="15">
        <v>1.383149</v>
      </c>
      <c r="K37" s="6">
        <v>0.653424</v>
      </c>
      <c r="L37" s="6">
        <v>1.4433640000000001</v>
      </c>
      <c r="M37" s="6">
        <v>0.68239321500000005</v>
      </c>
      <c r="N37" s="6">
        <v>1.089624623</v>
      </c>
    </row>
    <row r="38" spans="1:14" x14ac:dyDescent="0.25">
      <c r="A38" s="6"/>
      <c r="B38" s="6">
        <v>0.60396799999999995</v>
      </c>
      <c r="C38" s="6"/>
      <c r="D38" s="6"/>
      <c r="F38" s="15"/>
      <c r="G38" s="15">
        <v>1.5953679999999999</v>
      </c>
      <c r="H38" s="15"/>
      <c r="I38" s="15"/>
      <c r="K38" s="6"/>
      <c r="L38" s="6">
        <v>1.475487</v>
      </c>
      <c r="M38" s="6"/>
      <c r="N38" s="6"/>
    </row>
  </sheetData>
  <mergeCells count="22">
    <mergeCell ref="M2:N2"/>
    <mergeCell ref="M28:N28"/>
    <mergeCell ref="P2:Q2"/>
    <mergeCell ref="R2:S2"/>
    <mergeCell ref="A15:B15"/>
    <mergeCell ref="C15:D15"/>
    <mergeCell ref="F15:G15"/>
    <mergeCell ref="H15:I15"/>
    <mergeCell ref="K15:L15"/>
    <mergeCell ref="M15:N15"/>
    <mergeCell ref="P15:Q15"/>
    <mergeCell ref="R15:S15"/>
    <mergeCell ref="A2:B2"/>
    <mergeCell ref="C2:D2"/>
    <mergeCell ref="F2:G2"/>
    <mergeCell ref="H2:I2"/>
    <mergeCell ref="K2:L2"/>
    <mergeCell ref="A28:B28"/>
    <mergeCell ref="C28:D28"/>
    <mergeCell ref="F28:G28"/>
    <mergeCell ref="H28:I28"/>
    <mergeCell ref="K28:L28"/>
  </mergeCells>
  <pageMargins left="0.7" right="0.7" top="0.75" bottom="0.75" header="0.3" footer="0.3"/>
</worksheet>
</file>

<file path=xl/worksheets/sheet1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4D7755A-C886-4658-AB16-E1E14BDF9EFA}">
  <dimension ref="A1:E31685"/>
  <sheetViews>
    <sheetView workbookViewId="0">
      <selection activeCell="H7" sqref="H7"/>
    </sheetView>
  </sheetViews>
  <sheetFormatPr defaultRowHeight="15" x14ac:dyDescent="0.25"/>
  <sheetData>
    <row r="1" spans="1:5" x14ac:dyDescent="0.25">
      <c r="A1" t="s">
        <v>87</v>
      </c>
      <c r="D1" t="s">
        <v>88</v>
      </c>
    </row>
    <row r="2" spans="1:5" x14ac:dyDescent="0.25">
      <c r="A2" s="13" t="s">
        <v>17</v>
      </c>
      <c r="B2" s="14"/>
      <c r="D2" s="13" t="s">
        <v>17</v>
      </c>
      <c r="E2" s="14"/>
    </row>
    <row r="3" spans="1:5" x14ac:dyDescent="0.25">
      <c r="A3" s="10" t="s">
        <v>65</v>
      </c>
      <c r="B3" s="10" t="s">
        <v>66</v>
      </c>
      <c r="D3" s="10" t="s">
        <v>65</v>
      </c>
      <c r="E3" s="10" t="s">
        <v>66</v>
      </c>
    </row>
    <row r="4" spans="1:5" x14ac:dyDescent="0.25">
      <c r="A4" s="8"/>
      <c r="B4" s="8"/>
      <c r="D4" s="8"/>
      <c r="E4" s="8"/>
    </row>
    <row r="5" spans="1:5" x14ac:dyDescent="0.25">
      <c r="A5" s="6">
        <v>1181.25</v>
      </c>
      <c r="B5" s="6">
        <v>675</v>
      </c>
      <c r="D5" s="6">
        <v>441.5136</v>
      </c>
      <c r="E5" s="6">
        <v>994.24189999999999</v>
      </c>
    </row>
    <row r="6" spans="1:5" x14ac:dyDescent="0.25">
      <c r="A6" s="6">
        <v>1110.471</v>
      </c>
      <c r="B6" s="6">
        <v>771.5625</v>
      </c>
      <c r="D6" s="6">
        <v>1776.6010000000001</v>
      </c>
      <c r="E6" s="6">
        <v>1122.6849999999999</v>
      </c>
    </row>
    <row r="7" spans="1:5" x14ac:dyDescent="0.25">
      <c r="A7" s="6">
        <v>1176.143</v>
      </c>
      <c r="B7" s="6">
        <v>1034.7270000000001</v>
      </c>
      <c r="D7" s="6">
        <v>1267.5889999999999</v>
      </c>
      <c r="E7" s="6">
        <v>849.5231</v>
      </c>
    </row>
    <row r="8" spans="1:5" x14ac:dyDescent="0.25">
      <c r="A8" s="6">
        <v>904.25</v>
      </c>
      <c r="B8" s="6">
        <v>645.36350000000004</v>
      </c>
      <c r="D8" s="6">
        <v>1295.0809999999999</v>
      </c>
      <c r="E8" s="6">
        <v>1241.2249999999999</v>
      </c>
    </row>
    <row r="9" spans="1:5" x14ac:dyDescent="0.25">
      <c r="A9" s="6">
        <v>1088.3330000000001</v>
      </c>
      <c r="B9" s="6">
        <v>1091.385</v>
      </c>
      <c r="D9" s="6">
        <v>1355.6659999999999</v>
      </c>
      <c r="E9" s="6">
        <v>1190.222</v>
      </c>
    </row>
    <row r="10" spans="1:5" x14ac:dyDescent="0.25">
      <c r="A10" s="6">
        <v>670</v>
      </c>
      <c r="B10" s="6">
        <v>821.28340000000003</v>
      </c>
      <c r="D10" s="6">
        <v>609.82380000000001</v>
      </c>
      <c r="E10" s="6">
        <v>1736.691</v>
      </c>
    </row>
    <row r="11" spans="1:5" x14ac:dyDescent="0.25">
      <c r="A11" s="6">
        <v>854.16669999999999</v>
      </c>
      <c r="B11" s="6">
        <v>2195.6759999999999</v>
      </c>
      <c r="D11" s="6">
        <v>1172.874</v>
      </c>
      <c r="E11" s="6">
        <v>802.21559999999999</v>
      </c>
    </row>
    <row r="12" spans="1:5" x14ac:dyDescent="0.25">
      <c r="A12" s="6">
        <v>752.61099999999999</v>
      </c>
      <c r="B12" s="6">
        <v>605.33330000000001</v>
      </c>
      <c r="D12" s="6">
        <v>5599.8130000000001</v>
      </c>
      <c r="E12" s="6">
        <v>1169.3920000000001</v>
      </c>
    </row>
    <row r="13" spans="1:5" x14ac:dyDescent="0.25">
      <c r="A13" s="6">
        <v>534.18179999999995</v>
      </c>
      <c r="B13" s="6">
        <v>1240.02</v>
      </c>
      <c r="D13" s="6">
        <v>544.75490000000002</v>
      </c>
      <c r="E13" s="6">
        <v>1258.0519999999999</v>
      </c>
    </row>
    <row r="14" spans="1:5" x14ac:dyDescent="0.25">
      <c r="A14" s="6">
        <v>920.89020000000005</v>
      </c>
      <c r="B14" s="6">
        <v>1946.8620000000001</v>
      </c>
      <c r="D14" s="6">
        <v>4677.3850000000002</v>
      </c>
      <c r="E14" s="6">
        <v>734.59010000000001</v>
      </c>
    </row>
    <row r="15" spans="1:5" x14ac:dyDescent="0.25">
      <c r="A15" s="6">
        <v>2823.848</v>
      </c>
      <c r="B15" s="6">
        <v>1884.403</v>
      </c>
      <c r="D15" s="6">
        <v>892.07439999999997</v>
      </c>
      <c r="E15" s="6">
        <v>1254.1669999999999</v>
      </c>
    </row>
    <row r="16" spans="1:5" x14ac:dyDescent="0.25">
      <c r="A16" s="6">
        <v>3297.9940000000001</v>
      </c>
      <c r="B16" s="6">
        <v>1685.3019999999999</v>
      </c>
      <c r="D16" s="6">
        <v>988.4615</v>
      </c>
      <c r="E16" s="6">
        <v>607.70839999999998</v>
      </c>
    </row>
    <row r="17" spans="1:5" x14ac:dyDescent="0.25">
      <c r="A17" s="6">
        <v>3697.875</v>
      </c>
      <c r="B17" s="6">
        <v>1272.0930000000001</v>
      </c>
      <c r="D17" s="6">
        <v>891.14139999999998</v>
      </c>
      <c r="E17" s="6">
        <v>585.87040000000002</v>
      </c>
    </row>
    <row r="18" spans="1:5" x14ac:dyDescent="0.25">
      <c r="A18" s="6">
        <v>602.64790000000005</v>
      </c>
      <c r="B18" s="6">
        <v>1097.4079999999999</v>
      </c>
      <c r="D18" s="6">
        <v>996.97969999999998</v>
      </c>
      <c r="E18" s="6">
        <v>874.34709999999995</v>
      </c>
    </row>
    <row r="19" spans="1:5" x14ac:dyDescent="0.25">
      <c r="A19" s="6">
        <v>2494.5909999999999</v>
      </c>
      <c r="B19" s="6">
        <v>1196.9860000000001</v>
      </c>
      <c r="D19" s="6">
        <v>782.07690000000002</v>
      </c>
      <c r="E19" s="6">
        <v>999.9153</v>
      </c>
    </row>
    <row r="20" spans="1:5" x14ac:dyDescent="0.25">
      <c r="A20" s="6">
        <v>1747.9010000000001</v>
      </c>
      <c r="B20" s="6">
        <v>2792.8470000000002</v>
      </c>
      <c r="D20" s="6">
        <v>12199.18</v>
      </c>
      <c r="E20" s="6">
        <v>979.58309999999994</v>
      </c>
    </row>
    <row r="21" spans="1:5" x14ac:dyDescent="0.25">
      <c r="A21" s="6">
        <v>646.9751</v>
      </c>
      <c r="B21" s="6">
        <v>1401.249</v>
      </c>
      <c r="D21" s="6">
        <v>1363.0070000000001</v>
      </c>
      <c r="E21" s="6">
        <v>387.63639999999998</v>
      </c>
    </row>
    <row r="22" spans="1:5" x14ac:dyDescent="0.25">
      <c r="A22" s="6">
        <v>1814.0070000000001</v>
      </c>
      <c r="B22" s="6">
        <v>2010.7850000000001</v>
      </c>
      <c r="D22" s="6">
        <v>898.85050000000001</v>
      </c>
      <c r="E22" s="6">
        <v>878.48540000000003</v>
      </c>
    </row>
    <row r="23" spans="1:5" x14ac:dyDescent="0.25">
      <c r="A23" s="6">
        <v>2554.674</v>
      </c>
      <c r="B23" s="6">
        <v>793.40959999999995</v>
      </c>
      <c r="D23" s="6">
        <v>859.68820000000005</v>
      </c>
      <c r="E23" s="6">
        <v>1324.4</v>
      </c>
    </row>
    <row r="24" spans="1:5" x14ac:dyDescent="0.25">
      <c r="A24" s="6">
        <v>1866.934</v>
      </c>
      <c r="B24" s="6">
        <v>1414.375</v>
      </c>
      <c r="D24" s="6">
        <v>616.55240000000003</v>
      </c>
      <c r="E24" s="6">
        <v>934.5933</v>
      </c>
    </row>
    <row r="25" spans="1:5" x14ac:dyDescent="0.25">
      <c r="A25" s="6">
        <v>2176.915</v>
      </c>
      <c r="B25" s="6">
        <v>2152.27</v>
      </c>
      <c r="D25" s="6">
        <v>1489.57</v>
      </c>
      <c r="E25" s="6">
        <v>881.48770000000002</v>
      </c>
    </row>
    <row r="26" spans="1:5" x14ac:dyDescent="0.25">
      <c r="A26" s="6">
        <v>1932.278</v>
      </c>
      <c r="B26" s="6">
        <v>1852.3910000000001</v>
      </c>
      <c r="D26" s="6">
        <v>879.26340000000005</v>
      </c>
      <c r="E26" s="6">
        <v>1221.124</v>
      </c>
    </row>
    <row r="27" spans="1:5" x14ac:dyDescent="0.25">
      <c r="A27" s="6">
        <v>1475.348</v>
      </c>
      <c r="B27" s="6">
        <v>1521.5050000000001</v>
      </c>
      <c r="D27" s="6">
        <v>1550.9939999999999</v>
      </c>
      <c r="E27" s="6">
        <v>635.78660000000002</v>
      </c>
    </row>
    <row r="28" spans="1:5" x14ac:dyDescent="0.25">
      <c r="A28" s="6">
        <v>736.04759999999999</v>
      </c>
      <c r="B28" s="6">
        <v>1326.2080000000001</v>
      </c>
      <c r="D28" s="6">
        <v>897.33929999999998</v>
      </c>
      <c r="E28" s="6">
        <v>1582.691</v>
      </c>
    </row>
    <row r="29" spans="1:5" x14ac:dyDescent="0.25">
      <c r="A29" s="6">
        <v>3030.6840000000002</v>
      </c>
      <c r="B29" s="6">
        <v>1072.6500000000001</v>
      </c>
      <c r="D29" s="6">
        <v>4215.3810000000003</v>
      </c>
      <c r="E29" s="6">
        <v>869.673</v>
      </c>
    </row>
    <row r="30" spans="1:5" x14ac:dyDescent="0.25">
      <c r="A30" s="6">
        <v>836.4556</v>
      </c>
      <c r="B30" s="6">
        <v>834.52729999999997</v>
      </c>
      <c r="D30" s="6">
        <v>563.88130000000001</v>
      </c>
      <c r="E30" s="6">
        <v>782.9855</v>
      </c>
    </row>
    <row r="31" spans="1:5" x14ac:dyDescent="0.25">
      <c r="A31" s="6">
        <v>2165.413</v>
      </c>
      <c r="B31" s="6">
        <v>1564.8679999999999</v>
      </c>
      <c r="D31" s="6">
        <v>476.50979999999998</v>
      </c>
      <c r="E31" s="6">
        <v>870.52549999999997</v>
      </c>
    </row>
    <row r="32" spans="1:5" x14ac:dyDescent="0.25">
      <c r="A32" s="6">
        <v>3454.0329999999999</v>
      </c>
      <c r="B32" s="6">
        <v>1805.5360000000001</v>
      </c>
      <c r="D32" s="6">
        <v>402.15929999999997</v>
      </c>
      <c r="E32" s="6">
        <v>746.82899999999995</v>
      </c>
    </row>
    <row r="33" spans="1:5" x14ac:dyDescent="0.25">
      <c r="A33" s="6">
        <v>689.59069999999997</v>
      </c>
      <c r="B33" s="6">
        <v>1280.2339999999999</v>
      </c>
      <c r="D33" s="6">
        <v>799.91880000000003</v>
      </c>
      <c r="E33" s="6">
        <v>979.15470000000005</v>
      </c>
    </row>
    <row r="34" spans="1:5" x14ac:dyDescent="0.25">
      <c r="A34" s="6">
        <v>2514.3919999999998</v>
      </c>
      <c r="B34" s="6">
        <v>1384.4459999999999</v>
      </c>
      <c r="D34" s="6">
        <v>637.69290000000001</v>
      </c>
      <c r="E34" s="6">
        <v>934.56939999999997</v>
      </c>
    </row>
    <row r="35" spans="1:5" x14ac:dyDescent="0.25">
      <c r="A35" s="6">
        <v>2262.3150000000001</v>
      </c>
      <c r="B35" s="6">
        <v>431.05889999999999</v>
      </c>
      <c r="D35" s="6">
        <v>1006.765</v>
      </c>
      <c r="E35" s="6">
        <v>1553.251</v>
      </c>
    </row>
    <row r="36" spans="1:5" x14ac:dyDescent="0.25">
      <c r="A36" s="6">
        <v>2144.59</v>
      </c>
      <c r="B36" s="6">
        <v>924.65049999999997</v>
      </c>
      <c r="D36" s="6">
        <v>393.66230000000002</v>
      </c>
      <c r="E36" s="6">
        <v>2020.9749999999999</v>
      </c>
    </row>
    <row r="37" spans="1:5" x14ac:dyDescent="0.25">
      <c r="A37" s="6">
        <v>468.851</v>
      </c>
      <c r="B37" s="6">
        <v>2584.1619999999998</v>
      </c>
      <c r="D37" s="6">
        <v>1026.9079999999999</v>
      </c>
      <c r="E37" s="6">
        <v>955.83640000000003</v>
      </c>
    </row>
    <row r="38" spans="1:5" x14ac:dyDescent="0.25">
      <c r="A38" s="6">
        <v>3191.8040000000001</v>
      </c>
      <c r="B38" s="6">
        <v>2541.1480000000001</v>
      </c>
      <c r="D38" s="6">
        <v>784.33640000000003</v>
      </c>
      <c r="E38" s="6">
        <v>735.5806</v>
      </c>
    </row>
    <row r="39" spans="1:5" x14ac:dyDescent="0.25">
      <c r="A39" s="6">
        <v>1869.5150000000001</v>
      </c>
      <c r="B39" s="6">
        <v>1680.133</v>
      </c>
      <c r="D39" s="6">
        <v>1101.105</v>
      </c>
      <c r="E39" s="6">
        <v>1120.0060000000001</v>
      </c>
    </row>
    <row r="40" spans="1:5" x14ac:dyDescent="0.25">
      <c r="A40" s="6">
        <v>1616.4269999999999</v>
      </c>
      <c r="B40" s="6">
        <v>1290.0730000000001</v>
      </c>
      <c r="D40" s="6">
        <v>158.0429</v>
      </c>
      <c r="E40" s="6">
        <v>1092.098</v>
      </c>
    </row>
    <row r="41" spans="1:5" x14ac:dyDescent="0.25">
      <c r="A41" s="6">
        <v>1867.683</v>
      </c>
      <c r="B41" s="6">
        <v>1625.529</v>
      </c>
      <c r="D41" s="6">
        <v>1217.2270000000001</v>
      </c>
      <c r="E41" s="6">
        <v>1015.99</v>
      </c>
    </row>
    <row r="42" spans="1:5" x14ac:dyDescent="0.25">
      <c r="A42" s="6">
        <v>2416.4340000000002</v>
      </c>
      <c r="B42" s="6">
        <v>773.19640000000004</v>
      </c>
      <c r="D42" s="6">
        <v>1768</v>
      </c>
      <c r="E42" s="6">
        <v>853.90930000000003</v>
      </c>
    </row>
    <row r="43" spans="1:5" x14ac:dyDescent="0.25">
      <c r="A43" s="6">
        <v>2251.5920000000001</v>
      </c>
      <c r="B43" s="6">
        <v>1570.2280000000001</v>
      </c>
      <c r="D43" s="6">
        <v>566.75199999999995</v>
      </c>
      <c r="E43" s="6">
        <v>1447.1769999999999</v>
      </c>
    </row>
    <row r="44" spans="1:5" x14ac:dyDescent="0.25">
      <c r="A44" s="6">
        <v>1565.193</v>
      </c>
      <c r="B44" s="6">
        <v>1035.5999999999999</v>
      </c>
      <c r="D44" s="6">
        <v>1099.808</v>
      </c>
      <c r="E44" s="6">
        <v>1161.375</v>
      </c>
    </row>
    <row r="45" spans="1:5" x14ac:dyDescent="0.25">
      <c r="A45" s="6">
        <v>2743.8739999999998</v>
      </c>
      <c r="B45" s="6">
        <v>1447.46</v>
      </c>
      <c r="D45" s="6">
        <v>938.83839999999998</v>
      </c>
      <c r="E45" s="6">
        <v>928.44849999999997</v>
      </c>
    </row>
    <row r="46" spans="1:5" x14ac:dyDescent="0.25">
      <c r="A46" s="6">
        <v>1718.423</v>
      </c>
      <c r="B46" s="6">
        <v>947.49980000000005</v>
      </c>
      <c r="D46" s="6">
        <v>674.16780000000006</v>
      </c>
      <c r="E46" s="6">
        <v>985</v>
      </c>
    </row>
    <row r="47" spans="1:5" x14ac:dyDescent="0.25">
      <c r="A47" s="6">
        <v>4293.74</v>
      </c>
      <c r="B47" s="6">
        <v>786.70389999999998</v>
      </c>
      <c r="D47" s="6">
        <v>641.13729999999998</v>
      </c>
      <c r="E47" s="6">
        <v>1242.3040000000001</v>
      </c>
    </row>
    <row r="48" spans="1:5" x14ac:dyDescent="0.25">
      <c r="A48" s="6">
        <v>2216.0929999999998</v>
      </c>
      <c r="B48" s="6">
        <v>1004.675</v>
      </c>
      <c r="D48" s="6">
        <v>3444</v>
      </c>
      <c r="E48" s="6">
        <v>880.5</v>
      </c>
    </row>
    <row r="49" spans="1:5" x14ac:dyDescent="0.25">
      <c r="A49" s="6">
        <v>2003.3330000000001</v>
      </c>
      <c r="B49" s="6">
        <v>667.48040000000003</v>
      </c>
      <c r="D49" s="6">
        <v>1063.2550000000001</v>
      </c>
      <c r="E49" s="6">
        <v>946.70770000000005</v>
      </c>
    </row>
    <row r="50" spans="1:5" x14ac:dyDescent="0.25">
      <c r="A50" s="6">
        <v>3069.1550000000002</v>
      </c>
      <c r="B50" s="6">
        <v>1720.04</v>
      </c>
      <c r="D50" s="6">
        <v>996.17690000000005</v>
      </c>
      <c r="E50" s="6">
        <v>978.01559999999995</v>
      </c>
    </row>
    <row r="51" spans="1:5" x14ac:dyDescent="0.25">
      <c r="A51" s="6">
        <v>2653.8710000000001</v>
      </c>
      <c r="B51" s="6">
        <v>1043.5309999999999</v>
      </c>
      <c r="D51" s="6">
        <v>474.53879999999998</v>
      </c>
      <c r="E51" s="6">
        <v>728.5421</v>
      </c>
    </row>
    <row r="52" spans="1:5" x14ac:dyDescent="0.25">
      <c r="A52" s="6">
        <v>3036.1579999999999</v>
      </c>
      <c r="B52" s="6">
        <v>899.2165</v>
      </c>
      <c r="D52" s="6">
        <v>1055.3050000000001</v>
      </c>
      <c r="E52" s="6">
        <v>1276.2570000000001</v>
      </c>
    </row>
    <row r="53" spans="1:5" x14ac:dyDescent="0.25">
      <c r="A53" s="6">
        <v>2327.415</v>
      </c>
      <c r="B53" s="6">
        <v>1681.82</v>
      </c>
      <c r="D53" s="6">
        <v>926.82550000000003</v>
      </c>
      <c r="E53" s="6">
        <v>900.08240000000001</v>
      </c>
    </row>
    <row r="54" spans="1:5" x14ac:dyDescent="0.25">
      <c r="A54" s="6">
        <v>852.43259999999998</v>
      </c>
      <c r="B54" s="6">
        <v>2382.12</v>
      </c>
      <c r="D54" s="6">
        <v>1195.6089999999999</v>
      </c>
      <c r="E54" s="6">
        <v>856.22389999999996</v>
      </c>
    </row>
    <row r="55" spans="1:5" x14ac:dyDescent="0.25">
      <c r="A55" s="6">
        <v>2457.0520000000001</v>
      </c>
      <c r="B55" s="6">
        <v>1992.14</v>
      </c>
      <c r="D55" s="6">
        <v>1057.3009999999999</v>
      </c>
      <c r="E55" s="6">
        <v>1882.327</v>
      </c>
    </row>
    <row r="56" spans="1:5" x14ac:dyDescent="0.25">
      <c r="A56" s="6">
        <v>738.49649999999997</v>
      </c>
      <c r="B56" s="6">
        <v>731.07770000000005</v>
      </c>
      <c r="D56" s="6">
        <v>957.17769999999996</v>
      </c>
      <c r="E56" s="6">
        <v>1037.432</v>
      </c>
    </row>
    <row r="57" spans="1:5" x14ac:dyDescent="0.25">
      <c r="A57" s="6">
        <v>397.2704</v>
      </c>
      <c r="B57" s="6">
        <v>984.3827</v>
      </c>
      <c r="D57" s="6">
        <v>850.96900000000005</v>
      </c>
      <c r="E57" s="6">
        <v>984.72580000000005</v>
      </c>
    </row>
    <row r="58" spans="1:5" x14ac:dyDescent="0.25">
      <c r="A58" s="6">
        <v>1404.8789999999999</v>
      </c>
      <c r="B58" s="6">
        <v>1606.569</v>
      </c>
      <c r="D58" s="6">
        <v>929.89940000000001</v>
      </c>
      <c r="E58" s="6">
        <v>1158.2909999999999</v>
      </c>
    </row>
    <row r="59" spans="1:5" x14ac:dyDescent="0.25">
      <c r="A59" s="6">
        <v>1998.751</v>
      </c>
      <c r="B59" s="6">
        <v>1332.202</v>
      </c>
      <c r="D59" s="6">
        <v>588.20870000000002</v>
      </c>
      <c r="E59" s="6">
        <v>1311.2639999999999</v>
      </c>
    </row>
    <row r="60" spans="1:5" x14ac:dyDescent="0.25">
      <c r="A60" s="6">
        <v>779.15629999999999</v>
      </c>
      <c r="B60" s="6">
        <v>818.89009999999996</v>
      </c>
      <c r="D60" s="6">
        <v>768.28309999999999</v>
      </c>
      <c r="E60" s="6">
        <v>983.68830000000003</v>
      </c>
    </row>
    <row r="61" spans="1:5" x14ac:dyDescent="0.25">
      <c r="A61" s="6">
        <v>728.03279999999995</v>
      </c>
      <c r="B61" s="6">
        <v>1473.885</v>
      </c>
      <c r="D61" s="6">
        <v>772.88699999999994</v>
      </c>
      <c r="E61" s="6">
        <v>1061.683</v>
      </c>
    </row>
    <row r="62" spans="1:5" x14ac:dyDescent="0.25">
      <c r="A62" s="6">
        <v>797.64170000000001</v>
      </c>
      <c r="B62" s="6">
        <v>1594.662</v>
      </c>
      <c r="D62" s="6">
        <v>727.51440000000002</v>
      </c>
      <c r="E62" s="6">
        <v>862.36919999999998</v>
      </c>
    </row>
    <row r="63" spans="1:5" x14ac:dyDescent="0.25">
      <c r="A63" s="6">
        <v>2973.3539999999998</v>
      </c>
      <c r="B63" s="6">
        <v>1407.855</v>
      </c>
      <c r="D63" s="6">
        <v>992.71190000000001</v>
      </c>
      <c r="E63" s="6">
        <v>873.52819999999997</v>
      </c>
    </row>
    <row r="64" spans="1:5" x14ac:dyDescent="0.25">
      <c r="A64" s="6">
        <v>2682.2629999999999</v>
      </c>
      <c r="B64" s="6">
        <v>1357.548</v>
      </c>
      <c r="D64" s="6">
        <v>959.66989999999998</v>
      </c>
      <c r="E64" s="6">
        <v>3785.692</v>
      </c>
    </row>
    <row r="65" spans="1:5" x14ac:dyDescent="0.25">
      <c r="A65" s="6">
        <v>509.14600000000002</v>
      </c>
      <c r="B65" s="6">
        <v>875.08</v>
      </c>
      <c r="D65" s="6">
        <v>491.64710000000002</v>
      </c>
      <c r="E65" s="6">
        <v>872.22220000000004</v>
      </c>
    </row>
    <row r="66" spans="1:5" x14ac:dyDescent="0.25">
      <c r="A66" s="6">
        <v>3094.1840000000002</v>
      </c>
      <c r="B66" s="6">
        <v>1283.4359999999999</v>
      </c>
      <c r="D66" s="6">
        <v>512.02610000000004</v>
      </c>
      <c r="E66" s="6">
        <v>997.86590000000001</v>
      </c>
    </row>
    <row r="67" spans="1:5" x14ac:dyDescent="0.25">
      <c r="A67" s="6">
        <v>1580.7909999999999</v>
      </c>
      <c r="B67" s="6">
        <v>1794.354</v>
      </c>
      <c r="D67" s="6">
        <v>807.22460000000001</v>
      </c>
      <c r="E67" s="6">
        <v>1396.181</v>
      </c>
    </row>
    <row r="68" spans="1:5" x14ac:dyDescent="0.25">
      <c r="A68" s="6">
        <v>2540.8209999999999</v>
      </c>
      <c r="B68" s="6">
        <v>1047.4390000000001</v>
      </c>
      <c r="D68" s="6">
        <v>1062.8409999999999</v>
      </c>
      <c r="E68" s="6">
        <v>891.38980000000004</v>
      </c>
    </row>
    <row r="69" spans="1:5" x14ac:dyDescent="0.25">
      <c r="A69" s="6">
        <v>2560.4639999999999</v>
      </c>
      <c r="B69" s="6">
        <v>1825.4110000000001</v>
      </c>
      <c r="D69" s="6">
        <v>1056.221</v>
      </c>
      <c r="E69" s="6">
        <v>700.27599999999995</v>
      </c>
    </row>
    <row r="70" spans="1:5" x14ac:dyDescent="0.25">
      <c r="A70" s="6">
        <v>1511.521</v>
      </c>
      <c r="B70" s="6">
        <v>1065.1010000000001</v>
      </c>
      <c r="D70" s="6">
        <v>1022.548</v>
      </c>
      <c r="E70" s="6">
        <v>898.16669999999999</v>
      </c>
    </row>
    <row r="71" spans="1:5" x14ac:dyDescent="0.25">
      <c r="A71" s="6">
        <v>755.77769999999998</v>
      </c>
      <c r="B71" s="6">
        <v>1741.296</v>
      </c>
      <c r="D71" s="6">
        <v>897.17960000000005</v>
      </c>
      <c r="E71" s="6">
        <v>957.49749999999995</v>
      </c>
    </row>
    <row r="72" spans="1:5" x14ac:dyDescent="0.25">
      <c r="A72" s="6">
        <v>1508.269</v>
      </c>
      <c r="B72" s="6">
        <v>1777.317</v>
      </c>
      <c r="D72" s="6">
        <v>429.82369999999997</v>
      </c>
      <c r="E72" s="6">
        <v>1521.2260000000001</v>
      </c>
    </row>
    <row r="73" spans="1:5" x14ac:dyDescent="0.25">
      <c r="A73" s="6">
        <v>755.48059999999998</v>
      </c>
      <c r="B73" s="6">
        <v>1189.028</v>
      </c>
      <c r="D73" s="6">
        <v>756.10090000000002</v>
      </c>
      <c r="E73" s="6">
        <v>903.20280000000002</v>
      </c>
    </row>
    <row r="74" spans="1:5" x14ac:dyDescent="0.25">
      <c r="A74" s="6">
        <v>2559.3670000000002</v>
      </c>
      <c r="B74" s="6">
        <v>1408.279</v>
      </c>
      <c r="D74" s="6">
        <v>13375.46</v>
      </c>
      <c r="E74" s="6">
        <v>1128.2270000000001</v>
      </c>
    </row>
    <row r="75" spans="1:5" x14ac:dyDescent="0.25">
      <c r="A75" s="6">
        <v>1375.789</v>
      </c>
      <c r="B75" s="6">
        <v>959.17790000000002</v>
      </c>
      <c r="D75" s="6">
        <v>473.79320000000001</v>
      </c>
      <c r="E75" s="6">
        <v>1949.75</v>
      </c>
    </row>
    <row r="76" spans="1:5" x14ac:dyDescent="0.25">
      <c r="A76" s="6">
        <v>2647.471</v>
      </c>
      <c r="B76" s="6">
        <v>660.92229999999995</v>
      </c>
      <c r="D76" s="6">
        <v>1228.2159999999999</v>
      </c>
      <c r="E76" s="6">
        <v>733.95609999999999</v>
      </c>
    </row>
    <row r="77" spans="1:5" x14ac:dyDescent="0.25">
      <c r="A77" s="6">
        <v>3545.915</v>
      </c>
      <c r="B77" s="6">
        <v>1710.3720000000001</v>
      </c>
      <c r="D77" s="6">
        <v>1410.9349999999999</v>
      </c>
      <c r="E77" s="6">
        <v>576.31399999999996</v>
      </c>
    </row>
    <row r="78" spans="1:5" x14ac:dyDescent="0.25">
      <c r="A78" s="6">
        <v>1640.3720000000001</v>
      </c>
      <c r="B78" s="6">
        <v>4065.25</v>
      </c>
      <c r="D78" s="6">
        <v>1083.808</v>
      </c>
      <c r="E78" s="6">
        <v>632.35329999999999</v>
      </c>
    </row>
    <row r="79" spans="1:5" x14ac:dyDescent="0.25">
      <c r="A79" s="6">
        <v>2195.3670000000002</v>
      </c>
      <c r="B79" s="6">
        <v>2085.04</v>
      </c>
      <c r="D79" s="6">
        <v>1112.135</v>
      </c>
      <c r="E79" s="6">
        <v>859.9402</v>
      </c>
    </row>
    <row r="80" spans="1:5" x14ac:dyDescent="0.25">
      <c r="A80" s="6">
        <v>1806.854</v>
      </c>
      <c r="B80" s="6">
        <v>1769.2529999999999</v>
      </c>
      <c r="D80" s="6">
        <v>1064.3409999999999</v>
      </c>
      <c r="E80" s="6">
        <v>910.51300000000003</v>
      </c>
    </row>
    <row r="81" spans="1:5" x14ac:dyDescent="0.25">
      <c r="A81" s="6">
        <v>1113.25</v>
      </c>
      <c r="B81" s="6">
        <v>758.58759999999995</v>
      </c>
      <c r="D81" s="6">
        <v>1412.912</v>
      </c>
      <c r="E81" s="6">
        <v>817.57370000000003</v>
      </c>
    </row>
    <row r="82" spans="1:5" x14ac:dyDescent="0.25">
      <c r="A82" s="6">
        <v>2201.3319999999999</v>
      </c>
      <c r="B82" s="6">
        <v>846.25</v>
      </c>
      <c r="D82" s="6">
        <v>839.59439999999995</v>
      </c>
      <c r="E82" s="6">
        <v>761.54639999999995</v>
      </c>
    </row>
    <row r="83" spans="1:5" x14ac:dyDescent="0.25">
      <c r="A83" s="6">
        <v>2015.0809999999999</v>
      </c>
      <c r="B83" s="6">
        <v>1451.2850000000001</v>
      </c>
      <c r="D83" s="6">
        <v>1529.6669999999999</v>
      </c>
      <c r="E83" s="6">
        <v>1329.595</v>
      </c>
    </row>
    <row r="84" spans="1:5" x14ac:dyDescent="0.25">
      <c r="A84" s="6">
        <v>505.94799999999998</v>
      </c>
      <c r="B84" s="6">
        <v>880.08989999999994</v>
      </c>
      <c r="D84" s="6">
        <v>724.2835</v>
      </c>
      <c r="E84" s="6">
        <v>1024.67</v>
      </c>
    </row>
    <row r="85" spans="1:5" x14ac:dyDescent="0.25">
      <c r="A85" s="6">
        <v>4335.3100000000004</v>
      </c>
      <c r="B85" s="6">
        <v>1538.0820000000001</v>
      </c>
      <c r="D85" s="6">
        <v>871.9674</v>
      </c>
      <c r="E85" s="6">
        <v>987.70730000000003</v>
      </c>
    </row>
    <row r="86" spans="1:5" x14ac:dyDescent="0.25">
      <c r="A86" s="6">
        <v>2080.3580000000002</v>
      </c>
      <c r="B86" s="6">
        <v>1601.394</v>
      </c>
      <c r="D86" s="6">
        <v>7212.451</v>
      </c>
      <c r="E86" s="6">
        <v>919.95740000000001</v>
      </c>
    </row>
    <row r="87" spans="1:5" x14ac:dyDescent="0.25">
      <c r="A87" s="6">
        <v>1573.0820000000001</v>
      </c>
      <c r="B87" s="6">
        <v>663.9787</v>
      </c>
      <c r="D87" s="6">
        <v>546.92049999999995</v>
      </c>
      <c r="E87" s="6">
        <v>470</v>
      </c>
    </row>
    <row r="88" spans="1:5" x14ac:dyDescent="0.25">
      <c r="A88" s="6">
        <v>479.43400000000003</v>
      </c>
      <c r="B88" s="6">
        <v>1415.674</v>
      </c>
      <c r="D88" s="6">
        <v>411.36610000000002</v>
      </c>
      <c r="E88" s="6">
        <v>2832.7220000000002</v>
      </c>
    </row>
    <row r="89" spans="1:5" x14ac:dyDescent="0.25">
      <c r="A89" s="6">
        <v>2329.3609999999999</v>
      </c>
      <c r="B89" s="6">
        <v>1518.549</v>
      </c>
      <c r="D89" s="6">
        <v>1036.7429999999999</v>
      </c>
      <c r="E89" s="6">
        <v>282.5172</v>
      </c>
    </row>
    <row r="90" spans="1:5" x14ac:dyDescent="0.25">
      <c r="A90" s="6">
        <v>3155.1660000000002</v>
      </c>
      <c r="B90" s="6">
        <v>2728.2710000000002</v>
      </c>
      <c r="D90" s="6">
        <v>1409.8130000000001</v>
      </c>
      <c r="E90" s="6">
        <v>1452.7619999999999</v>
      </c>
    </row>
    <row r="91" spans="1:5" x14ac:dyDescent="0.25">
      <c r="A91" s="6">
        <v>3564.1930000000002</v>
      </c>
      <c r="B91" s="6">
        <v>1594.607</v>
      </c>
      <c r="D91" s="6">
        <v>978.41160000000002</v>
      </c>
      <c r="E91" s="6">
        <v>1458.242</v>
      </c>
    </row>
    <row r="92" spans="1:5" x14ac:dyDescent="0.25">
      <c r="A92" s="6">
        <v>1797.441</v>
      </c>
      <c r="B92" s="6">
        <v>1641.713</v>
      </c>
      <c r="D92" s="6">
        <v>4860.0730000000003</v>
      </c>
      <c r="E92" s="6">
        <v>1204</v>
      </c>
    </row>
    <row r="93" spans="1:5" x14ac:dyDescent="0.25">
      <c r="A93" s="6">
        <v>1843.0709999999999</v>
      </c>
      <c r="B93" s="6">
        <v>1122.729</v>
      </c>
      <c r="D93" s="6">
        <v>726.54369999999994</v>
      </c>
      <c r="E93" s="6">
        <v>868.73869999999999</v>
      </c>
    </row>
    <row r="94" spans="1:5" x14ac:dyDescent="0.25">
      <c r="A94" s="6">
        <v>1713.653</v>
      </c>
      <c r="B94" s="6">
        <v>1924.3820000000001</v>
      </c>
      <c r="D94" s="6">
        <v>748.90120000000002</v>
      </c>
      <c r="E94" s="6">
        <v>736.95569999999998</v>
      </c>
    </row>
    <row r="95" spans="1:5" x14ac:dyDescent="0.25">
      <c r="A95" s="6">
        <v>1200.124</v>
      </c>
      <c r="B95" s="6">
        <v>1607.6110000000001</v>
      </c>
      <c r="D95" s="6">
        <v>839.05280000000005</v>
      </c>
      <c r="E95" s="6">
        <v>1164.0409999999999</v>
      </c>
    </row>
    <row r="96" spans="1:5" x14ac:dyDescent="0.25">
      <c r="A96" s="6">
        <v>1831.3430000000001</v>
      </c>
      <c r="B96" s="6">
        <v>186.83779999999999</v>
      </c>
      <c r="D96" s="6">
        <v>13531</v>
      </c>
      <c r="E96" s="6">
        <v>1453.269</v>
      </c>
    </row>
    <row r="97" spans="1:5" x14ac:dyDescent="0.25">
      <c r="A97" s="6">
        <v>2066.8429999999998</v>
      </c>
      <c r="B97" s="6">
        <v>1684.7550000000001</v>
      </c>
      <c r="D97" s="6">
        <v>840.34400000000005</v>
      </c>
      <c r="E97" s="6">
        <v>871.34990000000005</v>
      </c>
    </row>
    <row r="98" spans="1:5" x14ac:dyDescent="0.25">
      <c r="A98" s="6">
        <v>2217.7469999999998</v>
      </c>
      <c r="B98" s="6">
        <v>172.2449</v>
      </c>
      <c r="D98" s="6">
        <v>756.47979999999995</v>
      </c>
      <c r="E98" s="6">
        <v>924.23670000000004</v>
      </c>
    </row>
    <row r="99" spans="1:5" x14ac:dyDescent="0.25">
      <c r="A99" s="6">
        <v>4071.1210000000001</v>
      </c>
      <c r="B99" s="6">
        <v>1043.528</v>
      </c>
      <c r="D99" s="6">
        <v>6722.1629999999996</v>
      </c>
      <c r="E99" s="6">
        <v>1110.068</v>
      </c>
    </row>
    <row r="100" spans="1:5" x14ac:dyDescent="0.25">
      <c r="A100" s="6">
        <v>2227.7600000000002</v>
      </c>
      <c r="B100" s="6">
        <v>1952.432</v>
      </c>
      <c r="D100" s="6">
        <v>658.49530000000004</v>
      </c>
      <c r="E100" s="6">
        <v>464.6875</v>
      </c>
    </row>
    <row r="101" spans="1:5" x14ac:dyDescent="0.25">
      <c r="A101" s="6">
        <v>3959.306</v>
      </c>
      <c r="B101" s="6">
        <v>734.25620000000004</v>
      </c>
      <c r="D101" s="6">
        <v>374.90089999999998</v>
      </c>
      <c r="E101" s="6">
        <v>1135.05</v>
      </c>
    </row>
    <row r="102" spans="1:5" x14ac:dyDescent="0.25">
      <c r="A102" s="6">
        <v>3253.7739999999999</v>
      </c>
      <c r="B102" s="6">
        <v>962.59569999999997</v>
      </c>
      <c r="D102" s="6">
        <v>2258.0500000000002</v>
      </c>
      <c r="E102" s="6">
        <v>881.14409999999998</v>
      </c>
    </row>
    <row r="103" spans="1:5" x14ac:dyDescent="0.25">
      <c r="A103" s="6">
        <v>5149.9870000000001</v>
      </c>
      <c r="B103" s="6">
        <v>587.47029999999995</v>
      </c>
      <c r="D103" s="6">
        <v>894.99689999999998</v>
      </c>
      <c r="E103" s="6">
        <v>907.00019999999995</v>
      </c>
    </row>
    <row r="104" spans="1:5" x14ac:dyDescent="0.25">
      <c r="A104" s="6">
        <v>442.07760000000002</v>
      </c>
      <c r="B104" s="6">
        <v>675.02809999999999</v>
      </c>
      <c r="D104" s="6">
        <v>911.74360000000001</v>
      </c>
      <c r="E104" s="6">
        <v>982.13779999999997</v>
      </c>
    </row>
    <row r="105" spans="1:5" x14ac:dyDescent="0.25">
      <c r="A105" s="6">
        <v>884.42859999999996</v>
      </c>
      <c r="B105" s="6">
        <v>1106.6400000000001</v>
      </c>
      <c r="D105" s="6">
        <v>1402.2729999999999</v>
      </c>
      <c r="E105" s="6">
        <v>764.52059999999994</v>
      </c>
    </row>
    <row r="106" spans="1:5" x14ac:dyDescent="0.25">
      <c r="A106" s="6">
        <v>1880.175</v>
      </c>
      <c r="B106" s="6">
        <v>653.15599999999995</v>
      </c>
      <c r="D106" s="6">
        <v>358.88839999999999</v>
      </c>
      <c r="E106" s="6">
        <v>814.495</v>
      </c>
    </row>
    <row r="107" spans="1:5" x14ac:dyDescent="0.25">
      <c r="A107" s="6">
        <v>1899.4929999999999</v>
      </c>
      <c r="B107" s="6">
        <v>1116.913</v>
      </c>
      <c r="D107" s="6">
        <v>1180.664</v>
      </c>
      <c r="E107" s="6">
        <v>794.27769999999998</v>
      </c>
    </row>
    <row r="108" spans="1:5" x14ac:dyDescent="0.25">
      <c r="A108" s="6">
        <v>2176.2049999999999</v>
      </c>
      <c r="B108" s="6">
        <v>996.42859999999996</v>
      </c>
      <c r="D108" s="6">
        <v>796</v>
      </c>
      <c r="E108" s="6">
        <v>1063.8889999999999</v>
      </c>
    </row>
    <row r="109" spans="1:5" x14ac:dyDescent="0.25">
      <c r="A109" s="6">
        <v>887.5</v>
      </c>
      <c r="B109" s="6">
        <v>1802.6130000000001</v>
      </c>
      <c r="D109" s="6">
        <v>3489.857</v>
      </c>
      <c r="E109" s="6">
        <v>865.02210000000002</v>
      </c>
    </row>
    <row r="110" spans="1:5" x14ac:dyDescent="0.25">
      <c r="A110" s="6">
        <v>560.75469999999996</v>
      </c>
      <c r="B110" s="6">
        <v>1447.9839999999999</v>
      </c>
      <c r="D110" s="6">
        <v>2216.6480000000001</v>
      </c>
      <c r="E110" s="6">
        <v>1137.894</v>
      </c>
    </row>
    <row r="111" spans="1:5" x14ac:dyDescent="0.25">
      <c r="A111" s="6">
        <v>1606.163</v>
      </c>
      <c r="B111" s="6">
        <v>1102.2950000000001</v>
      </c>
      <c r="D111" s="6">
        <v>1048.308</v>
      </c>
      <c r="E111" s="6">
        <v>690.66240000000005</v>
      </c>
    </row>
    <row r="112" spans="1:5" x14ac:dyDescent="0.25">
      <c r="A112" s="6">
        <v>665.1345</v>
      </c>
      <c r="B112" s="6">
        <v>1093.1500000000001</v>
      </c>
      <c r="D112" s="6">
        <v>977.41279999999995</v>
      </c>
      <c r="E112" s="6">
        <v>379.86360000000002</v>
      </c>
    </row>
    <row r="113" spans="1:5" x14ac:dyDescent="0.25">
      <c r="A113" s="6">
        <v>510.20819999999998</v>
      </c>
      <c r="B113" s="6">
        <v>1597.85</v>
      </c>
      <c r="D113" s="6">
        <v>1083.4659999999999</v>
      </c>
      <c r="E113" s="6">
        <v>1582.5</v>
      </c>
    </row>
    <row r="114" spans="1:5" x14ac:dyDescent="0.25">
      <c r="A114" s="6">
        <v>1210.6079999999999</v>
      </c>
      <c r="B114" s="6">
        <v>1241.432</v>
      </c>
      <c r="D114" s="6">
        <v>928.29859999999996</v>
      </c>
      <c r="E114" s="6">
        <v>743.49850000000004</v>
      </c>
    </row>
    <row r="115" spans="1:5" x14ac:dyDescent="0.25">
      <c r="A115" s="6">
        <v>1126.79</v>
      </c>
      <c r="B115" s="6">
        <v>1395.14</v>
      </c>
      <c r="D115" s="6">
        <v>763.33910000000003</v>
      </c>
      <c r="E115" s="6">
        <v>784.3075</v>
      </c>
    </row>
    <row r="116" spans="1:5" x14ac:dyDescent="0.25">
      <c r="A116" s="6">
        <v>1489.4680000000001</v>
      </c>
      <c r="B116" s="6">
        <v>1148.567</v>
      </c>
      <c r="D116" s="6">
        <v>1613.106</v>
      </c>
      <c r="E116" s="6">
        <v>778.7921</v>
      </c>
    </row>
    <row r="117" spans="1:5" x14ac:dyDescent="0.25">
      <c r="A117" s="6">
        <v>1426.662</v>
      </c>
      <c r="B117" s="6">
        <v>2655.4340000000002</v>
      </c>
      <c r="D117" s="6">
        <v>780.92520000000002</v>
      </c>
      <c r="E117" s="6">
        <v>868.02850000000001</v>
      </c>
    </row>
    <row r="118" spans="1:5" x14ac:dyDescent="0.25">
      <c r="A118" s="6">
        <v>478.05259999999998</v>
      </c>
      <c r="B118" s="6">
        <v>1122.307</v>
      </c>
      <c r="D118" s="6">
        <v>1380.9549999999999</v>
      </c>
      <c r="E118" s="6">
        <v>998.51250000000005</v>
      </c>
    </row>
    <row r="119" spans="1:5" x14ac:dyDescent="0.25">
      <c r="A119" s="6">
        <v>444.12450000000001</v>
      </c>
      <c r="B119" s="6">
        <v>817.57719999999995</v>
      </c>
      <c r="D119" s="6">
        <v>745</v>
      </c>
      <c r="E119" s="6">
        <v>960.69970000000001</v>
      </c>
    </row>
    <row r="120" spans="1:5" x14ac:dyDescent="0.25">
      <c r="A120" s="6">
        <v>1737.2719999999999</v>
      </c>
      <c r="B120" s="6">
        <v>1444.7570000000001</v>
      </c>
      <c r="D120" s="6">
        <v>856.42409999999995</v>
      </c>
      <c r="E120" s="6">
        <v>1021.561</v>
      </c>
    </row>
    <row r="121" spans="1:5" x14ac:dyDescent="0.25">
      <c r="A121" s="6">
        <v>1522.9780000000001</v>
      </c>
      <c r="B121" s="6">
        <v>1340.905</v>
      </c>
      <c r="D121" s="6">
        <v>2687.9609999999998</v>
      </c>
      <c r="E121" s="6">
        <v>1019.075</v>
      </c>
    </row>
    <row r="122" spans="1:5" x14ac:dyDescent="0.25">
      <c r="A122" s="6">
        <v>1746.329</v>
      </c>
      <c r="B122" s="6">
        <v>837.72839999999997</v>
      </c>
      <c r="D122" s="6">
        <v>1645.2819999999999</v>
      </c>
      <c r="E122" s="6">
        <v>1070.9780000000001</v>
      </c>
    </row>
    <row r="123" spans="1:5" x14ac:dyDescent="0.25">
      <c r="A123" s="6">
        <v>660.76760000000002</v>
      </c>
      <c r="B123" s="6">
        <v>919.56269999999995</v>
      </c>
      <c r="D123" s="6">
        <v>1269.154</v>
      </c>
      <c r="E123" s="6">
        <v>1011.042</v>
      </c>
    </row>
    <row r="124" spans="1:5" x14ac:dyDescent="0.25">
      <c r="A124" s="6">
        <v>1408.7329999999999</v>
      </c>
      <c r="B124" s="6">
        <v>1667.548</v>
      </c>
      <c r="D124" s="6">
        <v>474.69439999999997</v>
      </c>
      <c r="E124" s="6">
        <v>881.2269</v>
      </c>
    </row>
    <row r="125" spans="1:5" x14ac:dyDescent="0.25">
      <c r="A125" s="6">
        <v>2786.1010000000001</v>
      </c>
      <c r="B125" s="6">
        <v>2670.6289999999999</v>
      </c>
      <c r="D125" s="6">
        <v>791.64729999999997</v>
      </c>
      <c r="E125" s="6">
        <v>888.06110000000001</v>
      </c>
    </row>
    <row r="126" spans="1:5" x14ac:dyDescent="0.25">
      <c r="A126" s="6">
        <v>1764.114</v>
      </c>
      <c r="B126" s="6">
        <v>1689.278</v>
      </c>
      <c r="D126" s="6">
        <v>1098.3409999999999</v>
      </c>
      <c r="E126" s="6">
        <v>1078.8389999999999</v>
      </c>
    </row>
    <row r="127" spans="1:5" x14ac:dyDescent="0.25">
      <c r="A127" s="6">
        <v>2334.4989999999998</v>
      </c>
      <c r="B127" s="6">
        <v>1576.1679999999999</v>
      </c>
      <c r="D127" s="6">
        <v>868.66669999999999</v>
      </c>
      <c r="E127" s="6">
        <v>875.42370000000005</v>
      </c>
    </row>
    <row r="128" spans="1:5" x14ac:dyDescent="0.25">
      <c r="A128" s="6">
        <v>2993.13</v>
      </c>
      <c r="B128" s="6">
        <v>1225.9649999999999</v>
      </c>
      <c r="D128" s="6">
        <v>790.39269999999999</v>
      </c>
      <c r="E128" s="6">
        <v>720.1232</v>
      </c>
    </row>
    <row r="129" spans="1:5" x14ac:dyDescent="0.25">
      <c r="A129" s="6">
        <v>3073.4470000000001</v>
      </c>
      <c r="B129" s="6">
        <v>1052.6369999999999</v>
      </c>
      <c r="D129" s="6">
        <v>488</v>
      </c>
      <c r="E129" s="6">
        <v>1068.9159999999999</v>
      </c>
    </row>
    <row r="130" spans="1:5" x14ac:dyDescent="0.25">
      <c r="A130" s="6">
        <v>1298.7750000000001</v>
      </c>
      <c r="B130" s="6">
        <v>1174.1010000000001</v>
      </c>
      <c r="D130" s="6">
        <v>1138.549</v>
      </c>
      <c r="E130" s="6">
        <v>905.04110000000003</v>
      </c>
    </row>
    <row r="131" spans="1:5" x14ac:dyDescent="0.25">
      <c r="A131" s="6">
        <v>514.37609999999995</v>
      </c>
      <c r="B131" s="6">
        <v>1121.3399999999999</v>
      </c>
      <c r="D131" s="6">
        <v>512.38660000000004</v>
      </c>
      <c r="E131" s="6">
        <v>744.56870000000004</v>
      </c>
    </row>
    <row r="132" spans="1:5" x14ac:dyDescent="0.25">
      <c r="A132" s="6">
        <v>2582.596</v>
      </c>
      <c r="B132" s="6">
        <v>1142.79</v>
      </c>
      <c r="D132" s="6">
        <v>724.58540000000005</v>
      </c>
      <c r="E132" s="6">
        <v>1533.1669999999999</v>
      </c>
    </row>
    <row r="133" spans="1:5" x14ac:dyDescent="0.25">
      <c r="A133" s="6">
        <v>2877.672</v>
      </c>
      <c r="B133" s="6">
        <v>2307.8919999999998</v>
      </c>
      <c r="D133" s="6">
        <v>10916.5</v>
      </c>
      <c r="E133" s="6">
        <v>1804.396</v>
      </c>
    </row>
    <row r="134" spans="1:5" x14ac:dyDescent="0.25">
      <c r="A134" s="6">
        <v>2332.5709999999999</v>
      </c>
      <c r="B134" s="6">
        <v>1287.037</v>
      </c>
      <c r="D134" s="6">
        <v>1034.0160000000001</v>
      </c>
      <c r="E134" s="6">
        <v>1005.204</v>
      </c>
    </row>
    <row r="135" spans="1:5" x14ac:dyDescent="0.25">
      <c r="A135" s="6">
        <v>2599.11</v>
      </c>
      <c r="B135" s="6">
        <v>1326.299</v>
      </c>
      <c r="D135" s="6">
        <v>975.19820000000004</v>
      </c>
      <c r="E135" s="6">
        <v>770.93740000000003</v>
      </c>
    </row>
    <row r="136" spans="1:5" x14ac:dyDescent="0.25">
      <c r="A136" s="6">
        <v>1333.7249999999999</v>
      </c>
      <c r="B136" s="6">
        <v>891.26829999999995</v>
      </c>
      <c r="D136" s="6">
        <v>559.35969999999998</v>
      </c>
      <c r="E136" s="6">
        <v>967.91639999999995</v>
      </c>
    </row>
    <row r="137" spans="1:5" x14ac:dyDescent="0.25">
      <c r="A137" s="6">
        <v>2047.2180000000001</v>
      </c>
      <c r="B137" s="6">
        <v>1390.903</v>
      </c>
      <c r="D137" s="6">
        <v>1052.8140000000001</v>
      </c>
      <c r="E137" s="6">
        <v>806.25300000000004</v>
      </c>
    </row>
    <row r="138" spans="1:5" x14ac:dyDescent="0.25">
      <c r="A138" s="6">
        <v>646.69669999999996</v>
      </c>
      <c r="B138" s="6">
        <v>1213.211</v>
      </c>
      <c r="D138" s="6">
        <v>1500.087</v>
      </c>
      <c r="E138" s="6">
        <v>900.4787</v>
      </c>
    </row>
    <row r="139" spans="1:5" x14ac:dyDescent="0.25">
      <c r="A139" s="6">
        <v>4170.2309999999998</v>
      </c>
      <c r="B139" s="6">
        <v>548.88819999999998</v>
      </c>
      <c r="D139" s="6">
        <v>1145.8920000000001</v>
      </c>
      <c r="E139" s="6">
        <v>854.35310000000004</v>
      </c>
    </row>
    <row r="140" spans="1:5" x14ac:dyDescent="0.25">
      <c r="A140" s="6">
        <v>2057.1840000000002</v>
      </c>
      <c r="B140" s="6">
        <v>1237.2950000000001</v>
      </c>
      <c r="D140" s="6">
        <v>807.43380000000002</v>
      </c>
      <c r="E140" s="6">
        <v>608.80499999999995</v>
      </c>
    </row>
    <row r="141" spans="1:5" x14ac:dyDescent="0.25">
      <c r="A141" s="6">
        <v>538.36099999999999</v>
      </c>
      <c r="B141" s="6">
        <v>674.63639999999998</v>
      </c>
      <c r="D141" s="6">
        <v>634.72</v>
      </c>
      <c r="E141" s="6">
        <v>809.5</v>
      </c>
    </row>
    <row r="142" spans="1:5" x14ac:dyDescent="0.25">
      <c r="A142" s="6">
        <v>1334.883</v>
      </c>
      <c r="B142" s="6">
        <v>1664.4649999999999</v>
      </c>
      <c r="D142" s="6">
        <v>1768.7950000000001</v>
      </c>
      <c r="E142" s="6">
        <v>782.89419999999996</v>
      </c>
    </row>
    <row r="143" spans="1:5" x14ac:dyDescent="0.25">
      <c r="A143" s="6">
        <v>1196.979</v>
      </c>
      <c r="B143" s="6">
        <v>1209.038</v>
      </c>
      <c r="D143" s="6">
        <v>490.82479999999998</v>
      </c>
      <c r="E143" s="6">
        <v>1179.78</v>
      </c>
    </row>
    <row r="144" spans="1:5" x14ac:dyDescent="0.25">
      <c r="A144" s="6">
        <v>2514.8270000000002</v>
      </c>
      <c r="B144" s="6">
        <v>910.00260000000003</v>
      </c>
      <c r="D144" s="6">
        <v>656.86469999999997</v>
      </c>
      <c r="E144" s="6">
        <v>713.86509999999998</v>
      </c>
    </row>
    <row r="145" spans="1:5" x14ac:dyDescent="0.25">
      <c r="A145" s="6">
        <v>583.36559999999997</v>
      </c>
      <c r="B145" s="6">
        <v>387.3304</v>
      </c>
      <c r="D145" s="6">
        <v>979.43539999999996</v>
      </c>
      <c r="E145" s="6">
        <v>1123.7670000000001</v>
      </c>
    </row>
    <row r="146" spans="1:5" x14ac:dyDescent="0.25">
      <c r="A146" s="6">
        <v>1446.9490000000001</v>
      </c>
      <c r="B146" s="6">
        <v>799.62400000000002</v>
      </c>
      <c r="D146" s="6">
        <v>1737.5619999999999</v>
      </c>
      <c r="E146" s="6">
        <v>807.61249999999995</v>
      </c>
    </row>
    <row r="147" spans="1:5" x14ac:dyDescent="0.25">
      <c r="A147" s="6">
        <v>500.1995</v>
      </c>
      <c r="B147" s="6">
        <v>768.81330000000003</v>
      </c>
      <c r="D147" s="6">
        <v>600.60619999999994</v>
      </c>
      <c r="E147" s="6">
        <v>893.66390000000001</v>
      </c>
    </row>
    <row r="148" spans="1:5" x14ac:dyDescent="0.25">
      <c r="A148" s="6">
        <v>589</v>
      </c>
      <c r="B148" s="6">
        <v>839.05610000000001</v>
      </c>
      <c r="D148" s="6">
        <v>998</v>
      </c>
      <c r="E148" s="6">
        <v>1035.8620000000001</v>
      </c>
    </row>
    <row r="149" spans="1:5" x14ac:dyDescent="0.25">
      <c r="A149" s="6">
        <v>2062.3980000000001</v>
      </c>
      <c r="B149" s="6">
        <v>778.16759999999999</v>
      </c>
      <c r="D149" s="6">
        <v>2692.1590000000001</v>
      </c>
      <c r="E149" s="6">
        <v>850.59550000000002</v>
      </c>
    </row>
    <row r="150" spans="1:5" x14ac:dyDescent="0.25">
      <c r="A150" s="6">
        <v>1867.9870000000001</v>
      </c>
      <c r="B150" s="6">
        <v>1264.5540000000001</v>
      </c>
      <c r="D150" s="6">
        <v>643.01509999999996</v>
      </c>
      <c r="E150" s="6">
        <v>1067.8879999999999</v>
      </c>
    </row>
    <row r="151" spans="1:5" x14ac:dyDescent="0.25">
      <c r="A151" s="6">
        <v>1643.1</v>
      </c>
      <c r="B151" s="6">
        <v>1560.3679999999999</v>
      </c>
      <c r="D151" s="6">
        <v>14894</v>
      </c>
      <c r="E151" s="6">
        <v>983.86609999999996</v>
      </c>
    </row>
    <row r="152" spans="1:5" x14ac:dyDescent="0.25">
      <c r="A152" s="6">
        <v>558.70699999999999</v>
      </c>
      <c r="B152" s="6">
        <v>1162.662</v>
      </c>
      <c r="D152" s="6">
        <v>1459.393</v>
      </c>
      <c r="E152" s="6">
        <v>1125.479</v>
      </c>
    </row>
    <row r="153" spans="1:5" x14ac:dyDescent="0.25">
      <c r="A153" s="6">
        <v>1658.04</v>
      </c>
      <c r="B153" s="6">
        <v>1706.6010000000001</v>
      </c>
      <c r="D153" s="6">
        <v>1239.3520000000001</v>
      </c>
      <c r="E153" s="6">
        <v>1068.79</v>
      </c>
    </row>
    <row r="154" spans="1:5" x14ac:dyDescent="0.25">
      <c r="A154" s="6">
        <v>1838.355</v>
      </c>
      <c r="B154" s="6">
        <v>956</v>
      </c>
      <c r="D154" s="6">
        <v>1190.443</v>
      </c>
      <c r="E154" s="6">
        <v>697.63660000000004</v>
      </c>
    </row>
    <row r="155" spans="1:5" x14ac:dyDescent="0.25">
      <c r="A155" s="6">
        <v>2314.2159999999999</v>
      </c>
      <c r="B155" s="6">
        <v>949.88430000000005</v>
      </c>
      <c r="D155" s="6">
        <v>5159.4430000000002</v>
      </c>
      <c r="E155" s="6">
        <v>903.60069999999996</v>
      </c>
    </row>
    <row r="156" spans="1:5" x14ac:dyDescent="0.25">
      <c r="A156" s="6">
        <v>1351.4970000000001</v>
      </c>
      <c r="B156" s="6">
        <v>1480.472</v>
      </c>
      <c r="D156" s="6">
        <v>5004.7879999999996</v>
      </c>
      <c r="E156" s="6">
        <v>1041.5</v>
      </c>
    </row>
    <row r="157" spans="1:5" x14ac:dyDescent="0.25">
      <c r="A157" s="6">
        <v>1514.046</v>
      </c>
      <c r="B157" s="6">
        <v>1311.325</v>
      </c>
      <c r="D157" s="6">
        <v>881.89380000000006</v>
      </c>
      <c r="E157" s="6">
        <v>2214.5</v>
      </c>
    </row>
    <row r="158" spans="1:5" x14ac:dyDescent="0.25">
      <c r="A158" s="6">
        <v>366.43439999999998</v>
      </c>
      <c r="B158" s="6">
        <v>2615.64</v>
      </c>
      <c r="D158" s="6">
        <v>1051.194</v>
      </c>
      <c r="E158" s="6">
        <v>963.42349999999999</v>
      </c>
    </row>
    <row r="159" spans="1:5" x14ac:dyDescent="0.25">
      <c r="A159" s="6">
        <v>640.37850000000003</v>
      </c>
      <c r="B159" s="6">
        <v>1719.203</v>
      </c>
      <c r="D159" s="6">
        <v>13314.44</v>
      </c>
      <c r="E159" s="6">
        <v>869.84469999999999</v>
      </c>
    </row>
    <row r="160" spans="1:5" x14ac:dyDescent="0.25">
      <c r="A160" s="6">
        <v>618.76009999999997</v>
      </c>
      <c r="B160" s="6">
        <v>1387.095</v>
      </c>
      <c r="D160" s="6">
        <v>519.60829999999999</v>
      </c>
      <c r="E160" s="6">
        <v>832.11689999999999</v>
      </c>
    </row>
    <row r="161" spans="1:5" x14ac:dyDescent="0.25">
      <c r="A161" s="6">
        <v>3873.9250000000002</v>
      </c>
      <c r="B161" s="6">
        <v>1614.4359999999999</v>
      </c>
      <c r="D161" s="6">
        <v>701.68939999999998</v>
      </c>
      <c r="E161" s="6">
        <v>981.42110000000002</v>
      </c>
    </row>
    <row r="162" spans="1:5" x14ac:dyDescent="0.25">
      <c r="A162" s="6">
        <v>723.16110000000003</v>
      </c>
      <c r="B162" s="6">
        <v>1405.0820000000001</v>
      </c>
      <c r="D162" s="6">
        <v>876.89790000000005</v>
      </c>
      <c r="E162" s="6">
        <v>716.3116</v>
      </c>
    </row>
    <row r="163" spans="1:5" x14ac:dyDescent="0.25">
      <c r="A163" s="6">
        <v>916.09349999999995</v>
      </c>
      <c r="B163" s="6">
        <v>1332.8</v>
      </c>
      <c r="D163" s="6">
        <v>800.57920000000001</v>
      </c>
      <c r="E163" s="6">
        <v>718.46320000000003</v>
      </c>
    </row>
    <row r="164" spans="1:5" x14ac:dyDescent="0.25">
      <c r="A164" s="6">
        <v>507.94490000000002</v>
      </c>
      <c r="B164" s="6">
        <v>1198.201</v>
      </c>
      <c r="D164" s="6">
        <v>1009.152</v>
      </c>
      <c r="E164" s="6">
        <v>901.86120000000005</v>
      </c>
    </row>
    <row r="165" spans="1:5" x14ac:dyDescent="0.25">
      <c r="A165" s="6">
        <v>1507.9639999999999</v>
      </c>
      <c r="B165" s="6">
        <v>654.6671</v>
      </c>
      <c r="D165" s="6">
        <v>1122.3810000000001</v>
      </c>
      <c r="E165" s="6">
        <v>824.11440000000005</v>
      </c>
    </row>
    <row r="166" spans="1:5" x14ac:dyDescent="0.25">
      <c r="A166" s="6">
        <v>1772.4860000000001</v>
      </c>
      <c r="B166" s="6">
        <v>1649.4290000000001</v>
      </c>
      <c r="D166" s="6">
        <v>949.47190000000001</v>
      </c>
      <c r="E166" s="6">
        <v>721.44860000000006</v>
      </c>
    </row>
    <row r="167" spans="1:5" x14ac:dyDescent="0.25">
      <c r="A167" s="6">
        <v>2050.9609999999998</v>
      </c>
      <c r="B167" s="6">
        <v>1049.8699999999999</v>
      </c>
      <c r="D167" s="6">
        <v>916.13009999999997</v>
      </c>
      <c r="E167" s="6">
        <v>278.0136</v>
      </c>
    </row>
    <row r="168" spans="1:5" x14ac:dyDescent="0.25">
      <c r="A168" s="6">
        <v>1380.252</v>
      </c>
      <c r="B168" s="6">
        <v>1081.7650000000001</v>
      </c>
      <c r="D168" s="6">
        <v>824.83169999999996</v>
      </c>
      <c r="E168" s="6">
        <v>1013.554</v>
      </c>
    </row>
    <row r="169" spans="1:5" x14ac:dyDescent="0.25">
      <c r="A169" s="6">
        <v>606.06439999999998</v>
      </c>
      <c r="B169" s="6">
        <v>2175.1640000000002</v>
      </c>
      <c r="D169" s="6">
        <v>2501.8609999999999</v>
      </c>
      <c r="E169" s="6">
        <v>1856.6859999999999</v>
      </c>
    </row>
    <row r="170" spans="1:5" x14ac:dyDescent="0.25">
      <c r="A170" s="6">
        <v>2510.8130000000001</v>
      </c>
      <c r="B170" s="6">
        <v>2749.944</v>
      </c>
      <c r="D170" s="6">
        <v>893.74289999999996</v>
      </c>
      <c r="E170" s="6">
        <v>976.2373</v>
      </c>
    </row>
    <row r="171" spans="1:5" x14ac:dyDescent="0.25">
      <c r="A171" s="6">
        <v>1206.143</v>
      </c>
      <c r="B171" s="6">
        <v>588.69259999999997</v>
      </c>
      <c r="D171" s="6">
        <v>1088.9380000000001</v>
      </c>
      <c r="E171" s="6">
        <v>802.94870000000003</v>
      </c>
    </row>
    <row r="172" spans="1:5" x14ac:dyDescent="0.25">
      <c r="A172" s="6">
        <v>2265.3960000000002</v>
      </c>
      <c r="B172" s="6">
        <v>1227.3910000000001</v>
      </c>
      <c r="D172" s="6">
        <v>1132.567</v>
      </c>
      <c r="E172" s="6">
        <v>1166.241</v>
      </c>
    </row>
    <row r="173" spans="1:5" x14ac:dyDescent="0.25">
      <c r="A173" s="6">
        <v>1249.809</v>
      </c>
      <c r="B173" s="6">
        <v>1568.6189999999999</v>
      </c>
      <c r="D173" s="6">
        <v>4300.7749999999996</v>
      </c>
      <c r="E173" s="6">
        <v>843.57</v>
      </c>
    </row>
    <row r="174" spans="1:5" x14ac:dyDescent="0.25">
      <c r="A174" s="6">
        <v>753.76440000000002</v>
      </c>
      <c r="B174" s="6">
        <v>1065.049</v>
      </c>
      <c r="D174" s="6">
        <v>926.25750000000005</v>
      </c>
      <c r="E174" s="6">
        <v>1200.165</v>
      </c>
    </row>
    <row r="175" spans="1:5" x14ac:dyDescent="0.25">
      <c r="A175" s="6">
        <v>595.62199999999996</v>
      </c>
      <c r="B175" s="6">
        <v>1871.9639999999999</v>
      </c>
      <c r="D175" s="6">
        <v>843.0788</v>
      </c>
      <c r="E175" s="6">
        <v>1414.75</v>
      </c>
    </row>
    <row r="176" spans="1:5" x14ac:dyDescent="0.25">
      <c r="A176" s="6">
        <v>575.77430000000004</v>
      </c>
      <c r="B176" s="6">
        <v>1137.8399999999999</v>
      </c>
      <c r="D176" s="6">
        <v>11830.09</v>
      </c>
      <c r="E176" s="6">
        <v>904.02700000000004</v>
      </c>
    </row>
    <row r="177" spans="1:5" x14ac:dyDescent="0.25">
      <c r="A177" s="6">
        <v>2750.2220000000002</v>
      </c>
      <c r="B177" s="6">
        <v>1116.636</v>
      </c>
      <c r="D177" s="6">
        <v>409</v>
      </c>
      <c r="E177" s="6">
        <v>716.37139999999999</v>
      </c>
    </row>
    <row r="178" spans="1:5" x14ac:dyDescent="0.25">
      <c r="A178" s="6">
        <v>952.91390000000001</v>
      </c>
      <c r="B178" s="6">
        <v>1091.566</v>
      </c>
      <c r="D178" s="6">
        <v>2744</v>
      </c>
      <c r="E178" s="6">
        <v>899.31299999999999</v>
      </c>
    </row>
    <row r="179" spans="1:5" x14ac:dyDescent="0.25">
      <c r="A179" s="6">
        <v>622.19230000000005</v>
      </c>
      <c r="B179" s="6">
        <v>578.34609999999998</v>
      </c>
      <c r="D179" s="6">
        <v>1666.7280000000001</v>
      </c>
      <c r="E179" s="6">
        <v>998.09810000000004</v>
      </c>
    </row>
    <row r="180" spans="1:5" x14ac:dyDescent="0.25">
      <c r="A180" s="6">
        <v>1440.6020000000001</v>
      </c>
      <c r="B180" s="6">
        <v>708.13810000000001</v>
      </c>
      <c r="D180" s="6">
        <v>706.12829999999997</v>
      </c>
      <c r="E180" s="6">
        <v>886.92449999999997</v>
      </c>
    </row>
    <row r="181" spans="1:5" x14ac:dyDescent="0.25">
      <c r="A181" s="6">
        <v>1322.665</v>
      </c>
      <c r="B181" s="6">
        <v>772</v>
      </c>
      <c r="D181" s="6">
        <v>1121.0340000000001</v>
      </c>
      <c r="E181" s="6">
        <v>1080.2190000000001</v>
      </c>
    </row>
    <row r="182" spans="1:5" x14ac:dyDescent="0.25">
      <c r="A182" s="6">
        <v>1504.681</v>
      </c>
      <c r="B182" s="6">
        <v>1461.615</v>
      </c>
      <c r="D182" s="6">
        <v>671.48569999999995</v>
      </c>
      <c r="E182" s="6">
        <v>886.08730000000003</v>
      </c>
    </row>
    <row r="183" spans="1:5" x14ac:dyDescent="0.25">
      <c r="A183" s="6">
        <v>1527.0419999999999</v>
      </c>
      <c r="B183" s="6">
        <v>1787.3130000000001</v>
      </c>
      <c r="D183" s="6">
        <v>479.88409999999999</v>
      </c>
      <c r="E183" s="6">
        <v>621.35490000000004</v>
      </c>
    </row>
    <row r="184" spans="1:5" x14ac:dyDescent="0.25">
      <c r="A184" s="6">
        <v>1361.239</v>
      </c>
      <c r="B184" s="6">
        <v>1773.567</v>
      </c>
      <c r="D184" s="6">
        <v>2470.2330000000002</v>
      </c>
      <c r="E184" s="6">
        <v>808.98159999999996</v>
      </c>
    </row>
    <row r="185" spans="1:5" x14ac:dyDescent="0.25">
      <c r="A185" s="6">
        <v>956.06790000000001</v>
      </c>
      <c r="B185" s="6">
        <v>791.17039999999997</v>
      </c>
      <c r="D185" s="6">
        <v>749.8587</v>
      </c>
      <c r="E185" s="6">
        <v>786.47199999999998</v>
      </c>
    </row>
    <row r="186" spans="1:5" x14ac:dyDescent="0.25">
      <c r="A186" s="6">
        <v>1265.0409999999999</v>
      </c>
      <c r="B186" s="6">
        <v>1012.421</v>
      </c>
      <c r="D186" s="6">
        <v>1006.515</v>
      </c>
      <c r="E186" s="6">
        <v>723.13520000000005</v>
      </c>
    </row>
    <row r="187" spans="1:5" x14ac:dyDescent="0.25">
      <c r="A187" s="6">
        <v>1437.6690000000001</v>
      </c>
      <c r="B187" s="6">
        <v>1694.829</v>
      </c>
      <c r="D187" s="6">
        <v>1204.6890000000001</v>
      </c>
      <c r="E187" s="6">
        <v>948.67639999999994</v>
      </c>
    </row>
    <row r="188" spans="1:5" x14ac:dyDescent="0.25">
      <c r="A188" s="6">
        <v>1402.9359999999999</v>
      </c>
      <c r="B188" s="6">
        <v>816.03390000000002</v>
      </c>
      <c r="D188" s="6">
        <v>1605.81</v>
      </c>
      <c r="E188" s="6">
        <v>867.56370000000004</v>
      </c>
    </row>
    <row r="189" spans="1:5" x14ac:dyDescent="0.25">
      <c r="A189" s="6">
        <v>830.37720000000002</v>
      </c>
      <c r="B189" s="6">
        <v>2134.4949999999999</v>
      </c>
      <c r="D189" s="6">
        <v>1078.462</v>
      </c>
      <c r="E189" s="6">
        <v>1195.83</v>
      </c>
    </row>
    <row r="190" spans="1:5" x14ac:dyDescent="0.25">
      <c r="A190" s="6">
        <v>6564.5</v>
      </c>
      <c r="B190" s="6">
        <v>749.50409999999999</v>
      </c>
      <c r="D190" s="6">
        <v>1143.625</v>
      </c>
      <c r="E190" s="6">
        <v>991.41549999999995</v>
      </c>
    </row>
    <row r="191" spans="1:5" x14ac:dyDescent="0.25">
      <c r="A191" s="6">
        <v>1493.4090000000001</v>
      </c>
      <c r="B191" s="6">
        <v>844.18830000000003</v>
      </c>
      <c r="D191" s="6">
        <v>857.4425</v>
      </c>
      <c r="E191" s="6">
        <v>949.15129999999999</v>
      </c>
    </row>
    <row r="192" spans="1:5" x14ac:dyDescent="0.25">
      <c r="A192" s="6">
        <v>1197.75</v>
      </c>
      <c r="B192" s="6">
        <v>1113.527</v>
      </c>
      <c r="D192" s="6">
        <v>2789.5749999999998</v>
      </c>
      <c r="E192" s="6">
        <v>1359</v>
      </c>
    </row>
    <row r="193" spans="1:5" x14ac:dyDescent="0.25">
      <c r="A193" s="6">
        <v>1688.73</v>
      </c>
      <c r="B193" s="6">
        <v>680.6404</v>
      </c>
      <c r="D193" s="6">
        <v>2299.1190000000001</v>
      </c>
      <c r="E193" s="6">
        <v>796.47889999999995</v>
      </c>
    </row>
    <row r="194" spans="1:5" x14ac:dyDescent="0.25">
      <c r="A194" s="6">
        <v>2197.1370000000002</v>
      </c>
      <c r="B194" s="6">
        <v>910</v>
      </c>
      <c r="D194" s="6">
        <v>6625.1790000000001</v>
      </c>
      <c r="E194" s="6">
        <v>704.04960000000005</v>
      </c>
    </row>
    <row r="195" spans="1:5" x14ac:dyDescent="0.25">
      <c r="A195" s="6">
        <v>1806.136</v>
      </c>
      <c r="B195" s="6">
        <v>1739.2180000000001</v>
      </c>
      <c r="D195" s="6">
        <v>1628.95</v>
      </c>
      <c r="E195" s="6">
        <v>909.40279999999996</v>
      </c>
    </row>
    <row r="196" spans="1:5" x14ac:dyDescent="0.25">
      <c r="A196" s="6">
        <v>460.50400000000002</v>
      </c>
      <c r="B196" s="6">
        <v>1270.3030000000001</v>
      </c>
      <c r="D196" s="6">
        <v>927.14499999999998</v>
      </c>
      <c r="E196" s="6">
        <v>877.15660000000003</v>
      </c>
    </row>
    <row r="197" spans="1:5" x14ac:dyDescent="0.25">
      <c r="A197" s="6">
        <v>2087.703</v>
      </c>
      <c r="B197" s="6">
        <v>886.30229999999995</v>
      </c>
      <c r="D197" s="6">
        <v>946.98910000000001</v>
      </c>
      <c r="E197" s="6">
        <v>881.98329999999999</v>
      </c>
    </row>
    <row r="198" spans="1:5" x14ac:dyDescent="0.25">
      <c r="A198" s="6">
        <v>560.5326</v>
      </c>
      <c r="B198" s="6">
        <v>1488.028</v>
      </c>
      <c r="D198" s="6">
        <v>683.57489999999996</v>
      </c>
      <c r="E198" s="6">
        <v>794.08330000000001</v>
      </c>
    </row>
    <row r="199" spans="1:5" x14ac:dyDescent="0.25">
      <c r="A199" s="6">
        <v>384.41140000000001</v>
      </c>
      <c r="B199" s="6">
        <v>759.42160000000001</v>
      </c>
      <c r="D199" s="6">
        <v>1197.3989999999999</v>
      </c>
      <c r="E199" s="6">
        <v>1005.908</v>
      </c>
    </row>
    <row r="200" spans="1:5" x14ac:dyDescent="0.25">
      <c r="A200" s="6">
        <v>1243.2809999999999</v>
      </c>
      <c r="B200" s="6">
        <v>719.29939999999999</v>
      </c>
      <c r="D200" s="6">
        <v>7730.7</v>
      </c>
      <c r="E200" s="6">
        <v>1069.8620000000001</v>
      </c>
    </row>
    <row r="201" spans="1:5" x14ac:dyDescent="0.25">
      <c r="A201" s="6">
        <v>1207.4110000000001</v>
      </c>
      <c r="B201" s="6">
        <v>1446.2829999999999</v>
      </c>
      <c r="D201" s="6">
        <v>1400.0039999999999</v>
      </c>
      <c r="E201" s="6">
        <v>759.66179999999997</v>
      </c>
    </row>
    <row r="202" spans="1:5" x14ac:dyDescent="0.25">
      <c r="A202" s="6">
        <v>15993</v>
      </c>
      <c r="B202" s="6">
        <v>797.22450000000003</v>
      </c>
      <c r="D202" s="6">
        <v>15374.38</v>
      </c>
      <c r="E202" s="6">
        <v>783.5</v>
      </c>
    </row>
    <row r="203" spans="1:5" x14ac:dyDescent="0.25">
      <c r="A203" s="6">
        <v>1740.9649999999999</v>
      </c>
      <c r="B203" s="6">
        <v>1018.497</v>
      </c>
      <c r="D203" s="6">
        <v>431.3673</v>
      </c>
      <c r="E203" s="6">
        <v>524.98569999999995</v>
      </c>
    </row>
    <row r="204" spans="1:5" x14ac:dyDescent="0.25">
      <c r="A204" s="6">
        <v>2838.6439999999998</v>
      </c>
      <c r="B204" s="6">
        <v>1567.2249999999999</v>
      </c>
      <c r="D204" s="6">
        <v>1287.027</v>
      </c>
      <c r="E204" s="6">
        <v>1358.7529999999999</v>
      </c>
    </row>
    <row r="205" spans="1:5" x14ac:dyDescent="0.25">
      <c r="A205" s="6">
        <v>1040.319</v>
      </c>
      <c r="B205" s="6">
        <v>1105.5550000000001</v>
      </c>
      <c r="D205" s="6">
        <v>518.28480000000002</v>
      </c>
      <c r="E205" s="6">
        <v>808.13260000000002</v>
      </c>
    </row>
    <row r="206" spans="1:5" x14ac:dyDescent="0.25">
      <c r="A206" s="6">
        <v>566.05830000000003</v>
      </c>
      <c r="B206" s="6">
        <v>788.92679999999996</v>
      </c>
      <c r="D206" s="6">
        <v>2529</v>
      </c>
      <c r="E206" s="6">
        <v>4424.7960000000003</v>
      </c>
    </row>
    <row r="207" spans="1:5" x14ac:dyDescent="0.25">
      <c r="A207" s="6">
        <v>497.11579999999998</v>
      </c>
      <c r="B207" s="6">
        <v>1123.357</v>
      </c>
      <c r="D207" s="6">
        <v>848.54349999999999</v>
      </c>
      <c r="E207" s="6">
        <v>736.18889999999999</v>
      </c>
    </row>
    <row r="208" spans="1:5" x14ac:dyDescent="0.25">
      <c r="A208" s="6">
        <v>795.40150000000006</v>
      </c>
      <c r="B208" s="6">
        <v>1867.1949999999999</v>
      </c>
      <c r="D208" s="6">
        <v>939.00549999999998</v>
      </c>
      <c r="E208" s="6">
        <v>639.76679999999999</v>
      </c>
    </row>
    <row r="209" spans="1:5" x14ac:dyDescent="0.25">
      <c r="A209" s="6">
        <v>1744.127</v>
      </c>
      <c r="B209" s="6">
        <v>1365.7539999999999</v>
      </c>
      <c r="D209" s="6">
        <v>1007.852</v>
      </c>
      <c r="E209" s="6">
        <v>860.76139999999998</v>
      </c>
    </row>
    <row r="210" spans="1:5" x14ac:dyDescent="0.25">
      <c r="A210" s="6">
        <v>2569.8850000000002</v>
      </c>
      <c r="B210" s="6">
        <v>902.1114</v>
      </c>
      <c r="D210" s="6">
        <v>1049.116</v>
      </c>
      <c r="E210" s="6">
        <v>1253.395</v>
      </c>
    </row>
    <row r="211" spans="1:5" x14ac:dyDescent="0.25">
      <c r="A211" s="6">
        <v>1091.0909999999999</v>
      </c>
      <c r="B211" s="6">
        <v>898.73479999999995</v>
      </c>
      <c r="D211" s="6">
        <v>973.67830000000004</v>
      </c>
      <c r="E211" s="6">
        <v>815.56809999999996</v>
      </c>
    </row>
    <row r="212" spans="1:5" x14ac:dyDescent="0.25">
      <c r="A212" s="6">
        <v>1260.6389999999999</v>
      </c>
      <c r="B212" s="6">
        <v>1574.3420000000001</v>
      </c>
      <c r="D212" s="6">
        <v>1004.633</v>
      </c>
      <c r="E212" s="6">
        <v>983.02850000000001</v>
      </c>
    </row>
    <row r="213" spans="1:5" x14ac:dyDescent="0.25">
      <c r="A213" s="6">
        <v>1299.2670000000001</v>
      </c>
      <c r="B213" s="6">
        <v>756.22410000000002</v>
      </c>
      <c r="D213" s="6">
        <v>810.88130000000001</v>
      </c>
      <c r="E213" s="6">
        <v>752.40279999999996</v>
      </c>
    </row>
    <row r="214" spans="1:5" x14ac:dyDescent="0.25">
      <c r="A214" s="6">
        <v>517.50149999999996</v>
      </c>
      <c r="B214" s="6">
        <v>1291.798</v>
      </c>
      <c r="D214" s="6">
        <v>862.7518</v>
      </c>
      <c r="E214" s="6">
        <v>899.1866</v>
      </c>
    </row>
    <row r="215" spans="1:5" x14ac:dyDescent="0.25">
      <c r="A215" s="6">
        <v>654.05579999999998</v>
      </c>
      <c r="B215" s="6">
        <v>819.65089999999998</v>
      </c>
      <c r="D215" s="6">
        <v>990.60450000000003</v>
      </c>
      <c r="E215" s="6">
        <v>918.03290000000004</v>
      </c>
    </row>
    <row r="216" spans="1:5" x14ac:dyDescent="0.25">
      <c r="A216" s="6">
        <v>1124.577</v>
      </c>
      <c r="B216" s="6">
        <v>594.38440000000003</v>
      </c>
      <c r="D216" s="6">
        <v>1118.194</v>
      </c>
      <c r="E216" s="6">
        <v>883.27800000000002</v>
      </c>
    </row>
    <row r="217" spans="1:5" x14ac:dyDescent="0.25">
      <c r="A217" s="6">
        <v>579.29229999999995</v>
      </c>
      <c r="B217" s="6">
        <v>822.22090000000003</v>
      </c>
      <c r="D217" s="6">
        <v>1062.3209999999999</v>
      </c>
      <c r="E217" s="6">
        <v>1153.759</v>
      </c>
    </row>
    <row r="218" spans="1:5" x14ac:dyDescent="0.25">
      <c r="A218" s="6">
        <v>484.42219999999998</v>
      </c>
      <c r="B218" s="6">
        <v>959.66899999999998</v>
      </c>
      <c r="D218" s="6">
        <v>999.33180000000004</v>
      </c>
      <c r="E218" s="6">
        <v>997.71010000000001</v>
      </c>
    </row>
    <row r="219" spans="1:5" x14ac:dyDescent="0.25">
      <c r="A219" s="6">
        <v>4452.558</v>
      </c>
      <c r="B219" s="6">
        <v>958.90520000000004</v>
      </c>
      <c r="D219" s="6">
        <v>869.66579999999999</v>
      </c>
      <c r="E219" s="6">
        <v>1871.933</v>
      </c>
    </row>
    <row r="220" spans="1:5" x14ac:dyDescent="0.25">
      <c r="A220" s="6">
        <v>1919.7929999999999</v>
      </c>
      <c r="B220" s="6">
        <v>1085.953</v>
      </c>
      <c r="D220" s="6">
        <v>1264.559</v>
      </c>
      <c r="E220" s="6">
        <v>717.54520000000002</v>
      </c>
    </row>
    <row r="221" spans="1:5" x14ac:dyDescent="0.25">
      <c r="A221" s="6">
        <v>607.27509999999995</v>
      </c>
      <c r="B221" s="6">
        <v>670.7491</v>
      </c>
      <c r="D221" s="6">
        <v>1004.899</v>
      </c>
      <c r="E221" s="6">
        <v>818.30650000000003</v>
      </c>
    </row>
    <row r="222" spans="1:5" x14ac:dyDescent="0.25">
      <c r="A222" s="6">
        <v>1300</v>
      </c>
      <c r="B222" s="6">
        <v>2963.2130000000002</v>
      </c>
      <c r="D222" s="6">
        <v>934.3021</v>
      </c>
      <c r="E222" s="6">
        <v>959.8528</v>
      </c>
    </row>
    <row r="223" spans="1:5" x14ac:dyDescent="0.25">
      <c r="A223" s="6">
        <v>958.34519999999998</v>
      </c>
      <c r="B223" s="6">
        <v>1121.5509999999999</v>
      </c>
      <c r="D223" s="6">
        <v>606.62300000000005</v>
      </c>
      <c r="E223" s="6">
        <v>492</v>
      </c>
    </row>
    <row r="224" spans="1:5" x14ac:dyDescent="0.25">
      <c r="A224" s="6">
        <v>756.8623</v>
      </c>
      <c r="B224" s="6">
        <v>1055.9169999999999</v>
      </c>
      <c r="D224" s="6">
        <v>657.81119999999999</v>
      </c>
      <c r="E224" s="6">
        <v>750.38909999999998</v>
      </c>
    </row>
    <row r="225" spans="1:5" x14ac:dyDescent="0.25">
      <c r="A225" s="6">
        <v>1117.1120000000001</v>
      </c>
      <c r="B225" s="6">
        <v>1141.4929999999999</v>
      </c>
      <c r="D225" s="6">
        <v>736.7183</v>
      </c>
      <c r="E225" s="6">
        <v>973.89380000000006</v>
      </c>
    </row>
    <row r="226" spans="1:5" x14ac:dyDescent="0.25">
      <c r="A226" s="6">
        <v>2738.654</v>
      </c>
      <c r="B226" s="6">
        <v>935.5385</v>
      </c>
      <c r="D226" s="6">
        <v>1517.2360000000001</v>
      </c>
      <c r="E226" s="6">
        <v>853.77959999999996</v>
      </c>
    </row>
    <row r="227" spans="1:5" x14ac:dyDescent="0.25">
      <c r="A227" s="6">
        <v>1320.8440000000001</v>
      </c>
      <c r="B227" s="6">
        <v>746.17100000000005</v>
      </c>
      <c r="D227" s="6">
        <v>379.7912</v>
      </c>
      <c r="E227" s="6">
        <v>955.86659999999995</v>
      </c>
    </row>
    <row r="228" spans="1:5" x14ac:dyDescent="0.25">
      <c r="A228" s="6">
        <v>1205.9929999999999</v>
      </c>
      <c r="B228" s="6">
        <v>996.21990000000005</v>
      </c>
      <c r="D228" s="6">
        <v>1131.798</v>
      </c>
      <c r="E228" s="6">
        <v>1131.0550000000001</v>
      </c>
    </row>
    <row r="229" spans="1:5" x14ac:dyDescent="0.25">
      <c r="A229" s="6">
        <v>876.40840000000003</v>
      </c>
      <c r="B229" s="6">
        <v>678.35130000000004</v>
      </c>
      <c r="D229" s="6">
        <v>2232</v>
      </c>
      <c r="E229" s="6">
        <v>817.48469999999998</v>
      </c>
    </row>
    <row r="230" spans="1:5" x14ac:dyDescent="0.25">
      <c r="A230" s="6">
        <v>415.02120000000002</v>
      </c>
      <c r="B230" s="6">
        <v>1065.3820000000001</v>
      </c>
      <c r="D230" s="6">
        <v>810.61699999999996</v>
      </c>
      <c r="E230" s="6">
        <v>1011.048</v>
      </c>
    </row>
    <row r="231" spans="1:5" x14ac:dyDescent="0.25">
      <c r="A231" s="6">
        <v>1427.463</v>
      </c>
      <c r="B231" s="6">
        <v>998.15269999999998</v>
      </c>
      <c r="D231" s="6">
        <v>2551.587</v>
      </c>
      <c r="E231" s="6">
        <v>828.36360000000002</v>
      </c>
    </row>
    <row r="232" spans="1:5" x14ac:dyDescent="0.25">
      <c r="A232" s="6">
        <v>528.2799</v>
      </c>
      <c r="B232" s="6">
        <v>576.46720000000005</v>
      </c>
      <c r="D232" s="6">
        <v>1243.6220000000001</v>
      </c>
      <c r="E232" s="6">
        <v>1167.135</v>
      </c>
    </row>
    <row r="233" spans="1:5" x14ac:dyDescent="0.25">
      <c r="A233" s="6">
        <v>1065.472</v>
      </c>
      <c r="B233" s="6">
        <v>866.35239999999999</v>
      </c>
      <c r="D233" s="6">
        <v>529.00379999999996</v>
      </c>
      <c r="E233" s="6">
        <v>900.2953</v>
      </c>
    </row>
    <row r="234" spans="1:5" x14ac:dyDescent="0.25">
      <c r="A234" s="6">
        <v>5270.2640000000001</v>
      </c>
      <c r="B234" s="6">
        <v>1114.6600000000001</v>
      </c>
      <c r="D234" s="6">
        <v>751.86419999999998</v>
      </c>
      <c r="E234" s="6">
        <v>1084.373</v>
      </c>
    </row>
    <row r="235" spans="1:5" x14ac:dyDescent="0.25">
      <c r="A235" s="6">
        <v>603.17920000000004</v>
      </c>
      <c r="B235" s="6">
        <v>879.81470000000002</v>
      </c>
      <c r="D235" s="6">
        <v>1918.8520000000001</v>
      </c>
      <c r="E235" s="6">
        <v>849.38459999999998</v>
      </c>
    </row>
    <row r="236" spans="1:5" x14ac:dyDescent="0.25">
      <c r="A236" s="6">
        <v>3323.5949999999998</v>
      </c>
      <c r="B236" s="6">
        <v>851.84090000000003</v>
      </c>
      <c r="D236" s="6">
        <v>613.1404</v>
      </c>
      <c r="E236" s="6">
        <v>749.77769999999998</v>
      </c>
    </row>
    <row r="237" spans="1:5" x14ac:dyDescent="0.25">
      <c r="A237" s="6">
        <v>1487.7539999999999</v>
      </c>
      <c r="B237" s="6">
        <v>976.39419999999996</v>
      </c>
      <c r="D237" s="6">
        <v>674.81820000000005</v>
      </c>
      <c r="E237" s="6">
        <v>963.11260000000004</v>
      </c>
    </row>
    <row r="238" spans="1:5" x14ac:dyDescent="0.25">
      <c r="A238" s="6">
        <v>1282.74</v>
      </c>
      <c r="B238" s="6">
        <v>783.56389999999999</v>
      </c>
      <c r="D238" s="6">
        <v>16015.67</v>
      </c>
      <c r="E238" s="6">
        <v>838.78769999999997</v>
      </c>
    </row>
    <row r="239" spans="1:5" x14ac:dyDescent="0.25">
      <c r="A239" s="6">
        <v>1051.1590000000001</v>
      </c>
      <c r="B239" s="6">
        <v>732.56560000000002</v>
      </c>
      <c r="D239" s="6">
        <v>1292</v>
      </c>
      <c r="E239" s="6">
        <v>754.15049999999997</v>
      </c>
    </row>
    <row r="240" spans="1:5" x14ac:dyDescent="0.25">
      <c r="A240" s="6">
        <v>1981.7429999999999</v>
      </c>
      <c r="B240" s="6">
        <v>785.36530000000005</v>
      </c>
      <c r="D240" s="6">
        <v>463.61619999999999</v>
      </c>
      <c r="E240" s="6">
        <v>805.33839999999998</v>
      </c>
    </row>
    <row r="241" spans="1:5" x14ac:dyDescent="0.25">
      <c r="A241" s="6">
        <v>1350.404</v>
      </c>
      <c r="B241" s="6">
        <v>1390.252</v>
      </c>
      <c r="D241" s="6">
        <v>747.20860000000005</v>
      </c>
      <c r="E241" s="6">
        <v>910.47820000000002</v>
      </c>
    </row>
    <row r="242" spans="1:5" x14ac:dyDescent="0.25">
      <c r="A242" s="6">
        <v>727.28309999999999</v>
      </c>
      <c r="B242" s="6">
        <v>733.86699999999996</v>
      </c>
      <c r="D242" s="6">
        <v>1030.6669999999999</v>
      </c>
      <c r="E242" s="6">
        <v>964.74779999999998</v>
      </c>
    </row>
    <row r="243" spans="1:5" x14ac:dyDescent="0.25">
      <c r="A243" s="6">
        <v>607.13329999999996</v>
      </c>
      <c r="B243" s="6">
        <v>815.95830000000001</v>
      </c>
      <c r="D243" s="6">
        <v>1169.345</v>
      </c>
      <c r="E243" s="6">
        <v>838.20489999999995</v>
      </c>
    </row>
    <row r="244" spans="1:5" x14ac:dyDescent="0.25">
      <c r="A244" s="6">
        <v>707.87289999999996</v>
      </c>
      <c r="B244" s="6">
        <v>1328.845</v>
      </c>
      <c r="D244" s="6">
        <v>1285.587</v>
      </c>
      <c r="E244" s="6">
        <v>571.63819999999998</v>
      </c>
    </row>
    <row r="245" spans="1:5" x14ac:dyDescent="0.25">
      <c r="A245" s="6">
        <v>3559.4380000000001</v>
      </c>
      <c r="B245" s="6">
        <v>1020.073</v>
      </c>
      <c r="D245" s="6">
        <v>12211.5</v>
      </c>
      <c r="E245" s="6">
        <v>1529.4749999999999</v>
      </c>
    </row>
    <row r="246" spans="1:5" x14ac:dyDescent="0.25">
      <c r="A246" s="6">
        <v>634.94799999999998</v>
      </c>
      <c r="B246" s="6">
        <v>1911.1780000000001</v>
      </c>
      <c r="D246" s="6">
        <v>1284</v>
      </c>
      <c r="E246" s="6">
        <v>4057.7779999999998</v>
      </c>
    </row>
    <row r="247" spans="1:5" x14ac:dyDescent="0.25">
      <c r="A247" s="6">
        <v>3115.0859999999998</v>
      </c>
      <c r="B247" s="6">
        <v>574</v>
      </c>
      <c r="D247" s="6">
        <v>606.79160000000002</v>
      </c>
      <c r="E247" s="6">
        <v>1206.328</v>
      </c>
    </row>
    <row r="248" spans="1:5" x14ac:dyDescent="0.25">
      <c r="A248" s="6">
        <v>1055.7380000000001</v>
      </c>
      <c r="B248" s="6">
        <v>710.29939999999999</v>
      </c>
      <c r="D248" s="6">
        <v>1071.713</v>
      </c>
      <c r="E248" s="6">
        <v>973.50369999999998</v>
      </c>
    </row>
    <row r="249" spans="1:5" x14ac:dyDescent="0.25">
      <c r="A249" s="6">
        <v>2043.6</v>
      </c>
      <c r="B249" s="6">
        <v>684.00710000000004</v>
      </c>
      <c r="D249" s="6">
        <v>906.42600000000004</v>
      </c>
      <c r="E249" s="6">
        <v>721.99480000000005</v>
      </c>
    </row>
    <row r="250" spans="1:5" x14ac:dyDescent="0.25">
      <c r="A250" s="6">
        <v>500.4556</v>
      </c>
      <c r="B250" s="6">
        <v>1369.9739999999999</v>
      </c>
      <c r="D250" s="6">
        <v>181.99279999999999</v>
      </c>
      <c r="E250" s="6">
        <v>915.79719999999998</v>
      </c>
    </row>
    <row r="251" spans="1:5" x14ac:dyDescent="0.25">
      <c r="A251" s="6">
        <v>503.7996</v>
      </c>
      <c r="B251" s="6">
        <v>688.16319999999996</v>
      </c>
      <c r="D251" s="6">
        <v>555.90679999999998</v>
      </c>
      <c r="E251" s="6">
        <v>995.89949999999999</v>
      </c>
    </row>
    <row r="252" spans="1:5" x14ac:dyDescent="0.25">
      <c r="A252" s="6">
        <v>463.32819999999998</v>
      </c>
      <c r="B252" s="6">
        <v>1313.7090000000001</v>
      </c>
      <c r="D252" s="6">
        <v>840.42909999999995</v>
      </c>
      <c r="E252" s="6">
        <v>415.4982</v>
      </c>
    </row>
    <row r="253" spans="1:5" x14ac:dyDescent="0.25">
      <c r="A253" s="6">
        <v>1542.5440000000001</v>
      </c>
      <c r="B253" s="6">
        <v>1194.992</v>
      </c>
      <c r="D253" s="6">
        <v>632.57429999999999</v>
      </c>
      <c r="E253" s="6">
        <v>983.15639999999996</v>
      </c>
    </row>
    <row r="254" spans="1:5" x14ac:dyDescent="0.25">
      <c r="A254" s="6">
        <v>1644.2439999999999</v>
      </c>
      <c r="B254" s="6">
        <v>1086.2639999999999</v>
      </c>
      <c r="D254" s="6">
        <v>658.08330000000001</v>
      </c>
      <c r="E254" s="6">
        <v>842.6748</v>
      </c>
    </row>
    <row r="255" spans="1:5" x14ac:dyDescent="0.25">
      <c r="A255" s="6">
        <v>741.41679999999997</v>
      </c>
      <c r="B255" s="6">
        <v>779.79269999999997</v>
      </c>
      <c r="D255" s="6">
        <v>986.13120000000004</v>
      </c>
      <c r="E255" s="6">
        <v>1214.259</v>
      </c>
    </row>
    <row r="256" spans="1:5" x14ac:dyDescent="0.25">
      <c r="A256" s="6">
        <v>2858.9450000000002</v>
      </c>
      <c r="B256" s="6">
        <v>1205.163</v>
      </c>
      <c r="D256" s="6">
        <v>1757.2449999999999</v>
      </c>
      <c r="E256" s="6">
        <v>1008.833</v>
      </c>
    </row>
    <row r="257" spans="1:5" x14ac:dyDescent="0.25">
      <c r="A257" s="6">
        <v>426.24560000000002</v>
      </c>
      <c r="B257" s="6">
        <v>1518.422</v>
      </c>
      <c r="D257" s="6">
        <v>803.22730000000001</v>
      </c>
      <c r="E257" s="6">
        <v>856</v>
      </c>
    </row>
    <row r="258" spans="1:5" x14ac:dyDescent="0.25">
      <c r="A258" s="6">
        <v>849</v>
      </c>
      <c r="B258" s="6">
        <v>739.0412</v>
      </c>
      <c r="D258" s="6">
        <v>971.80309999999997</v>
      </c>
      <c r="E258" s="6">
        <v>967.32349999999997</v>
      </c>
    </row>
    <row r="259" spans="1:5" x14ac:dyDescent="0.25">
      <c r="A259" s="6">
        <v>981.8202</v>
      </c>
      <c r="B259" s="6">
        <v>1332.117</v>
      </c>
      <c r="D259" s="6">
        <v>580.221</v>
      </c>
      <c r="E259" s="6">
        <v>963.61339999999996</v>
      </c>
    </row>
    <row r="260" spans="1:5" x14ac:dyDescent="0.25">
      <c r="A260" s="6">
        <v>1277.693</v>
      </c>
      <c r="B260" s="6">
        <v>1041.8030000000001</v>
      </c>
      <c r="D260" s="6">
        <v>968.62440000000004</v>
      </c>
      <c r="E260" s="6">
        <v>767.02949999999998</v>
      </c>
    </row>
    <row r="261" spans="1:5" x14ac:dyDescent="0.25">
      <c r="A261" s="6">
        <v>999.125</v>
      </c>
      <c r="B261" s="6">
        <v>2532.547</v>
      </c>
      <c r="D261" s="6">
        <v>659.43140000000005</v>
      </c>
      <c r="E261" s="6">
        <v>846.61609999999996</v>
      </c>
    </row>
    <row r="262" spans="1:5" x14ac:dyDescent="0.25">
      <c r="A262" s="6">
        <v>703.47990000000004</v>
      </c>
      <c r="B262" s="6">
        <v>1229.7929999999999</v>
      </c>
      <c r="D262" s="6">
        <v>677.15650000000005</v>
      </c>
      <c r="E262" s="6">
        <v>911.25940000000003</v>
      </c>
    </row>
    <row r="263" spans="1:5" x14ac:dyDescent="0.25">
      <c r="A263" s="6">
        <v>511.89890000000003</v>
      </c>
      <c r="B263" s="6">
        <v>1355.751</v>
      </c>
      <c r="D263" s="6">
        <v>891.03660000000002</v>
      </c>
      <c r="E263" s="6">
        <v>666.8546</v>
      </c>
    </row>
    <row r="264" spans="1:5" x14ac:dyDescent="0.25">
      <c r="A264" s="6">
        <v>1420.086</v>
      </c>
      <c r="B264" s="6">
        <v>1165.694</v>
      </c>
      <c r="D264" s="6">
        <v>5012.6130000000003</v>
      </c>
      <c r="E264" s="6">
        <v>1145.047</v>
      </c>
    </row>
    <row r="265" spans="1:5" x14ac:dyDescent="0.25">
      <c r="A265" s="6">
        <v>1166.595</v>
      </c>
      <c r="B265" s="6">
        <v>911.4085</v>
      </c>
      <c r="D265" s="6">
        <v>641.22249999999997</v>
      </c>
      <c r="E265" s="6">
        <v>1143.056</v>
      </c>
    </row>
    <row r="266" spans="1:5" x14ac:dyDescent="0.25">
      <c r="A266" s="6">
        <v>1555.453</v>
      </c>
      <c r="B266" s="6">
        <v>1004.333</v>
      </c>
      <c r="D266" s="6">
        <v>934.24030000000005</v>
      </c>
      <c r="E266" s="6">
        <v>897.33690000000001</v>
      </c>
    </row>
    <row r="267" spans="1:5" x14ac:dyDescent="0.25">
      <c r="A267" s="6">
        <v>1460.69</v>
      </c>
      <c r="B267" s="6">
        <v>962.1422</v>
      </c>
      <c r="D267" s="6">
        <v>747.81610000000001</v>
      </c>
      <c r="E267" s="6">
        <v>905.21730000000002</v>
      </c>
    </row>
    <row r="268" spans="1:5" x14ac:dyDescent="0.25">
      <c r="A268" s="6">
        <v>424.1454</v>
      </c>
      <c r="B268" s="6">
        <v>627.63009999999997</v>
      </c>
      <c r="D268" s="6">
        <v>1239.5</v>
      </c>
      <c r="E268" s="6">
        <v>3682.152</v>
      </c>
    </row>
    <row r="269" spans="1:5" x14ac:dyDescent="0.25">
      <c r="A269" s="6">
        <v>1344.992</v>
      </c>
      <c r="B269" s="6">
        <v>1215.26</v>
      </c>
      <c r="D269" s="6">
        <v>463.8426</v>
      </c>
      <c r="E269" s="6">
        <v>343.47370000000001</v>
      </c>
    </row>
    <row r="270" spans="1:5" x14ac:dyDescent="0.25">
      <c r="A270" s="6">
        <v>553.91930000000002</v>
      </c>
      <c r="B270" s="6">
        <v>1118.1780000000001</v>
      </c>
      <c r="D270" s="6">
        <v>608.15380000000005</v>
      </c>
      <c r="E270" s="6">
        <v>767.56579999999997</v>
      </c>
    </row>
    <row r="271" spans="1:5" x14ac:dyDescent="0.25">
      <c r="A271" s="6">
        <v>1147.5540000000001</v>
      </c>
      <c r="B271" s="6">
        <v>1226.932</v>
      </c>
      <c r="D271" s="6">
        <v>805.79819999999995</v>
      </c>
      <c r="E271" s="6">
        <v>1731.9690000000001</v>
      </c>
    </row>
    <row r="272" spans="1:5" x14ac:dyDescent="0.25">
      <c r="A272" s="6">
        <v>1370</v>
      </c>
      <c r="B272" s="6">
        <v>771.99720000000002</v>
      </c>
      <c r="D272" s="6">
        <v>1159.569</v>
      </c>
      <c r="E272" s="6">
        <v>1312.954</v>
      </c>
    </row>
    <row r="273" spans="1:5" x14ac:dyDescent="0.25">
      <c r="A273" s="6">
        <v>1227.605</v>
      </c>
      <c r="B273" s="6">
        <v>1834.068</v>
      </c>
      <c r="D273" s="6">
        <v>837.3415</v>
      </c>
      <c r="E273" s="6">
        <v>722.14850000000001</v>
      </c>
    </row>
    <row r="274" spans="1:5" x14ac:dyDescent="0.25">
      <c r="A274" s="6">
        <v>1426.6610000000001</v>
      </c>
      <c r="B274" s="6">
        <v>711.92939999999999</v>
      </c>
      <c r="D274" s="6">
        <v>851.7029</v>
      </c>
      <c r="E274" s="6">
        <v>1135.6780000000001</v>
      </c>
    </row>
    <row r="275" spans="1:5" x14ac:dyDescent="0.25">
      <c r="A275" s="6">
        <v>1275.7719999999999</v>
      </c>
      <c r="B275" s="6">
        <v>727.05589999999995</v>
      </c>
      <c r="D275" s="6">
        <v>906.26430000000005</v>
      </c>
      <c r="E275" s="6">
        <v>943.6644</v>
      </c>
    </row>
    <row r="276" spans="1:5" x14ac:dyDescent="0.25">
      <c r="A276" s="6">
        <v>425.8</v>
      </c>
      <c r="B276" s="6">
        <v>1032.75</v>
      </c>
      <c r="D276" s="6">
        <v>708.21270000000004</v>
      </c>
      <c r="E276" s="6">
        <v>1025.077</v>
      </c>
    </row>
    <row r="277" spans="1:5" x14ac:dyDescent="0.25">
      <c r="A277" s="6">
        <v>753.83330000000001</v>
      </c>
      <c r="B277" s="6">
        <v>1099.268</v>
      </c>
      <c r="D277" s="6">
        <v>3606.9140000000002</v>
      </c>
      <c r="E277" s="6">
        <v>1117.1300000000001</v>
      </c>
    </row>
    <row r="278" spans="1:5" x14ac:dyDescent="0.25">
      <c r="A278" s="6">
        <v>691.41219999999998</v>
      </c>
      <c r="B278" s="6">
        <v>1753.0170000000001</v>
      </c>
      <c r="D278" s="6">
        <v>930.5181</v>
      </c>
      <c r="E278" s="6">
        <v>954.24720000000002</v>
      </c>
    </row>
    <row r="279" spans="1:5" x14ac:dyDescent="0.25">
      <c r="A279" s="6">
        <v>1237.386</v>
      </c>
      <c r="B279" s="6">
        <v>749.01779999999997</v>
      </c>
      <c r="D279" s="6">
        <v>2640.3330000000001</v>
      </c>
      <c r="E279" s="6">
        <v>835.38369999999998</v>
      </c>
    </row>
    <row r="280" spans="1:5" x14ac:dyDescent="0.25">
      <c r="A280" s="6">
        <v>817.14499999999998</v>
      </c>
      <c r="B280" s="6">
        <v>872.16660000000002</v>
      </c>
      <c r="D280" s="6">
        <v>782.55560000000003</v>
      </c>
      <c r="E280" s="6">
        <v>659.44069999999999</v>
      </c>
    </row>
    <row r="281" spans="1:5" x14ac:dyDescent="0.25">
      <c r="A281" s="6">
        <v>1393.2719999999999</v>
      </c>
      <c r="B281" s="6">
        <v>1100.6859999999999</v>
      </c>
      <c r="D281" s="6">
        <v>993.57140000000004</v>
      </c>
      <c r="E281" s="6">
        <v>829.39940000000001</v>
      </c>
    </row>
    <row r="282" spans="1:5" x14ac:dyDescent="0.25">
      <c r="A282" s="6">
        <v>1190.4639999999999</v>
      </c>
      <c r="B282" s="6">
        <v>884.06389999999999</v>
      </c>
      <c r="D282" s="6">
        <v>2871.42</v>
      </c>
      <c r="E282" s="6">
        <v>1926.7170000000001</v>
      </c>
    </row>
    <row r="283" spans="1:5" x14ac:dyDescent="0.25">
      <c r="A283" s="6">
        <v>968.49350000000004</v>
      </c>
      <c r="B283" s="6">
        <v>1275.5139999999999</v>
      </c>
      <c r="D283" s="6">
        <v>1224.0329999999999</v>
      </c>
      <c r="E283" s="6">
        <v>1579.9580000000001</v>
      </c>
    </row>
    <row r="284" spans="1:5" x14ac:dyDescent="0.25">
      <c r="A284" s="6">
        <v>3552.645</v>
      </c>
      <c r="B284" s="6">
        <v>863.03660000000002</v>
      </c>
      <c r="D284" s="6">
        <v>947.56539999999995</v>
      </c>
      <c r="E284" s="6">
        <v>855.63919999999996</v>
      </c>
    </row>
    <row r="285" spans="1:5" x14ac:dyDescent="0.25">
      <c r="A285" s="6">
        <v>956.14909999999998</v>
      </c>
      <c r="B285" s="6">
        <v>1000.63</v>
      </c>
      <c r="D285" s="6">
        <v>826.27689999999996</v>
      </c>
      <c r="E285" s="6">
        <v>815.97919999999999</v>
      </c>
    </row>
    <row r="286" spans="1:5" x14ac:dyDescent="0.25">
      <c r="A286" s="6">
        <v>477.49419999999998</v>
      </c>
      <c r="B286" s="6">
        <v>549.42740000000003</v>
      </c>
      <c r="D286" s="6">
        <v>14020.97</v>
      </c>
      <c r="E286" s="6">
        <v>775.03390000000002</v>
      </c>
    </row>
    <row r="287" spans="1:5" x14ac:dyDescent="0.25">
      <c r="A287" s="6">
        <v>3345.3330000000001</v>
      </c>
      <c r="B287" s="6">
        <v>802.60630000000003</v>
      </c>
      <c r="D287" s="6">
        <v>778.64300000000003</v>
      </c>
      <c r="E287" s="6">
        <v>717.14480000000003</v>
      </c>
    </row>
    <row r="288" spans="1:5" x14ac:dyDescent="0.25">
      <c r="A288" s="6">
        <v>1012.696</v>
      </c>
      <c r="B288" s="6">
        <v>1111.086</v>
      </c>
      <c r="D288" s="6">
        <v>1224.298</v>
      </c>
      <c r="E288" s="6">
        <v>929.88210000000004</v>
      </c>
    </row>
    <row r="289" spans="1:5" x14ac:dyDescent="0.25">
      <c r="A289" s="6">
        <v>874.52170000000001</v>
      </c>
      <c r="B289" s="6">
        <v>599.28139999999996</v>
      </c>
      <c r="D289" s="6">
        <v>1072.913</v>
      </c>
      <c r="E289" s="6">
        <v>9246.8330000000005</v>
      </c>
    </row>
    <row r="290" spans="1:5" x14ac:dyDescent="0.25">
      <c r="A290" s="6">
        <v>560.05349999999999</v>
      </c>
      <c r="B290" s="6">
        <v>1001.98</v>
      </c>
      <c r="D290" s="6">
        <v>1121.8599999999999</v>
      </c>
      <c r="E290" s="6">
        <v>1058.174</v>
      </c>
    </row>
    <row r="291" spans="1:5" x14ac:dyDescent="0.25">
      <c r="A291" s="6">
        <v>461.2</v>
      </c>
      <c r="B291" s="6">
        <v>881.27059999999994</v>
      </c>
      <c r="D291" s="6">
        <v>1140.4949999999999</v>
      </c>
      <c r="E291" s="6">
        <v>1087.5889999999999</v>
      </c>
    </row>
    <row r="292" spans="1:5" x14ac:dyDescent="0.25">
      <c r="A292" s="6">
        <v>2680.76</v>
      </c>
      <c r="B292" s="6">
        <v>1566.202</v>
      </c>
      <c r="D292" s="6">
        <v>1246.7739999999999</v>
      </c>
      <c r="E292" s="6">
        <v>1200.23</v>
      </c>
    </row>
    <row r="293" spans="1:5" x14ac:dyDescent="0.25">
      <c r="A293" s="6">
        <v>162.65100000000001</v>
      </c>
      <c r="B293" s="6">
        <v>1844.93</v>
      </c>
      <c r="D293" s="6">
        <v>1357.366</v>
      </c>
      <c r="E293" s="6">
        <v>377.93900000000002</v>
      </c>
    </row>
    <row r="294" spans="1:5" x14ac:dyDescent="0.25">
      <c r="A294" s="6">
        <v>2970.1550000000002</v>
      </c>
      <c r="B294" s="6">
        <v>1341.0350000000001</v>
      </c>
      <c r="D294" s="6">
        <v>1264.4000000000001</v>
      </c>
      <c r="E294" s="6">
        <v>773.47720000000004</v>
      </c>
    </row>
    <row r="295" spans="1:5" x14ac:dyDescent="0.25">
      <c r="A295" s="6">
        <v>1529.4480000000001</v>
      </c>
      <c r="B295" s="6">
        <v>1144.239</v>
      </c>
      <c r="D295" s="6">
        <v>660.78219999999999</v>
      </c>
      <c r="E295" s="6">
        <v>747.08630000000005</v>
      </c>
    </row>
    <row r="296" spans="1:5" x14ac:dyDescent="0.25">
      <c r="A296" s="6">
        <v>2151.9059999999999</v>
      </c>
      <c r="B296" s="6">
        <v>802.9579</v>
      </c>
      <c r="D296" s="6">
        <v>474.49599999999998</v>
      </c>
      <c r="E296" s="6">
        <v>998.23440000000005</v>
      </c>
    </row>
    <row r="297" spans="1:5" x14ac:dyDescent="0.25">
      <c r="A297" s="6">
        <v>2431.4389999999999</v>
      </c>
      <c r="B297" s="6">
        <v>830.83330000000001</v>
      </c>
      <c r="D297" s="6">
        <v>8038.4530000000004</v>
      </c>
      <c r="E297" s="6">
        <v>741.72109999999998</v>
      </c>
    </row>
    <row r="298" spans="1:5" x14ac:dyDescent="0.25">
      <c r="A298" s="6">
        <v>2031.566</v>
      </c>
      <c r="B298" s="6">
        <v>1705.402</v>
      </c>
      <c r="D298" s="6">
        <v>701.63610000000006</v>
      </c>
      <c r="E298" s="6">
        <v>1026.404</v>
      </c>
    </row>
    <row r="299" spans="1:5" x14ac:dyDescent="0.25">
      <c r="A299" s="6">
        <v>2460.9450000000002</v>
      </c>
      <c r="B299" s="6">
        <v>745.92700000000002</v>
      </c>
      <c r="D299" s="6">
        <v>795</v>
      </c>
      <c r="E299" s="6">
        <v>895.45299999999997</v>
      </c>
    </row>
    <row r="300" spans="1:5" x14ac:dyDescent="0.25">
      <c r="A300" s="6">
        <v>481.29169999999999</v>
      </c>
      <c r="B300" s="6">
        <v>1819.2950000000001</v>
      </c>
      <c r="D300" s="6">
        <v>780.7527</v>
      </c>
      <c r="E300" s="6">
        <v>493.73630000000003</v>
      </c>
    </row>
    <row r="301" spans="1:5" x14ac:dyDescent="0.25">
      <c r="A301" s="6">
        <v>2316.5100000000002</v>
      </c>
      <c r="B301" s="6">
        <v>894.35199999999998</v>
      </c>
      <c r="D301" s="6">
        <v>379.41500000000002</v>
      </c>
      <c r="E301" s="6">
        <v>561.67629999999997</v>
      </c>
    </row>
    <row r="302" spans="1:5" x14ac:dyDescent="0.25">
      <c r="A302" s="6">
        <v>3139.7249999999999</v>
      </c>
      <c r="B302" s="6">
        <v>1495.69</v>
      </c>
      <c r="D302" s="6">
        <v>5287.902</v>
      </c>
      <c r="E302" s="6">
        <v>925.56050000000005</v>
      </c>
    </row>
    <row r="303" spans="1:5" x14ac:dyDescent="0.25">
      <c r="A303" s="6">
        <v>2587.64</v>
      </c>
      <c r="B303" s="6">
        <v>844.45680000000004</v>
      </c>
      <c r="D303" s="6">
        <v>896.38070000000005</v>
      </c>
      <c r="E303" s="6">
        <v>861.88739999999996</v>
      </c>
    </row>
    <row r="304" spans="1:5" x14ac:dyDescent="0.25">
      <c r="A304" s="6">
        <v>2005.876</v>
      </c>
      <c r="B304" s="6">
        <v>819.57079999999996</v>
      </c>
      <c r="D304" s="6">
        <v>9609.1669999999995</v>
      </c>
      <c r="E304" s="6">
        <v>831.91669999999999</v>
      </c>
    </row>
    <row r="305" spans="1:5" x14ac:dyDescent="0.25">
      <c r="A305" s="6">
        <v>2602.058</v>
      </c>
      <c r="B305" s="6">
        <v>1088.498</v>
      </c>
      <c r="D305" s="6">
        <v>779.90610000000004</v>
      </c>
      <c r="E305" s="6">
        <v>745.65689999999995</v>
      </c>
    </row>
    <row r="306" spans="1:5" x14ac:dyDescent="0.25">
      <c r="A306" s="6">
        <v>2081.64</v>
      </c>
      <c r="B306" s="6">
        <v>135.006</v>
      </c>
      <c r="D306" s="6">
        <v>2686.5279999999998</v>
      </c>
      <c r="E306" s="6">
        <v>907.55150000000003</v>
      </c>
    </row>
    <row r="307" spans="1:5" x14ac:dyDescent="0.25">
      <c r="A307" s="6">
        <v>1803.8879999999999</v>
      </c>
      <c r="B307" s="6">
        <v>1108.6420000000001</v>
      </c>
      <c r="D307" s="6">
        <v>8082.5829999999996</v>
      </c>
      <c r="E307" s="6">
        <v>596.69970000000001</v>
      </c>
    </row>
    <row r="308" spans="1:5" x14ac:dyDescent="0.25">
      <c r="A308" s="6">
        <v>2179.2959999999998</v>
      </c>
      <c r="B308" s="6">
        <v>1123.25</v>
      </c>
      <c r="D308" s="6">
        <v>883.53830000000005</v>
      </c>
      <c r="E308" s="6">
        <v>627.21429999999998</v>
      </c>
    </row>
    <row r="309" spans="1:5" x14ac:dyDescent="0.25">
      <c r="A309" s="6">
        <v>1725.425</v>
      </c>
      <c r="B309" s="6">
        <v>154.52590000000001</v>
      </c>
      <c r="D309" s="6">
        <v>378.32249999999999</v>
      </c>
      <c r="E309" s="6">
        <v>1112.537</v>
      </c>
    </row>
    <row r="310" spans="1:5" x14ac:dyDescent="0.25">
      <c r="A310" s="6">
        <v>2912.375</v>
      </c>
      <c r="B310" s="6">
        <v>2419.5790000000002</v>
      </c>
      <c r="D310" s="6">
        <v>673.19550000000004</v>
      </c>
      <c r="E310" s="6">
        <v>768.75639999999999</v>
      </c>
    </row>
    <row r="311" spans="1:5" x14ac:dyDescent="0.25">
      <c r="A311" s="6">
        <v>2069.6010000000001</v>
      </c>
      <c r="B311" s="6">
        <v>385</v>
      </c>
      <c r="D311" s="6">
        <v>1005.623</v>
      </c>
      <c r="E311" s="6">
        <v>798.52520000000004</v>
      </c>
    </row>
    <row r="312" spans="1:5" x14ac:dyDescent="0.25">
      <c r="A312" s="6">
        <v>2050.6410000000001</v>
      </c>
      <c r="B312" s="6">
        <v>1346.0419999999999</v>
      </c>
      <c r="D312" s="6">
        <v>912.51660000000004</v>
      </c>
      <c r="E312" s="6">
        <v>967.5</v>
      </c>
    </row>
    <row r="313" spans="1:5" x14ac:dyDescent="0.25">
      <c r="A313" s="6">
        <v>2118.4180000000001</v>
      </c>
      <c r="B313" s="6">
        <v>758.375</v>
      </c>
      <c r="D313" s="6">
        <v>592.51900000000001</v>
      </c>
      <c r="E313" s="6">
        <v>785.5222</v>
      </c>
    </row>
    <row r="314" spans="1:5" x14ac:dyDescent="0.25">
      <c r="A314" s="6">
        <v>3076.0479999999998</v>
      </c>
      <c r="B314" s="6">
        <v>1509.97</v>
      </c>
      <c r="D314" s="6">
        <v>1114.579</v>
      </c>
      <c r="E314" s="6">
        <v>2647.982</v>
      </c>
    </row>
    <row r="315" spans="1:5" x14ac:dyDescent="0.25">
      <c r="A315" s="6">
        <v>1803.021</v>
      </c>
      <c r="B315" s="6">
        <v>921.12360000000001</v>
      </c>
      <c r="D315" s="6">
        <v>824.1454</v>
      </c>
      <c r="E315" s="6">
        <v>1005.215</v>
      </c>
    </row>
    <row r="316" spans="1:5" x14ac:dyDescent="0.25">
      <c r="A316" s="6">
        <v>3399.4609999999998</v>
      </c>
      <c r="B316" s="6">
        <v>1777.768</v>
      </c>
      <c r="D316" s="6">
        <v>630.952</v>
      </c>
      <c r="E316" s="6">
        <v>692.94420000000002</v>
      </c>
    </row>
    <row r="317" spans="1:5" x14ac:dyDescent="0.25">
      <c r="A317" s="6">
        <v>2849.3449999999998</v>
      </c>
      <c r="B317" s="6">
        <v>1088.0239999999999</v>
      </c>
      <c r="D317" s="6">
        <v>665.96090000000004</v>
      </c>
      <c r="E317" s="6">
        <v>917.55370000000005</v>
      </c>
    </row>
    <row r="318" spans="1:5" x14ac:dyDescent="0.25">
      <c r="A318" s="6">
        <v>3137.6129999999998</v>
      </c>
      <c r="B318" s="6">
        <v>1336.367</v>
      </c>
      <c r="D318" s="6">
        <v>797.68520000000001</v>
      </c>
      <c r="E318" s="6">
        <v>816.40099999999995</v>
      </c>
    </row>
    <row r="319" spans="1:5" x14ac:dyDescent="0.25">
      <c r="A319" s="6">
        <v>1944.5119999999999</v>
      </c>
      <c r="B319" s="6">
        <v>1267.3579999999999</v>
      </c>
      <c r="D319" s="6">
        <v>11058.58</v>
      </c>
      <c r="E319" s="6">
        <v>1496.453</v>
      </c>
    </row>
    <row r="320" spans="1:5" x14ac:dyDescent="0.25">
      <c r="A320" s="6">
        <v>2115.652</v>
      </c>
      <c r="B320" s="6">
        <v>1330.6110000000001</v>
      </c>
      <c r="D320" s="6">
        <v>944.47730000000001</v>
      </c>
      <c r="E320" s="6">
        <v>1088.559</v>
      </c>
    </row>
    <row r="321" spans="1:5" x14ac:dyDescent="0.25">
      <c r="A321" s="6">
        <v>599.93510000000003</v>
      </c>
      <c r="B321" s="6">
        <v>1722.4739999999999</v>
      </c>
      <c r="D321" s="6">
        <v>765.02160000000003</v>
      </c>
      <c r="E321" s="6">
        <v>1349.433</v>
      </c>
    </row>
    <row r="322" spans="1:5" x14ac:dyDescent="0.25">
      <c r="A322" s="6">
        <v>2738.6179999999999</v>
      </c>
      <c r="B322" s="6">
        <v>1160.4749999999999</v>
      </c>
      <c r="D322" s="6">
        <v>3312.7759999999998</v>
      </c>
      <c r="E322" s="6">
        <v>814.08529999999996</v>
      </c>
    </row>
    <row r="323" spans="1:5" x14ac:dyDescent="0.25">
      <c r="A323" s="6">
        <v>2084.922</v>
      </c>
      <c r="B323" s="6">
        <v>1247.4639999999999</v>
      </c>
      <c r="D323" s="6">
        <v>756.5865</v>
      </c>
      <c r="E323" s="6">
        <v>624.21600000000001</v>
      </c>
    </row>
    <row r="324" spans="1:5" x14ac:dyDescent="0.25">
      <c r="A324" s="6">
        <v>1250.4059999999999</v>
      </c>
      <c r="B324" s="6">
        <v>654.76530000000002</v>
      </c>
      <c r="D324" s="6">
        <v>1245.558</v>
      </c>
      <c r="E324" s="6">
        <v>800.76130000000001</v>
      </c>
    </row>
    <row r="325" spans="1:5" x14ac:dyDescent="0.25">
      <c r="A325" s="6">
        <v>2323.692</v>
      </c>
      <c r="B325" s="6">
        <v>696.08100000000002</v>
      </c>
      <c r="D325" s="6">
        <v>2689.0169999999998</v>
      </c>
      <c r="E325" s="6">
        <v>1175.82</v>
      </c>
    </row>
    <row r="326" spans="1:5" x14ac:dyDescent="0.25">
      <c r="A326" s="6">
        <v>2208.8690000000001</v>
      </c>
      <c r="B326" s="6">
        <v>797.04219999999998</v>
      </c>
      <c r="D326" s="6">
        <v>972.61189999999999</v>
      </c>
      <c r="E326" s="6">
        <v>852.96079999999995</v>
      </c>
    </row>
    <row r="327" spans="1:5" x14ac:dyDescent="0.25">
      <c r="A327" s="6">
        <v>1963.625</v>
      </c>
      <c r="B327" s="6">
        <v>1568.89</v>
      </c>
      <c r="D327" s="6">
        <v>1189.82</v>
      </c>
      <c r="E327" s="6">
        <v>915.69420000000002</v>
      </c>
    </row>
    <row r="328" spans="1:5" x14ac:dyDescent="0.25">
      <c r="A328" s="6">
        <v>1886.624</v>
      </c>
      <c r="B328" s="6">
        <v>1256.058</v>
      </c>
      <c r="D328" s="6">
        <v>740.82349999999997</v>
      </c>
      <c r="E328" s="6">
        <v>954.03530000000001</v>
      </c>
    </row>
    <row r="329" spans="1:5" x14ac:dyDescent="0.25">
      <c r="A329" s="6">
        <v>2146.56</v>
      </c>
      <c r="B329" s="6">
        <v>993.26300000000003</v>
      </c>
      <c r="D329" s="6">
        <v>1035.095</v>
      </c>
      <c r="E329" s="6">
        <v>798.03880000000004</v>
      </c>
    </row>
    <row r="330" spans="1:5" x14ac:dyDescent="0.25">
      <c r="A330" s="6">
        <v>2773.8820000000001</v>
      </c>
      <c r="B330" s="6">
        <v>1702.8389999999999</v>
      </c>
      <c r="D330" s="6">
        <v>1555.8330000000001</v>
      </c>
      <c r="E330" s="6">
        <v>956.85500000000002</v>
      </c>
    </row>
    <row r="331" spans="1:5" x14ac:dyDescent="0.25">
      <c r="A331" s="6">
        <v>1809.943</v>
      </c>
      <c r="B331" s="6">
        <v>1142.1690000000001</v>
      </c>
      <c r="D331" s="6">
        <v>6723.7269999999999</v>
      </c>
      <c r="E331" s="6">
        <v>635.01829999999995</v>
      </c>
    </row>
    <row r="332" spans="1:5" x14ac:dyDescent="0.25">
      <c r="A332" s="6">
        <v>1180.355</v>
      </c>
      <c r="B332" s="6">
        <v>1322.7629999999999</v>
      </c>
      <c r="D332" s="6">
        <v>9449.8209999999999</v>
      </c>
      <c r="E332" s="6">
        <v>1698.425</v>
      </c>
    </row>
    <row r="333" spans="1:5" x14ac:dyDescent="0.25">
      <c r="A333" s="6">
        <v>1482.9929999999999</v>
      </c>
      <c r="B333" s="6">
        <v>1361.8679999999999</v>
      </c>
      <c r="D333" s="6">
        <v>1179.444</v>
      </c>
      <c r="E333" s="6">
        <v>799.06349999999998</v>
      </c>
    </row>
    <row r="334" spans="1:5" x14ac:dyDescent="0.25">
      <c r="A334" s="6">
        <v>1504.3040000000001</v>
      </c>
      <c r="B334" s="6">
        <v>944.87</v>
      </c>
      <c r="D334" s="6">
        <v>1030.472</v>
      </c>
      <c r="E334" s="6">
        <v>940.17669999999998</v>
      </c>
    </row>
    <row r="335" spans="1:5" x14ac:dyDescent="0.25">
      <c r="A335" s="6">
        <v>1575.2950000000001</v>
      </c>
      <c r="B335" s="6">
        <v>2051.3969999999999</v>
      </c>
      <c r="D335" s="6">
        <v>970.09460000000001</v>
      </c>
      <c r="E335" s="6">
        <v>585.06280000000004</v>
      </c>
    </row>
    <row r="336" spans="1:5" x14ac:dyDescent="0.25">
      <c r="A336" s="6">
        <v>429.53750000000002</v>
      </c>
      <c r="B336" s="6">
        <v>2048.1370000000002</v>
      </c>
      <c r="D336" s="6">
        <v>940.30200000000002</v>
      </c>
      <c r="E336" s="6">
        <v>687.0942</v>
      </c>
    </row>
    <row r="337" spans="1:5" x14ac:dyDescent="0.25">
      <c r="A337" s="6">
        <v>1088.3420000000001</v>
      </c>
      <c r="B337" s="6">
        <v>1151.5050000000001</v>
      </c>
      <c r="D337" s="6">
        <v>735.29349999999999</v>
      </c>
      <c r="E337" s="6">
        <v>1026.787</v>
      </c>
    </row>
    <row r="338" spans="1:5" x14ac:dyDescent="0.25">
      <c r="A338" s="6">
        <v>1356.365</v>
      </c>
      <c r="B338" s="6">
        <v>993.05849999999998</v>
      </c>
      <c r="D338" s="6">
        <v>503.33780000000002</v>
      </c>
      <c r="E338" s="6">
        <v>773.04079999999999</v>
      </c>
    </row>
    <row r="339" spans="1:5" x14ac:dyDescent="0.25">
      <c r="A339" s="6">
        <v>1075.866</v>
      </c>
      <c r="B339" s="6">
        <v>2818.3389999999999</v>
      </c>
      <c r="D339" s="6">
        <v>3976.7689999999998</v>
      </c>
      <c r="E339" s="6">
        <v>798.84590000000003</v>
      </c>
    </row>
    <row r="340" spans="1:5" x14ac:dyDescent="0.25">
      <c r="A340" s="6">
        <v>2055.3209999999999</v>
      </c>
      <c r="B340" s="6">
        <v>564.60580000000004</v>
      </c>
      <c r="D340" s="6">
        <v>10296.27</v>
      </c>
      <c r="E340" s="6">
        <v>693.14149999999995</v>
      </c>
    </row>
    <row r="341" spans="1:5" x14ac:dyDescent="0.25">
      <c r="A341" s="6">
        <v>2445.3879999999999</v>
      </c>
      <c r="B341" s="6">
        <v>1718.22</v>
      </c>
      <c r="D341" s="6">
        <v>2145.1750000000002</v>
      </c>
      <c r="E341" s="6">
        <v>794.22389999999996</v>
      </c>
    </row>
    <row r="342" spans="1:5" x14ac:dyDescent="0.25">
      <c r="A342" s="6">
        <v>1931.9929999999999</v>
      </c>
      <c r="B342" s="6">
        <v>1421.3119999999999</v>
      </c>
      <c r="D342" s="6">
        <v>1211.038</v>
      </c>
      <c r="E342" s="6">
        <v>1181.1980000000001</v>
      </c>
    </row>
    <row r="343" spans="1:5" x14ac:dyDescent="0.25">
      <c r="A343" s="6">
        <v>2101.605</v>
      </c>
      <c r="B343" s="6">
        <v>995.03269999999998</v>
      </c>
      <c r="D343" s="6">
        <v>833.74379999999996</v>
      </c>
      <c r="E343" s="6">
        <v>757.678</v>
      </c>
    </row>
    <row r="344" spans="1:5" x14ac:dyDescent="0.25">
      <c r="A344" s="6">
        <v>2162.8820000000001</v>
      </c>
      <c r="B344" s="6">
        <v>1196.942</v>
      </c>
      <c r="D344" s="6">
        <v>822.46289999999999</v>
      </c>
      <c r="E344" s="6">
        <v>527.71969999999999</v>
      </c>
    </row>
    <row r="345" spans="1:5" x14ac:dyDescent="0.25">
      <c r="A345" s="6">
        <v>1541.326</v>
      </c>
      <c r="B345" s="6">
        <v>1118.3620000000001</v>
      </c>
      <c r="D345" s="6">
        <v>3992.114</v>
      </c>
      <c r="E345" s="6">
        <v>825.803</v>
      </c>
    </row>
    <row r="346" spans="1:5" x14ac:dyDescent="0.25">
      <c r="A346" s="6">
        <v>2363.636</v>
      </c>
      <c r="B346" s="6">
        <v>1154.5350000000001</v>
      </c>
      <c r="D346" s="6">
        <v>961.21370000000002</v>
      </c>
      <c r="E346" s="6">
        <v>921.60509999999999</v>
      </c>
    </row>
    <row r="347" spans="1:5" x14ac:dyDescent="0.25">
      <c r="A347" s="6">
        <v>1838.319</v>
      </c>
      <c r="B347" s="6">
        <v>2206.8359999999998</v>
      </c>
      <c r="D347" s="6">
        <v>619.78570000000002</v>
      </c>
      <c r="E347" s="6">
        <v>1508.422</v>
      </c>
    </row>
    <row r="348" spans="1:5" x14ac:dyDescent="0.25">
      <c r="A348" s="6">
        <v>2663.4949999999999</v>
      </c>
      <c r="B348" s="6">
        <v>479.6644</v>
      </c>
      <c r="D348" s="6">
        <v>16383</v>
      </c>
      <c r="E348" s="6">
        <v>470.67149999999998</v>
      </c>
    </row>
    <row r="349" spans="1:5" x14ac:dyDescent="0.25">
      <c r="A349" s="6">
        <v>1595.1990000000001</v>
      </c>
      <c r="B349" s="6">
        <v>2283.0169999999998</v>
      </c>
      <c r="D349" s="6">
        <v>575.88789999999995</v>
      </c>
      <c r="E349" s="6">
        <v>838.34209999999996</v>
      </c>
    </row>
    <row r="350" spans="1:5" x14ac:dyDescent="0.25">
      <c r="A350" s="6">
        <v>1667.309</v>
      </c>
      <c r="B350" s="6">
        <v>1483.211</v>
      </c>
      <c r="D350" s="6">
        <v>7613.933</v>
      </c>
      <c r="E350" s="6">
        <v>1080.2560000000001</v>
      </c>
    </row>
    <row r="351" spans="1:5" x14ac:dyDescent="0.25">
      <c r="A351" s="6">
        <v>472.4248</v>
      </c>
      <c r="B351" s="6">
        <v>854.82550000000003</v>
      </c>
      <c r="D351" s="6">
        <v>920.94749999999999</v>
      </c>
      <c r="E351" s="6">
        <v>1041.25</v>
      </c>
    </row>
    <row r="352" spans="1:5" x14ac:dyDescent="0.25">
      <c r="A352" s="6">
        <v>836.84839999999997</v>
      </c>
      <c r="B352" s="6">
        <v>1707.3489999999999</v>
      </c>
      <c r="D352" s="6">
        <v>710.8</v>
      </c>
      <c r="E352" s="6">
        <v>904.07219999999995</v>
      </c>
    </row>
    <row r="353" spans="1:5" x14ac:dyDescent="0.25">
      <c r="A353" s="6">
        <v>2515.3989999999999</v>
      </c>
      <c r="B353" s="6">
        <v>139.95429999999999</v>
      </c>
      <c r="D353" s="6">
        <v>463.15469999999999</v>
      </c>
      <c r="E353" s="6">
        <v>1081.6500000000001</v>
      </c>
    </row>
    <row r="354" spans="1:5" x14ac:dyDescent="0.25">
      <c r="A354" s="6">
        <v>1703.318</v>
      </c>
      <c r="B354" s="6">
        <v>1268.289</v>
      </c>
      <c r="D354" s="6">
        <v>1057.133</v>
      </c>
      <c r="E354" s="6">
        <v>873.399</v>
      </c>
    </row>
    <row r="355" spans="1:5" x14ac:dyDescent="0.25">
      <c r="A355" s="6">
        <v>2600.3850000000002</v>
      </c>
      <c r="B355" s="6">
        <v>1209.251</v>
      </c>
      <c r="D355" s="6">
        <v>545.19560000000001</v>
      </c>
      <c r="E355" s="6">
        <v>905.55340000000001</v>
      </c>
    </row>
    <row r="356" spans="1:5" x14ac:dyDescent="0.25">
      <c r="A356" s="6">
        <v>1288.7439999999999</v>
      </c>
      <c r="B356" s="6">
        <v>849.70370000000003</v>
      </c>
      <c r="D356" s="6">
        <v>826.29899999999998</v>
      </c>
      <c r="E356" s="6">
        <v>839.22580000000005</v>
      </c>
    </row>
    <row r="357" spans="1:5" x14ac:dyDescent="0.25">
      <c r="A357" s="6">
        <v>2070.973</v>
      </c>
      <c r="B357" s="6">
        <v>750.32619999999997</v>
      </c>
      <c r="D357" s="6">
        <v>591.40840000000003</v>
      </c>
      <c r="E357" s="6">
        <v>1142.329</v>
      </c>
    </row>
    <row r="358" spans="1:5" x14ac:dyDescent="0.25">
      <c r="A358" s="6">
        <v>1557.498</v>
      </c>
      <c r="B358" s="6">
        <v>1531.829</v>
      </c>
      <c r="D358" s="6">
        <v>798.05899999999997</v>
      </c>
      <c r="E358" s="6">
        <v>1083.1880000000001</v>
      </c>
    </row>
    <row r="359" spans="1:5" x14ac:dyDescent="0.25">
      <c r="A359" s="6">
        <v>1863.7370000000001</v>
      </c>
      <c r="B359" s="6">
        <v>1282.6189999999999</v>
      </c>
      <c r="D359" s="6">
        <v>918.78949999999998</v>
      </c>
      <c r="E359" s="6">
        <v>688.87339999999995</v>
      </c>
    </row>
    <row r="360" spans="1:5" x14ac:dyDescent="0.25">
      <c r="A360" s="6">
        <v>598.45960000000002</v>
      </c>
      <c r="B360" s="6">
        <v>2202.6289999999999</v>
      </c>
      <c r="D360" s="6">
        <v>1020.192</v>
      </c>
      <c r="E360" s="6">
        <v>937.79970000000003</v>
      </c>
    </row>
    <row r="361" spans="1:5" x14ac:dyDescent="0.25">
      <c r="A361" s="6">
        <v>2472.4229999999998</v>
      </c>
      <c r="B361" s="6">
        <v>1227.1769999999999</v>
      </c>
      <c r="D361" s="6">
        <v>11664.77</v>
      </c>
      <c r="E361" s="6">
        <v>959.72339999999997</v>
      </c>
    </row>
    <row r="362" spans="1:5" x14ac:dyDescent="0.25">
      <c r="A362" s="6">
        <v>1676.9559999999999</v>
      </c>
      <c r="B362" s="6">
        <v>1158.806</v>
      </c>
      <c r="D362" s="6">
        <v>505.8716</v>
      </c>
      <c r="E362" s="6">
        <v>739.98</v>
      </c>
    </row>
    <row r="363" spans="1:5" x14ac:dyDescent="0.25">
      <c r="A363" s="6">
        <v>1809.9690000000001</v>
      </c>
      <c r="B363" s="6">
        <v>958.00559999999996</v>
      </c>
      <c r="D363" s="6">
        <v>758.04020000000003</v>
      </c>
      <c r="E363" s="6">
        <v>770.47879999999998</v>
      </c>
    </row>
    <row r="364" spans="1:5" x14ac:dyDescent="0.25">
      <c r="A364" s="6">
        <v>1096.3510000000001</v>
      </c>
      <c r="B364" s="6">
        <v>954.66430000000003</v>
      </c>
      <c r="D364" s="6">
        <v>512</v>
      </c>
      <c r="E364" s="6">
        <v>937.45929999999998</v>
      </c>
    </row>
    <row r="365" spans="1:5" x14ac:dyDescent="0.25">
      <c r="A365" s="6">
        <v>1270.6310000000001</v>
      </c>
      <c r="B365" s="6">
        <v>1017.506</v>
      </c>
      <c r="D365" s="6">
        <v>936.12070000000006</v>
      </c>
      <c r="E365" s="6">
        <v>1050.2360000000001</v>
      </c>
    </row>
    <row r="366" spans="1:5" x14ac:dyDescent="0.25">
      <c r="A366" s="6">
        <v>415.0127</v>
      </c>
      <c r="B366" s="6">
        <v>987.16200000000003</v>
      </c>
      <c r="D366" s="6">
        <v>9596.2720000000008</v>
      </c>
      <c r="E366" s="6">
        <v>923.4461</v>
      </c>
    </row>
    <row r="367" spans="1:5" x14ac:dyDescent="0.25">
      <c r="A367" s="6">
        <v>1837.2449999999999</v>
      </c>
      <c r="B367" s="6">
        <v>1515.6510000000001</v>
      </c>
      <c r="D367" s="6">
        <v>979.76739999999995</v>
      </c>
      <c r="E367" s="6">
        <v>893.20740000000001</v>
      </c>
    </row>
    <row r="368" spans="1:5" x14ac:dyDescent="0.25">
      <c r="A368" s="6">
        <v>126.87909999999999</v>
      </c>
      <c r="B368" s="6">
        <v>1084.704</v>
      </c>
      <c r="D368" s="6">
        <v>495.9871</v>
      </c>
      <c r="E368" s="6">
        <v>813.12019999999995</v>
      </c>
    </row>
    <row r="369" spans="1:5" x14ac:dyDescent="0.25">
      <c r="A369" s="6">
        <v>4053.75</v>
      </c>
      <c r="B369" s="6">
        <v>1332.451</v>
      </c>
      <c r="D369" s="6">
        <v>837.99770000000001</v>
      </c>
      <c r="E369" s="6">
        <v>857.14170000000001</v>
      </c>
    </row>
    <row r="370" spans="1:5" x14ac:dyDescent="0.25">
      <c r="A370" s="6">
        <v>3875.6030000000001</v>
      </c>
      <c r="B370" s="6">
        <v>916.12080000000003</v>
      </c>
      <c r="D370" s="6">
        <v>552.27560000000005</v>
      </c>
      <c r="E370" s="6">
        <v>1250</v>
      </c>
    </row>
    <row r="371" spans="1:5" x14ac:dyDescent="0.25">
      <c r="A371" s="6">
        <v>2389.3490000000002</v>
      </c>
      <c r="B371" s="6">
        <v>716.19970000000001</v>
      </c>
      <c r="D371" s="6">
        <v>555.64350000000002</v>
      </c>
      <c r="E371" s="6">
        <v>1029.0809999999999</v>
      </c>
    </row>
    <row r="372" spans="1:5" x14ac:dyDescent="0.25">
      <c r="A372" s="6">
        <v>1809.114</v>
      </c>
      <c r="B372" s="6">
        <v>1248.7090000000001</v>
      </c>
      <c r="D372" s="6">
        <v>13876.67</v>
      </c>
      <c r="E372" s="6">
        <v>846.7</v>
      </c>
    </row>
    <row r="373" spans="1:5" x14ac:dyDescent="0.25">
      <c r="A373" s="6">
        <v>743.63639999999998</v>
      </c>
      <c r="B373" s="6">
        <v>764.77589999999998</v>
      </c>
      <c r="D373" s="6">
        <v>7276.1670000000004</v>
      </c>
      <c r="E373" s="6">
        <v>792.69770000000005</v>
      </c>
    </row>
    <row r="374" spans="1:5" x14ac:dyDescent="0.25">
      <c r="A374" s="6">
        <v>1496.0229999999999</v>
      </c>
      <c r="B374" s="6">
        <v>1035.99</v>
      </c>
      <c r="D374" s="6">
        <v>781.05840000000001</v>
      </c>
      <c r="E374" s="6">
        <v>683.67020000000002</v>
      </c>
    </row>
    <row r="375" spans="1:5" x14ac:dyDescent="0.25">
      <c r="A375" s="6">
        <v>1489.596</v>
      </c>
      <c r="B375" s="6">
        <v>1627.2719999999999</v>
      </c>
      <c r="D375" s="6">
        <v>1087.55</v>
      </c>
      <c r="E375" s="6">
        <v>685.23109999999997</v>
      </c>
    </row>
    <row r="376" spans="1:5" x14ac:dyDescent="0.25">
      <c r="A376" s="6">
        <v>1369.0219999999999</v>
      </c>
      <c r="B376" s="6">
        <v>1102.056</v>
      </c>
      <c r="D376" s="6">
        <v>2558.607</v>
      </c>
      <c r="E376" s="6">
        <v>1111.4860000000001</v>
      </c>
    </row>
    <row r="377" spans="1:5" x14ac:dyDescent="0.25">
      <c r="A377" s="6">
        <v>458.20499999999998</v>
      </c>
      <c r="B377" s="6">
        <v>1522.4390000000001</v>
      </c>
      <c r="D377" s="6">
        <v>687.2</v>
      </c>
      <c r="E377" s="6">
        <v>862.18340000000001</v>
      </c>
    </row>
    <row r="378" spans="1:5" x14ac:dyDescent="0.25">
      <c r="A378" s="6">
        <v>1661.298</v>
      </c>
      <c r="B378" s="6">
        <v>1293.72</v>
      </c>
      <c r="D378" s="6">
        <v>847.51949999999999</v>
      </c>
      <c r="E378" s="6">
        <v>1108.011</v>
      </c>
    </row>
    <row r="379" spans="1:5" x14ac:dyDescent="0.25">
      <c r="A379" s="6">
        <v>1291.01</v>
      </c>
      <c r="B379" s="6">
        <v>657.19560000000001</v>
      </c>
      <c r="D379" s="6">
        <v>1678.777</v>
      </c>
      <c r="E379" s="6">
        <v>919.94860000000006</v>
      </c>
    </row>
    <row r="380" spans="1:5" x14ac:dyDescent="0.25">
      <c r="A380" s="6">
        <v>458.24919999999997</v>
      </c>
      <c r="B380" s="6">
        <v>805.27980000000002</v>
      </c>
      <c r="D380" s="6">
        <v>1561</v>
      </c>
      <c r="E380" s="6">
        <v>858.36869999999999</v>
      </c>
    </row>
    <row r="381" spans="1:5" x14ac:dyDescent="0.25">
      <c r="A381" s="6">
        <v>602.53549999999996</v>
      </c>
      <c r="B381" s="6">
        <v>1367.896</v>
      </c>
      <c r="D381" s="6">
        <v>719.58759999999995</v>
      </c>
      <c r="E381" s="6">
        <v>1013.329</v>
      </c>
    </row>
    <row r="382" spans="1:5" x14ac:dyDescent="0.25">
      <c r="A382" s="6">
        <v>1288.7059999999999</v>
      </c>
      <c r="B382" s="6">
        <v>1477.921</v>
      </c>
      <c r="D382" s="6">
        <v>605.51930000000004</v>
      </c>
      <c r="E382" s="6">
        <v>775.94370000000004</v>
      </c>
    </row>
    <row r="383" spans="1:5" x14ac:dyDescent="0.25">
      <c r="A383" s="6">
        <v>1378.78</v>
      </c>
      <c r="B383" s="6">
        <v>1060.0029999999999</v>
      </c>
      <c r="D383" s="6">
        <v>1348.009</v>
      </c>
      <c r="E383" s="6">
        <v>1054.1210000000001</v>
      </c>
    </row>
    <row r="384" spans="1:5" x14ac:dyDescent="0.25">
      <c r="A384" s="6">
        <v>160.1679</v>
      </c>
      <c r="B384" s="6">
        <v>921.64139999999998</v>
      </c>
      <c r="D384" s="6">
        <v>3532.3330000000001</v>
      </c>
      <c r="E384" s="6">
        <v>710.57510000000002</v>
      </c>
    </row>
    <row r="385" spans="1:5" x14ac:dyDescent="0.25">
      <c r="A385" s="6">
        <v>1860.4190000000001</v>
      </c>
      <c r="B385" s="6">
        <v>818.7423</v>
      </c>
      <c r="D385" s="6">
        <v>1066.8969999999999</v>
      </c>
      <c r="E385" s="6">
        <v>738.04840000000002</v>
      </c>
    </row>
    <row r="386" spans="1:5" x14ac:dyDescent="0.25">
      <c r="A386" s="6">
        <v>540.5</v>
      </c>
      <c r="B386" s="6">
        <v>1183.354</v>
      </c>
      <c r="D386" s="6">
        <v>626.71749999999997</v>
      </c>
      <c r="E386" s="6">
        <v>978.67970000000003</v>
      </c>
    </row>
    <row r="387" spans="1:5" x14ac:dyDescent="0.25">
      <c r="A387" s="6">
        <v>2614.194</v>
      </c>
      <c r="B387" s="6">
        <v>1613.799</v>
      </c>
      <c r="D387" s="6">
        <v>9047.6640000000007</v>
      </c>
      <c r="E387" s="6">
        <v>976.75130000000001</v>
      </c>
    </row>
    <row r="388" spans="1:5" x14ac:dyDescent="0.25">
      <c r="A388" s="6">
        <v>1288.3</v>
      </c>
      <c r="B388" s="6">
        <v>1479.0719999999999</v>
      </c>
      <c r="D388" s="6">
        <v>1330.933</v>
      </c>
      <c r="E388" s="6">
        <v>1342.5</v>
      </c>
    </row>
    <row r="389" spans="1:5" x14ac:dyDescent="0.25">
      <c r="A389" s="6">
        <v>3222.8620000000001</v>
      </c>
      <c r="B389" s="6">
        <v>1574.6389999999999</v>
      </c>
      <c r="D389" s="6">
        <v>1013.544</v>
      </c>
      <c r="E389" s="6">
        <v>808.07600000000002</v>
      </c>
    </row>
    <row r="390" spans="1:5" x14ac:dyDescent="0.25">
      <c r="A390" s="6">
        <v>474.74669999999998</v>
      </c>
      <c r="B390" s="6">
        <v>1150.2729999999999</v>
      </c>
      <c r="D390" s="6">
        <v>10575.19</v>
      </c>
      <c r="E390" s="6">
        <v>932.14610000000005</v>
      </c>
    </row>
    <row r="391" spans="1:5" x14ac:dyDescent="0.25">
      <c r="A391" s="6">
        <v>1583.4880000000001</v>
      </c>
      <c r="B391" s="6">
        <v>802.03380000000004</v>
      </c>
      <c r="D391" s="6">
        <v>733.66669999999999</v>
      </c>
      <c r="E391" s="6">
        <v>994.68529999999998</v>
      </c>
    </row>
    <row r="392" spans="1:5" x14ac:dyDescent="0.25">
      <c r="A392" s="6">
        <v>1462.421</v>
      </c>
      <c r="B392" s="6">
        <v>1204.1120000000001</v>
      </c>
      <c r="D392" s="6">
        <v>862.66459999999995</v>
      </c>
      <c r="E392" s="6">
        <v>1142.8119999999999</v>
      </c>
    </row>
    <row r="393" spans="1:5" x14ac:dyDescent="0.25">
      <c r="A393" s="6">
        <v>1275.471</v>
      </c>
      <c r="B393" s="6">
        <v>1915.33</v>
      </c>
      <c r="D393" s="6">
        <v>689.79660000000001</v>
      </c>
      <c r="E393" s="6">
        <v>949.62180000000001</v>
      </c>
    </row>
    <row r="394" spans="1:5" x14ac:dyDescent="0.25">
      <c r="A394" s="6">
        <v>1181.8820000000001</v>
      </c>
      <c r="B394" s="6">
        <v>1117.7339999999999</v>
      </c>
      <c r="D394" s="6">
        <v>540.31439999999998</v>
      </c>
      <c r="E394" s="6">
        <v>990.44460000000004</v>
      </c>
    </row>
    <row r="395" spans="1:5" x14ac:dyDescent="0.25">
      <c r="A395" s="6">
        <v>568.00609999999995</v>
      </c>
      <c r="B395" s="6">
        <v>1725.7449999999999</v>
      </c>
      <c r="D395" s="6">
        <v>10319.5</v>
      </c>
      <c r="E395" s="6">
        <v>826.12570000000005</v>
      </c>
    </row>
    <row r="396" spans="1:5" x14ac:dyDescent="0.25">
      <c r="A396" s="6">
        <v>973.0539</v>
      </c>
      <c r="B396" s="6">
        <v>906.6259</v>
      </c>
      <c r="D396" s="6">
        <v>935.25699999999995</v>
      </c>
      <c r="E396" s="6">
        <v>406.71429999999998</v>
      </c>
    </row>
    <row r="397" spans="1:5" x14ac:dyDescent="0.25">
      <c r="A397" s="6">
        <v>541.81039999999996</v>
      </c>
      <c r="B397" s="6">
        <v>861.3537</v>
      </c>
      <c r="D397" s="6">
        <v>517.79690000000005</v>
      </c>
      <c r="E397" s="6">
        <v>442.70240000000001</v>
      </c>
    </row>
    <row r="398" spans="1:5" x14ac:dyDescent="0.25">
      <c r="A398" s="6">
        <v>1300.672</v>
      </c>
      <c r="B398" s="6">
        <v>952.87289999999996</v>
      </c>
      <c r="D398" s="6">
        <v>717.75</v>
      </c>
      <c r="E398" s="6">
        <v>992.57339999999999</v>
      </c>
    </row>
    <row r="399" spans="1:5" x14ac:dyDescent="0.25">
      <c r="A399" s="6">
        <v>1345.519</v>
      </c>
      <c r="B399" s="6">
        <v>762.66510000000005</v>
      </c>
      <c r="D399" s="6">
        <v>10016.1</v>
      </c>
      <c r="E399" s="6">
        <v>991.81269999999995</v>
      </c>
    </row>
    <row r="400" spans="1:5" x14ac:dyDescent="0.25">
      <c r="A400" s="6">
        <v>1076.338</v>
      </c>
      <c r="B400" s="6">
        <v>1955.761</v>
      </c>
      <c r="D400" s="6">
        <v>7800.25</v>
      </c>
      <c r="E400" s="6">
        <v>1093.3889999999999</v>
      </c>
    </row>
    <row r="401" spans="1:5" x14ac:dyDescent="0.25">
      <c r="A401" s="6">
        <v>2625.8310000000001</v>
      </c>
      <c r="B401" s="6">
        <v>1121.0930000000001</v>
      </c>
      <c r="D401" s="6">
        <v>650.77059999999994</v>
      </c>
      <c r="E401" s="6">
        <v>1241</v>
      </c>
    </row>
    <row r="402" spans="1:5" x14ac:dyDescent="0.25">
      <c r="A402" s="6">
        <v>979.55269999999996</v>
      </c>
      <c r="B402" s="6">
        <v>561.05229999999995</v>
      </c>
      <c r="D402" s="6">
        <v>655.01319999999998</v>
      </c>
      <c r="E402" s="6">
        <v>1001.371</v>
      </c>
    </row>
    <row r="403" spans="1:5" x14ac:dyDescent="0.25">
      <c r="A403" s="6">
        <v>1039.1990000000001</v>
      </c>
      <c r="B403" s="6">
        <v>569.03449999999998</v>
      </c>
      <c r="D403" s="6">
        <v>928.16700000000003</v>
      </c>
      <c r="E403" s="6">
        <v>574.5951</v>
      </c>
    </row>
    <row r="404" spans="1:5" x14ac:dyDescent="0.25">
      <c r="A404" s="6">
        <v>2182.8040000000001</v>
      </c>
      <c r="B404" s="6">
        <v>693.32770000000005</v>
      </c>
      <c r="D404" s="6">
        <v>554.68880000000001</v>
      </c>
      <c r="E404" s="6">
        <v>1094.155</v>
      </c>
    </row>
    <row r="405" spans="1:5" x14ac:dyDescent="0.25">
      <c r="A405" s="6">
        <v>1218.9480000000001</v>
      </c>
      <c r="B405" s="6">
        <v>696.85479999999995</v>
      </c>
      <c r="D405" s="6">
        <v>999.73130000000003</v>
      </c>
      <c r="E405" s="6">
        <v>767.73500000000001</v>
      </c>
    </row>
    <row r="406" spans="1:5" x14ac:dyDescent="0.25">
      <c r="A406" s="6">
        <v>465.3229</v>
      </c>
      <c r="B406" s="6">
        <v>1609.9</v>
      </c>
      <c r="D406" s="6">
        <v>991.4597</v>
      </c>
      <c r="E406" s="6">
        <v>744.50639999999999</v>
      </c>
    </row>
    <row r="407" spans="1:5" x14ac:dyDescent="0.25">
      <c r="A407" s="6">
        <v>3588.3139999999999</v>
      </c>
      <c r="B407" s="6">
        <v>974.59519999999998</v>
      </c>
      <c r="D407" s="6">
        <v>781.8297</v>
      </c>
      <c r="E407" s="6">
        <v>909.13379999999995</v>
      </c>
    </row>
    <row r="408" spans="1:5" x14ac:dyDescent="0.25">
      <c r="A408" s="6">
        <v>1087.0329999999999</v>
      </c>
      <c r="B408" s="6">
        <v>627.7269</v>
      </c>
      <c r="D408" s="6">
        <v>832.64359999999999</v>
      </c>
      <c r="E408" s="6">
        <v>1155.472</v>
      </c>
    </row>
    <row r="409" spans="1:5" x14ac:dyDescent="0.25">
      <c r="A409" s="6">
        <v>434.7509</v>
      </c>
      <c r="B409" s="6">
        <v>2275.73</v>
      </c>
      <c r="D409" s="6">
        <v>414.28129999999999</v>
      </c>
      <c r="E409" s="6">
        <v>959.66520000000003</v>
      </c>
    </row>
    <row r="410" spans="1:5" x14ac:dyDescent="0.25">
      <c r="A410" s="6">
        <v>503.63010000000003</v>
      </c>
      <c r="B410" s="6">
        <v>1488.143</v>
      </c>
      <c r="D410" s="6">
        <v>804.41070000000002</v>
      </c>
      <c r="E410" s="6">
        <v>847.18060000000003</v>
      </c>
    </row>
    <row r="411" spans="1:5" x14ac:dyDescent="0.25">
      <c r="A411" s="6">
        <v>1684.2349999999999</v>
      </c>
      <c r="B411" s="6">
        <v>354.52940000000001</v>
      </c>
      <c r="D411" s="6">
        <v>370.83800000000002</v>
      </c>
      <c r="E411" s="6">
        <v>1067.3810000000001</v>
      </c>
    </row>
    <row r="412" spans="1:5" x14ac:dyDescent="0.25">
      <c r="A412" s="6">
        <v>2104.567</v>
      </c>
      <c r="B412" s="6">
        <v>1121.4280000000001</v>
      </c>
      <c r="D412" s="6">
        <v>498.54590000000002</v>
      </c>
      <c r="E412" s="6">
        <v>899.84339999999997</v>
      </c>
    </row>
    <row r="413" spans="1:5" x14ac:dyDescent="0.25">
      <c r="A413" s="6">
        <v>2220.8939999999998</v>
      </c>
      <c r="B413" s="6">
        <v>584.73940000000005</v>
      </c>
      <c r="D413" s="6">
        <v>1087.7929999999999</v>
      </c>
      <c r="E413" s="6">
        <v>850.89490000000001</v>
      </c>
    </row>
    <row r="414" spans="1:5" x14ac:dyDescent="0.25">
      <c r="A414" s="6">
        <v>1369.1179999999999</v>
      </c>
      <c r="B414" s="6">
        <v>1046.3230000000001</v>
      </c>
      <c r="D414" s="6">
        <v>839.10850000000005</v>
      </c>
      <c r="E414" s="6">
        <v>670.67139999999995</v>
      </c>
    </row>
    <row r="415" spans="1:5" x14ac:dyDescent="0.25">
      <c r="A415" s="6">
        <v>925.83720000000005</v>
      </c>
      <c r="B415" s="6">
        <v>1240.1400000000001</v>
      </c>
      <c r="D415" s="6">
        <v>922.6721</v>
      </c>
      <c r="E415" s="6">
        <v>502.17259999999999</v>
      </c>
    </row>
    <row r="416" spans="1:5" x14ac:dyDescent="0.25">
      <c r="A416" s="6">
        <v>1139</v>
      </c>
      <c r="B416" s="6">
        <v>5941.6559999999999</v>
      </c>
      <c r="D416" s="6">
        <v>942.08169999999996</v>
      </c>
      <c r="E416" s="6">
        <v>907.4796</v>
      </c>
    </row>
    <row r="417" spans="1:5" x14ac:dyDescent="0.25">
      <c r="A417" s="6">
        <v>416.31209999999999</v>
      </c>
      <c r="B417" s="6">
        <v>987.76289999999995</v>
      </c>
      <c r="D417" s="6">
        <v>913.57370000000003</v>
      </c>
      <c r="E417" s="6">
        <v>933.07370000000003</v>
      </c>
    </row>
    <row r="418" spans="1:5" x14ac:dyDescent="0.25">
      <c r="A418" s="6">
        <v>483.01049999999998</v>
      </c>
      <c r="B418" s="6">
        <v>1180.94</v>
      </c>
      <c r="D418" s="6">
        <v>1903.7080000000001</v>
      </c>
      <c r="E418" s="6">
        <v>976.79600000000005</v>
      </c>
    </row>
    <row r="419" spans="1:5" x14ac:dyDescent="0.25">
      <c r="A419" s="6">
        <v>843.4</v>
      </c>
      <c r="B419" s="6">
        <v>1432.2349999999999</v>
      </c>
      <c r="D419" s="6">
        <v>765.3</v>
      </c>
      <c r="E419" s="6">
        <v>1196.0409999999999</v>
      </c>
    </row>
    <row r="420" spans="1:5" x14ac:dyDescent="0.25">
      <c r="A420" s="6">
        <v>395.98750000000001</v>
      </c>
      <c r="B420" s="6">
        <v>1842.673</v>
      </c>
      <c r="D420" s="6">
        <v>939.61630000000002</v>
      </c>
      <c r="E420" s="6">
        <v>770.53250000000003</v>
      </c>
    </row>
    <row r="421" spans="1:5" x14ac:dyDescent="0.25">
      <c r="A421" s="6">
        <v>2199.4650000000001</v>
      </c>
      <c r="B421" s="6">
        <v>1024.0039999999999</v>
      </c>
      <c r="D421" s="6">
        <v>852.70460000000003</v>
      </c>
      <c r="E421" s="6">
        <v>1363.386</v>
      </c>
    </row>
    <row r="422" spans="1:5" x14ac:dyDescent="0.25">
      <c r="A422" s="6">
        <v>1328.3889999999999</v>
      </c>
      <c r="B422" s="6">
        <v>822.11350000000004</v>
      </c>
      <c r="D422" s="6">
        <v>6528.8519999999999</v>
      </c>
      <c r="E422" s="6">
        <v>1084.7619999999999</v>
      </c>
    </row>
    <row r="423" spans="1:5" x14ac:dyDescent="0.25">
      <c r="A423" s="6">
        <v>761.06460000000004</v>
      </c>
      <c r="B423" s="6">
        <v>2919.5830000000001</v>
      </c>
      <c r="D423" s="6">
        <v>1127.2449999999999</v>
      </c>
      <c r="E423" s="6">
        <v>535.46870000000001</v>
      </c>
    </row>
    <row r="424" spans="1:5" x14ac:dyDescent="0.25">
      <c r="A424" s="6">
        <v>1619.3630000000001</v>
      </c>
      <c r="B424" s="6">
        <v>1257.0039999999999</v>
      </c>
      <c r="D424" s="6">
        <v>730.62049999999999</v>
      </c>
      <c r="E424" s="6">
        <v>1143.384</v>
      </c>
    </row>
    <row r="425" spans="1:5" x14ac:dyDescent="0.25">
      <c r="A425" s="6">
        <v>4808.5910000000003</v>
      </c>
      <c r="B425" s="6">
        <v>702.81590000000006</v>
      </c>
      <c r="D425" s="6">
        <v>1113.883</v>
      </c>
      <c r="E425" s="6">
        <v>791.29759999999999</v>
      </c>
    </row>
    <row r="426" spans="1:5" x14ac:dyDescent="0.25">
      <c r="A426" s="6">
        <v>1220.741</v>
      </c>
      <c r="B426" s="6">
        <v>482.81970000000001</v>
      </c>
      <c r="D426" s="6">
        <v>493.72</v>
      </c>
      <c r="E426" s="6">
        <v>847.84140000000002</v>
      </c>
    </row>
    <row r="427" spans="1:5" x14ac:dyDescent="0.25">
      <c r="A427" s="6">
        <v>922.25199999999995</v>
      </c>
      <c r="B427" s="6">
        <v>1129.336</v>
      </c>
      <c r="D427" s="6">
        <v>953.7242</v>
      </c>
      <c r="E427" s="6">
        <v>827.7038</v>
      </c>
    </row>
    <row r="428" spans="1:5" x14ac:dyDescent="0.25">
      <c r="A428" s="6">
        <v>1371.7619999999999</v>
      </c>
      <c r="B428" s="6">
        <v>926.89449999999999</v>
      </c>
      <c r="D428" s="6">
        <v>934.19370000000004</v>
      </c>
      <c r="E428" s="6">
        <v>807.07470000000001</v>
      </c>
    </row>
    <row r="429" spans="1:5" x14ac:dyDescent="0.25">
      <c r="A429" s="6">
        <v>476.3349</v>
      </c>
      <c r="B429" s="6">
        <v>1210.2049999999999</v>
      </c>
      <c r="D429" s="6">
        <v>738.16589999999997</v>
      </c>
      <c r="E429" s="6">
        <v>1136.367</v>
      </c>
    </row>
    <row r="430" spans="1:5" x14ac:dyDescent="0.25">
      <c r="A430" s="6">
        <v>2475.4180000000001</v>
      </c>
      <c r="B430" s="6">
        <v>1478.607</v>
      </c>
      <c r="D430" s="6">
        <v>890.45630000000006</v>
      </c>
      <c r="E430" s="6">
        <v>899.35469999999998</v>
      </c>
    </row>
    <row r="431" spans="1:5" x14ac:dyDescent="0.25">
      <c r="A431" s="6">
        <v>968.0684</v>
      </c>
      <c r="B431" s="6">
        <v>814.57420000000002</v>
      </c>
      <c r="D431" s="6">
        <v>1835.1780000000001</v>
      </c>
      <c r="E431" s="6">
        <v>696.2296</v>
      </c>
    </row>
    <row r="432" spans="1:5" x14ac:dyDescent="0.25">
      <c r="A432" s="6">
        <v>1700.8109999999999</v>
      </c>
      <c r="B432" s="6">
        <v>1031.6420000000001</v>
      </c>
      <c r="D432" s="6">
        <v>12940</v>
      </c>
      <c r="E432" s="6">
        <v>938.68129999999996</v>
      </c>
    </row>
    <row r="433" spans="1:5" x14ac:dyDescent="0.25">
      <c r="A433" s="6">
        <v>953.93619999999999</v>
      </c>
      <c r="B433" s="6">
        <v>704.54219999999998</v>
      </c>
      <c r="D433" s="6">
        <v>525.74789999999996</v>
      </c>
      <c r="E433" s="6">
        <v>799.57050000000004</v>
      </c>
    </row>
    <row r="434" spans="1:5" x14ac:dyDescent="0.25">
      <c r="A434" s="6">
        <v>696.45169999999996</v>
      </c>
      <c r="B434" s="6">
        <v>800.69110000000001</v>
      </c>
      <c r="D434" s="6">
        <v>1143.249</v>
      </c>
      <c r="E434" s="6">
        <v>1179.932</v>
      </c>
    </row>
    <row r="435" spans="1:5" x14ac:dyDescent="0.25">
      <c r="A435" s="6">
        <v>394.67340000000002</v>
      </c>
      <c r="B435" s="6">
        <v>1659.961</v>
      </c>
      <c r="D435" s="6">
        <v>866.38829999999996</v>
      </c>
      <c r="E435" s="6">
        <v>837.24339999999995</v>
      </c>
    </row>
    <row r="436" spans="1:5" x14ac:dyDescent="0.25">
      <c r="A436" s="6">
        <v>1357.894</v>
      </c>
      <c r="B436" s="6">
        <v>883.35220000000004</v>
      </c>
      <c r="D436" s="6">
        <v>836.22389999999996</v>
      </c>
      <c r="E436" s="6">
        <v>712.90930000000003</v>
      </c>
    </row>
    <row r="437" spans="1:5" x14ac:dyDescent="0.25">
      <c r="A437" s="6">
        <v>3106.1689999999999</v>
      </c>
      <c r="B437" s="6">
        <v>1190.2449999999999</v>
      </c>
      <c r="D437" s="6">
        <v>683.54459999999995</v>
      </c>
      <c r="E437" s="6">
        <v>904.26390000000004</v>
      </c>
    </row>
    <row r="438" spans="1:5" x14ac:dyDescent="0.25">
      <c r="A438" s="6">
        <v>1360.104</v>
      </c>
      <c r="B438" s="6">
        <v>1765.88</v>
      </c>
      <c r="D438" s="6">
        <v>1125.039</v>
      </c>
      <c r="E438" s="6">
        <v>656.39269999999999</v>
      </c>
    </row>
    <row r="439" spans="1:5" x14ac:dyDescent="0.25">
      <c r="A439" s="6">
        <v>494.19330000000002</v>
      </c>
      <c r="B439" s="6">
        <v>868.63530000000003</v>
      </c>
      <c r="D439" s="6">
        <v>1083.7460000000001</v>
      </c>
      <c r="E439" s="6">
        <v>1021.245</v>
      </c>
    </row>
    <row r="440" spans="1:5" x14ac:dyDescent="0.25">
      <c r="A440" s="6">
        <v>586.09389999999996</v>
      </c>
      <c r="B440" s="6">
        <v>1949.586</v>
      </c>
      <c r="D440" s="6">
        <v>744.58159999999998</v>
      </c>
      <c r="E440" s="6">
        <v>888.53809999999999</v>
      </c>
    </row>
    <row r="441" spans="1:5" x14ac:dyDescent="0.25">
      <c r="A441" s="6">
        <v>568.0172</v>
      </c>
      <c r="B441" s="6">
        <v>1714.3309999999999</v>
      </c>
      <c r="D441" s="6">
        <v>629.54150000000004</v>
      </c>
      <c r="E441" s="6">
        <v>1004.222</v>
      </c>
    </row>
    <row r="442" spans="1:5" x14ac:dyDescent="0.25">
      <c r="A442" s="6">
        <v>404.28480000000002</v>
      </c>
      <c r="B442" s="6">
        <v>1271.5409999999999</v>
      </c>
      <c r="D442" s="6">
        <v>868.92769999999996</v>
      </c>
      <c r="E442" s="6">
        <v>1022.232</v>
      </c>
    </row>
    <row r="443" spans="1:5" x14ac:dyDescent="0.25">
      <c r="A443" s="6">
        <v>470.71559999999999</v>
      </c>
      <c r="B443" s="6">
        <v>825.03060000000005</v>
      </c>
      <c r="D443" s="6">
        <v>798.68309999999997</v>
      </c>
      <c r="E443" s="6">
        <v>737.43280000000004</v>
      </c>
    </row>
    <row r="444" spans="1:5" x14ac:dyDescent="0.25">
      <c r="A444" s="6">
        <v>1951.377</v>
      </c>
      <c r="B444" s="6">
        <v>1828.9580000000001</v>
      </c>
      <c r="D444" s="6">
        <v>1104.0709999999999</v>
      </c>
      <c r="E444" s="6">
        <v>1555.191</v>
      </c>
    </row>
    <row r="445" spans="1:5" x14ac:dyDescent="0.25">
      <c r="A445" s="6">
        <v>1258.278</v>
      </c>
      <c r="B445" s="6">
        <v>1000.042</v>
      </c>
      <c r="D445" s="6">
        <v>3522.924</v>
      </c>
      <c r="E445" s="6">
        <v>767.37279999999998</v>
      </c>
    </row>
    <row r="446" spans="1:5" x14ac:dyDescent="0.25">
      <c r="A446" s="6">
        <v>467.79629999999997</v>
      </c>
      <c r="B446" s="6">
        <v>565.98209999999995</v>
      </c>
      <c r="D446" s="6">
        <v>1051.5740000000001</v>
      </c>
      <c r="E446" s="6">
        <v>877.33330000000001</v>
      </c>
    </row>
    <row r="447" spans="1:5" x14ac:dyDescent="0.25">
      <c r="A447" s="6">
        <v>674.02570000000003</v>
      </c>
      <c r="B447" s="6">
        <v>1964.54</v>
      </c>
      <c r="D447" s="6">
        <v>2017.201</v>
      </c>
      <c r="E447" s="6">
        <v>1083.1179999999999</v>
      </c>
    </row>
    <row r="448" spans="1:5" x14ac:dyDescent="0.25">
      <c r="A448" s="6">
        <v>1957.1969999999999</v>
      </c>
      <c r="B448" s="6">
        <v>1933.729</v>
      </c>
      <c r="D448" s="6">
        <v>792.51430000000005</v>
      </c>
      <c r="E448" s="6">
        <v>633.76149999999996</v>
      </c>
    </row>
    <row r="449" spans="1:5" x14ac:dyDescent="0.25">
      <c r="A449" s="6">
        <v>2411.4279999999999</v>
      </c>
      <c r="B449" s="6">
        <v>1104.51</v>
      </c>
      <c r="D449" s="6">
        <v>793.19680000000005</v>
      </c>
      <c r="E449" s="6">
        <v>877.13369999999998</v>
      </c>
    </row>
    <row r="450" spans="1:5" x14ac:dyDescent="0.25">
      <c r="A450" s="6">
        <v>1264.0409999999999</v>
      </c>
      <c r="B450" s="6">
        <v>931.50609999999995</v>
      </c>
      <c r="D450" s="6">
        <v>1920.9380000000001</v>
      </c>
      <c r="E450" s="6">
        <v>874.41070000000002</v>
      </c>
    </row>
    <row r="451" spans="1:5" x14ac:dyDescent="0.25">
      <c r="A451" s="6">
        <v>432.01029999999997</v>
      </c>
      <c r="B451" s="6">
        <v>488.44439999999997</v>
      </c>
      <c r="D451" s="6">
        <v>416.75</v>
      </c>
      <c r="E451" s="6">
        <v>1094.0170000000001</v>
      </c>
    </row>
    <row r="452" spans="1:5" x14ac:dyDescent="0.25">
      <c r="A452" s="6">
        <v>448.26670000000001</v>
      </c>
      <c r="B452" s="6">
        <v>1257.174</v>
      </c>
      <c r="D452" s="6">
        <v>1766</v>
      </c>
      <c r="E452" s="6">
        <v>905.99720000000002</v>
      </c>
    </row>
    <row r="453" spans="1:5" x14ac:dyDescent="0.25">
      <c r="A453" s="6">
        <v>978.77629999999999</v>
      </c>
      <c r="B453" s="6">
        <v>1376.039</v>
      </c>
      <c r="D453" s="6">
        <v>683.19479999999999</v>
      </c>
      <c r="E453" s="6">
        <v>925.80520000000001</v>
      </c>
    </row>
    <row r="454" spans="1:5" x14ac:dyDescent="0.25">
      <c r="A454" s="6">
        <v>567.10029999999995</v>
      </c>
      <c r="B454" s="6">
        <v>555.66049999999996</v>
      </c>
      <c r="D454" s="6">
        <v>365.29219999999998</v>
      </c>
      <c r="E454" s="6">
        <v>1067.0350000000001</v>
      </c>
    </row>
    <row r="455" spans="1:5" x14ac:dyDescent="0.25">
      <c r="A455" s="6">
        <v>120.7419</v>
      </c>
      <c r="B455" s="6">
        <v>175.13679999999999</v>
      </c>
      <c r="D455" s="6">
        <v>729.81370000000004</v>
      </c>
      <c r="E455" s="6">
        <v>876.00919999999996</v>
      </c>
    </row>
    <row r="456" spans="1:5" x14ac:dyDescent="0.25">
      <c r="A456" s="6">
        <v>3708.7139999999999</v>
      </c>
      <c r="B456" s="6">
        <v>1260.4179999999999</v>
      </c>
      <c r="D456" s="6">
        <v>750.42859999999996</v>
      </c>
      <c r="E456" s="6">
        <v>1807.385</v>
      </c>
    </row>
    <row r="457" spans="1:5" x14ac:dyDescent="0.25">
      <c r="A457" s="6">
        <v>1047.3109999999999</v>
      </c>
      <c r="B457" s="6">
        <v>1251.3240000000001</v>
      </c>
      <c r="D457" s="6">
        <v>6086.7439999999997</v>
      </c>
      <c r="E457" s="6">
        <v>1036.5170000000001</v>
      </c>
    </row>
    <row r="458" spans="1:5" x14ac:dyDescent="0.25">
      <c r="A458" s="6">
        <v>726.37959999999998</v>
      </c>
      <c r="B458" s="6">
        <v>1150.7760000000001</v>
      </c>
      <c r="D458" s="6">
        <v>768.98239999999998</v>
      </c>
      <c r="E458" s="6">
        <v>869.2201</v>
      </c>
    </row>
    <row r="459" spans="1:5" x14ac:dyDescent="0.25">
      <c r="A459" s="6">
        <v>517.58860000000004</v>
      </c>
      <c r="B459" s="6">
        <v>1312.721</v>
      </c>
      <c r="D459" s="6">
        <v>11856.26</v>
      </c>
      <c r="E459" s="6">
        <v>887.63679999999999</v>
      </c>
    </row>
    <row r="460" spans="1:5" x14ac:dyDescent="0.25">
      <c r="A460" s="6">
        <v>595.36350000000004</v>
      </c>
      <c r="B460" s="6">
        <v>630.52689999999996</v>
      </c>
      <c r="D460" s="6">
        <v>8500.5480000000007</v>
      </c>
      <c r="E460" s="6">
        <v>576.74400000000003</v>
      </c>
    </row>
    <row r="461" spans="1:5" x14ac:dyDescent="0.25">
      <c r="A461" s="6">
        <v>562.87689999999998</v>
      </c>
      <c r="B461" s="6">
        <v>929.69529999999997</v>
      </c>
      <c r="D461" s="6">
        <v>931.60850000000005</v>
      </c>
      <c r="E461" s="6">
        <v>808.22339999999997</v>
      </c>
    </row>
    <row r="462" spans="1:5" x14ac:dyDescent="0.25">
      <c r="A462" s="6">
        <v>1226.6959999999999</v>
      </c>
      <c r="B462" s="6">
        <v>817.80780000000004</v>
      </c>
      <c r="D462" s="6">
        <v>562.47969999999998</v>
      </c>
      <c r="E462" s="6">
        <v>745.03750000000002</v>
      </c>
    </row>
    <row r="463" spans="1:5" x14ac:dyDescent="0.25">
      <c r="A463" s="6">
        <v>999.30349999999999</v>
      </c>
      <c r="B463" s="6">
        <v>1560.693</v>
      </c>
      <c r="D463" s="6">
        <v>728.00890000000004</v>
      </c>
      <c r="E463" s="6">
        <v>723.87339999999995</v>
      </c>
    </row>
    <row r="464" spans="1:5" x14ac:dyDescent="0.25">
      <c r="A464" s="6">
        <v>419.17919999999998</v>
      </c>
      <c r="B464" s="6">
        <v>1299.1220000000001</v>
      </c>
      <c r="D464" s="6">
        <v>2378.0479999999998</v>
      </c>
      <c r="E464" s="6">
        <v>743.53700000000003</v>
      </c>
    </row>
    <row r="465" spans="1:5" x14ac:dyDescent="0.25">
      <c r="A465" s="6">
        <v>503.07670000000002</v>
      </c>
      <c r="B465" s="6">
        <v>784.88369999999998</v>
      </c>
      <c r="D465" s="6">
        <v>1249.903</v>
      </c>
      <c r="E465" s="6">
        <v>791.91380000000004</v>
      </c>
    </row>
    <row r="466" spans="1:5" x14ac:dyDescent="0.25">
      <c r="A466" s="6">
        <v>561.99379999999996</v>
      </c>
      <c r="B466" s="6">
        <v>1666.7529999999999</v>
      </c>
      <c r="D466" s="6">
        <v>1008.897</v>
      </c>
      <c r="E466" s="6">
        <v>840.93259999999998</v>
      </c>
    </row>
    <row r="467" spans="1:5" x14ac:dyDescent="0.25">
      <c r="A467" s="6">
        <v>791.46159999999998</v>
      </c>
      <c r="B467" s="6">
        <v>475.17540000000002</v>
      </c>
      <c r="D467" s="6">
        <v>475.10480000000001</v>
      </c>
      <c r="E467" s="6">
        <v>897.26419999999996</v>
      </c>
    </row>
    <row r="468" spans="1:5" x14ac:dyDescent="0.25">
      <c r="A468" s="6">
        <v>800.02110000000005</v>
      </c>
      <c r="B468" s="6">
        <v>1589.204</v>
      </c>
      <c r="D468" s="6">
        <v>5957.25</v>
      </c>
      <c r="E468" s="6">
        <v>949.80579999999998</v>
      </c>
    </row>
    <row r="469" spans="1:5" x14ac:dyDescent="0.25">
      <c r="A469" s="6">
        <v>1728.3209999999999</v>
      </c>
      <c r="B469" s="6">
        <v>855.30859999999996</v>
      </c>
      <c r="D469" s="6">
        <v>1218.085</v>
      </c>
      <c r="E469" s="6">
        <v>894.07399999999996</v>
      </c>
    </row>
    <row r="470" spans="1:5" x14ac:dyDescent="0.25">
      <c r="A470" s="6">
        <v>1203.652</v>
      </c>
      <c r="B470" s="6">
        <v>1766.808</v>
      </c>
      <c r="D470" s="6">
        <v>7848.317</v>
      </c>
      <c r="E470" s="6">
        <v>696.34860000000003</v>
      </c>
    </row>
    <row r="471" spans="1:5" x14ac:dyDescent="0.25">
      <c r="A471" s="6">
        <v>1095.0409999999999</v>
      </c>
      <c r="B471" s="6">
        <v>1039.05</v>
      </c>
      <c r="D471" s="6">
        <v>548.76509999999996</v>
      </c>
      <c r="E471" s="6">
        <v>769.62789999999995</v>
      </c>
    </row>
    <row r="472" spans="1:5" x14ac:dyDescent="0.25">
      <c r="A472" s="6">
        <v>1544.1690000000001</v>
      </c>
      <c r="B472" s="6">
        <v>573.42859999999996</v>
      </c>
      <c r="D472" s="6">
        <v>919.59079999999994</v>
      </c>
      <c r="E472" s="6">
        <v>792.07950000000005</v>
      </c>
    </row>
    <row r="473" spans="1:5" x14ac:dyDescent="0.25">
      <c r="A473" s="6">
        <v>411.3612</v>
      </c>
      <c r="B473" s="6">
        <v>1562.502</v>
      </c>
      <c r="D473" s="6">
        <v>6976.9</v>
      </c>
      <c r="E473" s="6">
        <v>1012.55</v>
      </c>
    </row>
    <row r="474" spans="1:5" x14ac:dyDescent="0.25">
      <c r="A474" s="6">
        <v>576.3655</v>
      </c>
      <c r="B474" s="6">
        <v>2035.588</v>
      </c>
      <c r="D474" s="6">
        <v>1401.172</v>
      </c>
      <c r="E474" s="6">
        <v>601.21119999999996</v>
      </c>
    </row>
    <row r="475" spans="1:5" x14ac:dyDescent="0.25">
      <c r="A475" s="6">
        <v>713.96510000000001</v>
      </c>
      <c r="B475" s="6">
        <v>1072.1400000000001</v>
      </c>
      <c r="D475" s="6">
        <v>1186.375</v>
      </c>
      <c r="E475" s="6">
        <v>1236.5329999999999</v>
      </c>
    </row>
    <row r="476" spans="1:5" x14ac:dyDescent="0.25">
      <c r="A476" s="6">
        <v>625.24099999999999</v>
      </c>
      <c r="B476" s="6">
        <v>1337.1220000000001</v>
      </c>
      <c r="D476" s="6">
        <v>898.28030000000001</v>
      </c>
      <c r="E476" s="6">
        <v>1266.769</v>
      </c>
    </row>
    <row r="477" spans="1:5" x14ac:dyDescent="0.25">
      <c r="A477" s="6">
        <v>416.024</v>
      </c>
      <c r="B477" s="6">
        <v>1461.4159999999999</v>
      </c>
      <c r="D477" s="6">
        <v>7873.6710000000003</v>
      </c>
      <c r="E477" s="6">
        <v>847.72619999999995</v>
      </c>
    </row>
    <row r="478" spans="1:5" x14ac:dyDescent="0.25">
      <c r="A478" s="6">
        <v>571.51670000000001</v>
      </c>
      <c r="B478" s="6">
        <v>1060.682</v>
      </c>
      <c r="D478" s="6">
        <v>850.91189999999995</v>
      </c>
      <c r="E478" s="6">
        <v>1275.7260000000001</v>
      </c>
    </row>
    <row r="479" spans="1:5" x14ac:dyDescent="0.25">
      <c r="A479" s="6">
        <v>1427.6410000000001</v>
      </c>
      <c r="B479" s="6">
        <v>725.0675</v>
      </c>
      <c r="D479" s="6">
        <v>855.14089999999999</v>
      </c>
      <c r="E479" s="6">
        <v>392.6028</v>
      </c>
    </row>
    <row r="480" spans="1:5" x14ac:dyDescent="0.25">
      <c r="A480" s="6">
        <v>815.30029999999999</v>
      </c>
      <c r="B480" s="6">
        <v>1094.04</v>
      </c>
      <c r="D480" s="6">
        <v>1231</v>
      </c>
      <c r="E480" s="6">
        <v>774.32550000000003</v>
      </c>
    </row>
    <row r="481" spans="1:5" x14ac:dyDescent="0.25">
      <c r="A481" s="6">
        <v>1118.47</v>
      </c>
      <c r="B481" s="6">
        <v>1303.537</v>
      </c>
      <c r="D481" s="6">
        <v>3923.6039999999998</v>
      </c>
      <c r="E481" s="6">
        <v>716.19359999999995</v>
      </c>
    </row>
    <row r="482" spans="1:5" x14ac:dyDescent="0.25">
      <c r="A482" s="6">
        <v>551.9375</v>
      </c>
      <c r="B482" s="6">
        <v>1349.135</v>
      </c>
      <c r="D482" s="6">
        <v>1092.086</v>
      </c>
      <c r="E482" s="6">
        <v>1061.414</v>
      </c>
    </row>
    <row r="483" spans="1:5" x14ac:dyDescent="0.25">
      <c r="A483" s="6">
        <v>1412.6590000000001</v>
      </c>
      <c r="B483" s="6">
        <v>1138.0409999999999</v>
      </c>
      <c r="D483" s="6">
        <v>690.0154</v>
      </c>
      <c r="E483" s="6">
        <v>1223.8340000000001</v>
      </c>
    </row>
    <row r="484" spans="1:5" x14ac:dyDescent="0.25">
      <c r="A484" s="6">
        <v>600.34709999999995</v>
      </c>
      <c r="B484" s="6">
        <v>195.8186</v>
      </c>
      <c r="D484" s="6">
        <v>906.44129999999996</v>
      </c>
      <c r="E484" s="6">
        <v>629.58169999999996</v>
      </c>
    </row>
    <row r="485" spans="1:5" x14ac:dyDescent="0.25">
      <c r="A485" s="6">
        <v>952.9873</v>
      </c>
      <c r="B485" s="6">
        <v>1207.1420000000001</v>
      </c>
      <c r="D485" s="6">
        <v>7745.5</v>
      </c>
      <c r="E485" s="6">
        <v>971.47149999999999</v>
      </c>
    </row>
    <row r="486" spans="1:5" x14ac:dyDescent="0.25">
      <c r="A486" s="6">
        <v>626.73749999999995</v>
      </c>
      <c r="B486" s="6">
        <v>1702.2159999999999</v>
      </c>
      <c r="D486" s="6">
        <v>696.99310000000003</v>
      </c>
      <c r="E486" s="6">
        <v>1164.211</v>
      </c>
    </row>
    <row r="487" spans="1:5" x14ac:dyDescent="0.25">
      <c r="A487" s="6">
        <v>406.57190000000003</v>
      </c>
      <c r="B487" s="6">
        <v>1564.5050000000001</v>
      </c>
      <c r="D487" s="6">
        <v>928.79409999999996</v>
      </c>
      <c r="E487" s="6">
        <v>936.91210000000001</v>
      </c>
    </row>
    <row r="488" spans="1:5" x14ac:dyDescent="0.25">
      <c r="A488" s="6">
        <v>3109.3090000000002</v>
      </c>
      <c r="B488" s="6">
        <v>1128.1790000000001</v>
      </c>
      <c r="D488" s="6">
        <v>849.14390000000003</v>
      </c>
      <c r="E488" s="6">
        <v>726.86210000000005</v>
      </c>
    </row>
    <row r="489" spans="1:5" x14ac:dyDescent="0.25">
      <c r="A489" s="6">
        <v>488.32380000000001</v>
      </c>
      <c r="B489" s="6">
        <v>591.71370000000002</v>
      </c>
      <c r="D489" s="6">
        <v>16341.08</v>
      </c>
      <c r="E489" s="6">
        <v>582.75</v>
      </c>
    </row>
    <row r="490" spans="1:5" x14ac:dyDescent="0.25">
      <c r="A490" s="6">
        <v>369.68520000000001</v>
      </c>
      <c r="B490" s="6">
        <v>973.68230000000005</v>
      </c>
      <c r="D490" s="6">
        <v>626.31949999999995</v>
      </c>
      <c r="E490" s="6">
        <v>890.95420000000001</v>
      </c>
    </row>
    <row r="491" spans="1:5" x14ac:dyDescent="0.25">
      <c r="A491" s="6">
        <v>898.2</v>
      </c>
      <c r="B491" s="6">
        <v>752.68520000000001</v>
      </c>
      <c r="D491" s="6">
        <v>867.11360000000002</v>
      </c>
      <c r="E491" s="6">
        <v>888.64149999999995</v>
      </c>
    </row>
    <row r="492" spans="1:5" x14ac:dyDescent="0.25">
      <c r="A492" s="6">
        <v>392.98660000000001</v>
      </c>
      <c r="B492" s="6">
        <v>918.1318</v>
      </c>
      <c r="D492" s="6">
        <v>741.57299999999998</v>
      </c>
      <c r="E492" s="6">
        <v>1027.127</v>
      </c>
    </row>
    <row r="493" spans="1:5" x14ac:dyDescent="0.25">
      <c r="A493" s="6">
        <v>7626.8</v>
      </c>
      <c r="B493" s="6">
        <v>1174.4459999999999</v>
      </c>
      <c r="D493" s="6">
        <v>1061.518</v>
      </c>
      <c r="E493" s="6">
        <v>605.53800000000001</v>
      </c>
    </row>
    <row r="494" spans="1:5" x14ac:dyDescent="0.25">
      <c r="A494" s="6">
        <v>550.51779999999997</v>
      </c>
      <c r="B494" s="6">
        <v>608.43150000000003</v>
      </c>
      <c r="D494" s="6">
        <v>13977</v>
      </c>
      <c r="E494" s="6">
        <v>2348.34</v>
      </c>
    </row>
    <row r="495" spans="1:5" x14ac:dyDescent="0.25">
      <c r="A495" s="6">
        <v>403.59339999999997</v>
      </c>
      <c r="B495" s="6">
        <v>1060.7170000000001</v>
      </c>
      <c r="D495" s="6">
        <v>3917</v>
      </c>
      <c r="E495" s="6">
        <v>1465</v>
      </c>
    </row>
    <row r="496" spans="1:5" x14ac:dyDescent="0.25">
      <c r="A496" s="6">
        <v>811.77</v>
      </c>
      <c r="B496" s="6">
        <v>1058.0709999999999</v>
      </c>
      <c r="D496" s="6">
        <v>664.0729</v>
      </c>
      <c r="E496" s="6">
        <v>1083.537</v>
      </c>
    </row>
    <row r="497" spans="1:5" x14ac:dyDescent="0.25">
      <c r="A497" s="6">
        <v>1067.952</v>
      </c>
      <c r="B497" s="6">
        <v>3459.665</v>
      </c>
      <c r="D497" s="6">
        <v>7347.4009999999998</v>
      </c>
      <c r="E497" s="6">
        <v>811.3143</v>
      </c>
    </row>
    <row r="498" spans="1:5" x14ac:dyDescent="0.25">
      <c r="A498" s="6">
        <v>1241.1300000000001</v>
      </c>
      <c r="B498" s="6">
        <v>1452.499</v>
      </c>
      <c r="D498" s="6">
        <v>664.15809999999999</v>
      </c>
      <c r="E498" s="6">
        <v>1109.4829999999999</v>
      </c>
    </row>
    <row r="499" spans="1:5" x14ac:dyDescent="0.25">
      <c r="A499" s="6">
        <v>567.01459999999997</v>
      </c>
      <c r="B499" s="6">
        <v>492.07159999999999</v>
      </c>
      <c r="D499" s="6">
        <v>1038.5809999999999</v>
      </c>
      <c r="E499" s="6">
        <v>1011.923</v>
      </c>
    </row>
    <row r="500" spans="1:5" x14ac:dyDescent="0.25">
      <c r="A500" s="6">
        <v>469.66669999999999</v>
      </c>
      <c r="B500" s="6">
        <v>2604.7460000000001</v>
      </c>
      <c r="D500" s="6">
        <v>826.91099999999994</v>
      </c>
      <c r="E500" s="6">
        <v>927.18809999999996</v>
      </c>
    </row>
    <row r="501" spans="1:5" x14ac:dyDescent="0.25">
      <c r="A501" s="6">
        <v>560.41819999999996</v>
      </c>
      <c r="B501" s="6">
        <v>2427</v>
      </c>
      <c r="D501" s="6">
        <v>759.50620000000004</v>
      </c>
      <c r="E501" s="6">
        <v>753.80820000000006</v>
      </c>
    </row>
    <row r="502" spans="1:5" x14ac:dyDescent="0.25">
      <c r="A502" s="6">
        <v>727.34190000000001</v>
      </c>
      <c r="B502" s="6">
        <v>737.98590000000002</v>
      </c>
      <c r="D502" s="6">
        <v>630.92010000000005</v>
      </c>
      <c r="E502" s="6">
        <v>944.21180000000004</v>
      </c>
    </row>
    <row r="503" spans="1:5" x14ac:dyDescent="0.25">
      <c r="A503" s="6">
        <v>2897.5030000000002</v>
      </c>
      <c r="B503" s="6">
        <v>810.31809999999996</v>
      </c>
      <c r="D503" s="6">
        <v>867.49630000000002</v>
      </c>
      <c r="E503" s="6">
        <v>1060.2190000000001</v>
      </c>
    </row>
    <row r="504" spans="1:5" x14ac:dyDescent="0.25">
      <c r="A504" s="6">
        <v>847.39610000000005</v>
      </c>
      <c r="B504" s="6">
        <v>725.875</v>
      </c>
      <c r="D504" s="6">
        <v>1478.5</v>
      </c>
      <c r="E504" s="6">
        <v>1023.9059999999999</v>
      </c>
    </row>
    <row r="505" spans="1:5" x14ac:dyDescent="0.25">
      <c r="A505" s="6">
        <v>516.60040000000004</v>
      </c>
      <c r="B505" s="6">
        <v>900.66219999999998</v>
      </c>
      <c r="D505" s="6">
        <v>1157.4760000000001</v>
      </c>
      <c r="E505" s="6">
        <v>1176.723</v>
      </c>
    </row>
    <row r="506" spans="1:5" x14ac:dyDescent="0.25">
      <c r="A506" s="6">
        <v>1125.941</v>
      </c>
      <c r="B506" s="6">
        <v>1337.867</v>
      </c>
      <c r="D506" s="6">
        <v>579.08000000000004</v>
      </c>
      <c r="E506" s="6">
        <v>793.96489999999994</v>
      </c>
    </row>
    <row r="507" spans="1:5" x14ac:dyDescent="0.25">
      <c r="A507" s="6">
        <v>460.30059999999997</v>
      </c>
      <c r="B507" s="6">
        <v>728.23590000000002</v>
      </c>
      <c r="D507" s="6">
        <v>3043.4290000000001</v>
      </c>
      <c r="E507" s="6">
        <v>702.37689999999998</v>
      </c>
    </row>
    <row r="508" spans="1:5" x14ac:dyDescent="0.25">
      <c r="A508" s="6">
        <v>748.45709999999997</v>
      </c>
      <c r="B508" s="6">
        <v>886.60469999999998</v>
      </c>
      <c r="D508" s="6">
        <v>876.61220000000003</v>
      </c>
      <c r="E508" s="6">
        <v>796.4393</v>
      </c>
    </row>
    <row r="509" spans="1:5" x14ac:dyDescent="0.25">
      <c r="A509" s="6">
        <v>461.22179999999997</v>
      </c>
      <c r="B509" s="6">
        <v>705.63729999999998</v>
      </c>
      <c r="D509" s="6">
        <v>762.0317</v>
      </c>
      <c r="E509" s="6">
        <v>755.71289999999999</v>
      </c>
    </row>
    <row r="510" spans="1:5" x14ac:dyDescent="0.25">
      <c r="A510" s="6">
        <v>5688</v>
      </c>
      <c r="B510" s="6">
        <v>609.42290000000003</v>
      </c>
      <c r="D510" s="6">
        <v>903.79070000000002</v>
      </c>
      <c r="E510" s="6">
        <v>696.98620000000005</v>
      </c>
    </row>
    <row r="511" spans="1:5" x14ac:dyDescent="0.25">
      <c r="A511" s="6">
        <v>1683.7239999999999</v>
      </c>
      <c r="B511" s="6">
        <v>1277.838</v>
      </c>
      <c r="D511" s="6">
        <v>10424</v>
      </c>
      <c r="E511" s="6">
        <v>1300.4290000000001</v>
      </c>
    </row>
    <row r="512" spans="1:5" x14ac:dyDescent="0.25">
      <c r="A512" s="6">
        <v>416.25330000000002</v>
      </c>
      <c r="B512" s="6">
        <v>1772.8130000000001</v>
      </c>
      <c r="D512" s="6">
        <v>9966.3889999999992</v>
      </c>
      <c r="E512" s="6">
        <v>812.84540000000004</v>
      </c>
    </row>
    <row r="513" spans="1:5" x14ac:dyDescent="0.25">
      <c r="A513" s="6">
        <v>790.00869999999998</v>
      </c>
      <c r="B513" s="6">
        <v>1017.654</v>
      </c>
      <c r="D513" s="6">
        <v>13138.27</v>
      </c>
      <c r="E513" s="6">
        <v>1495.3530000000001</v>
      </c>
    </row>
    <row r="514" spans="1:5" x14ac:dyDescent="0.25">
      <c r="A514" s="6">
        <v>739.64059999999995</v>
      </c>
      <c r="B514" s="6">
        <v>860.50019999999995</v>
      </c>
      <c r="D514" s="6">
        <v>953.74030000000005</v>
      </c>
      <c r="E514" s="6">
        <v>1092.691</v>
      </c>
    </row>
    <row r="515" spans="1:5" x14ac:dyDescent="0.25">
      <c r="A515" s="6">
        <v>750.38459999999998</v>
      </c>
      <c r="B515" s="6">
        <v>2180.3719999999998</v>
      </c>
      <c r="D515" s="6">
        <v>788.60389999999995</v>
      </c>
      <c r="E515" s="6">
        <v>1142.6420000000001</v>
      </c>
    </row>
    <row r="516" spans="1:5" x14ac:dyDescent="0.25">
      <c r="A516" s="6">
        <v>453.73180000000002</v>
      </c>
      <c r="B516" s="6">
        <v>1634.579</v>
      </c>
      <c r="D516" s="6">
        <v>836.9194</v>
      </c>
      <c r="E516" s="6">
        <v>938.28970000000004</v>
      </c>
    </row>
    <row r="517" spans="1:5" x14ac:dyDescent="0.25">
      <c r="A517" s="6">
        <v>7048.9539999999997</v>
      </c>
      <c r="B517" s="6">
        <v>1735.8910000000001</v>
      </c>
      <c r="D517" s="6">
        <v>366.37900000000002</v>
      </c>
      <c r="E517" s="6">
        <v>819.37599999999998</v>
      </c>
    </row>
    <row r="518" spans="1:5" x14ac:dyDescent="0.25">
      <c r="A518" s="6">
        <v>792.20420000000001</v>
      </c>
      <c r="B518" s="6">
        <v>1147.8</v>
      </c>
      <c r="D518" s="6">
        <v>10602.45</v>
      </c>
      <c r="E518" s="6">
        <v>1165.3040000000001</v>
      </c>
    </row>
    <row r="519" spans="1:5" x14ac:dyDescent="0.25">
      <c r="A519" s="6">
        <v>1828.7919999999999</v>
      </c>
      <c r="B519" s="6">
        <v>1236.7439999999999</v>
      </c>
      <c r="D519" s="6">
        <v>761.64080000000001</v>
      </c>
      <c r="E519" s="6">
        <v>1056.3689999999999</v>
      </c>
    </row>
    <row r="520" spans="1:5" x14ac:dyDescent="0.25">
      <c r="A520" s="6">
        <v>843</v>
      </c>
      <c r="B520" s="6">
        <v>497.2955</v>
      </c>
      <c r="D520" s="6">
        <v>1154.5999999999999</v>
      </c>
      <c r="E520" s="6">
        <v>1006.198</v>
      </c>
    </row>
    <row r="521" spans="1:5" x14ac:dyDescent="0.25">
      <c r="A521" s="6">
        <v>1538.865</v>
      </c>
      <c r="B521" s="6">
        <v>568.26120000000003</v>
      </c>
      <c r="D521" s="6">
        <v>958.21169999999995</v>
      </c>
      <c r="E521" s="6">
        <v>552.70770000000005</v>
      </c>
    </row>
    <row r="522" spans="1:5" x14ac:dyDescent="0.25">
      <c r="A522" s="6">
        <v>619.5</v>
      </c>
      <c r="B522" s="6">
        <v>654.50450000000001</v>
      </c>
      <c r="D522" s="6">
        <v>3361.3670000000002</v>
      </c>
      <c r="E522" s="6">
        <v>662.56640000000004</v>
      </c>
    </row>
    <row r="523" spans="1:5" x14ac:dyDescent="0.25">
      <c r="A523" s="6">
        <v>2333.2220000000002</v>
      </c>
      <c r="B523" s="6">
        <v>851.79480000000001</v>
      </c>
      <c r="D523" s="6">
        <v>654.14729999999997</v>
      </c>
      <c r="E523" s="6">
        <v>1210.8309999999999</v>
      </c>
    </row>
    <row r="524" spans="1:5" x14ac:dyDescent="0.25">
      <c r="A524" s="6">
        <v>1445.884</v>
      </c>
      <c r="B524" s="6">
        <v>699.87609999999995</v>
      </c>
      <c r="D524" s="6">
        <v>829.50699999999995</v>
      </c>
      <c r="E524" s="6">
        <v>938.10760000000005</v>
      </c>
    </row>
    <row r="525" spans="1:5" x14ac:dyDescent="0.25">
      <c r="A525" s="6">
        <v>1763.078</v>
      </c>
      <c r="B525" s="6">
        <v>2942.7559999999999</v>
      </c>
      <c r="D525" s="6">
        <v>1281.6089999999999</v>
      </c>
      <c r="E525" s="6">
        <v>877.86109999999996</v>
      </c>
    </row>
    <row r="526" spans="1:5" x14ac:dyDescent="0.25">
      <c r="A526" s="6">
        <v>1499.62</v>
      </c>
      <c r="B526" s="6">
        <v>1575.126</v>
      </c>
      <c r="D526" s="6">
        <v>11183.9</v>
      </c>
      <c r="E526" s="6">
        <v>999.08519999999999</v>
      </c>
    </row>
    <row r="527" spans="1:5" x14ac:dyDescent="0.25">
      <c r="A527" s="6">
        <v>1853.7059999999999</v>
      </c>
      <c r="B527" s="6">
        <v>1363.3209999999999</v>
      </c>
      <c r="D527" s="6">
        <v>778.82719999999995</v>
      </c>
      <c r="E527" s="6">
        <v>734.26949999999999</v>
      </c>
    </row>
    <row r="528" spans="1:5" x14ac:dyDescent="0.25">
      <c r="A528" s="6">
        <v>2074.1309999999999</v>
      </c>
      <c r="B528" s="6">
        <v>462.5</v>
      </c>
      <c r="D528" s="6">
        <v>2181.944</v>
      </c>
      <c r="E528" s="6">
        <v>807.54849999999999</v>
      </c>
    </row>
    <row r="529" spans="1:5" x14ac:dyDescent="0.25">
      <c r="A529" s="6">
        <v>1922.981</v>
      </c>
      <c r="B529" s="6">
        <v>1799.586</v>
      </c>
      <c r="D529" s="6">
        <v>2228.8380000000002</v>
      </c>
      <c r="E529" s="6">
        <v>885.0702</v>
      </c>
    </row>
    <row r="530" spans="1:5" x14ac:dyDescent="0.25">
      <c r="A530" s="6">
        <v>2236.8409999999999</v>
      </c>
      <c r="B530" s="6">
        <v>1348.2049999999999</v>
      </c>
      <c r="D530" s="6">
        <v>4131.4359999999997</v>
      </c>
      <c r="E530" s="6">
        <v>598.91189999999995</v>
      </c>
    </row>
    <row r="531" spans="1:5" x14ac:dyDescent="0.25">
      <c r="A531" s="6">
        <v>1106.239</v>
      </c>
      <c r="B531" s="6">
        <v>919.65210000000002</v>
      </c>
      <c r="D531" s="6">
        <v>1107.8030000000001</v>
      </c>
      <c r="E531" s="6">
        <v>763.61120000000005</v>
      </c>
    </row>
    <row r="532" spans="1:5" x14ac:dyDescent="0.25">
      <c r="A532" s="6">
        <v>2125.7710000000002</v>
      </c>
      <c r="B532" s="6">
        <v>825.25419999999997</v>
      </c>
      <c r="D532" s="6">
        <v>759.08309999999994</v>
      </c>
      <c r="E532" s="6">
        <v>886.83199999999999</v>
      </c>
    </row>
    <row r="533" spans="1:5" x14ac:dyDescent="0.25">
      <c r="A533" s="6">
        <v>1519.873</v>
      </c>
      <c r="B533" s="6">
        <v>2262.7730000000001</v>
      </c>
      <c r="D533" s="6">
        <v>9935.3169999999991</v>
      </c>
      <c r="E533" s="6">
        <v>1386.415</v>
      </c>
    </row>
    <row r="534" spans="1:5" x14ac:dyDescent="0.25">
      <c r="A534" s="6">
        <v>1367.096</v>
      </c>
      <c r="B534" s="6">
        <v>1478.2729999999999</v>
      </c>
      <c r="D534" s="6">
        <v>1754.1020000000001</v>
      </c>
      <c r="E534" s="6">
        <v>1382.3050000000001</v>
      </c>
    </row>
    <row r="535" spans="1:5" x14ac:dyDescent="0.25">
      <c r="A535" s="6">
        <v>2487.3690000000001</v>
      </c>
      <c r="B535" s="6">
        <v>766.86530000000005</v>
      </c>
      <c r="D535" s="6">
        <v>787.54309999999998</v>
      </c>
      <c r="E535" s="6">
        <v>999.90020000000004</v>
      </c>
    </row>
    <row r="536" spans="1:5" x14ac:dyDescent="0.25">
      <c r="A536" s="6">
        <v>919.27380000000005</v>
      </c>
      <c r="B536" s="6">
        <v>921.95309999999995</v>
      </c>
      <c r="D536" s="6">
        <v>661.58609999999999</v>
      </c>
      <c r="E536" s="6">
        <v>4031.92</v>
      </c>
    </row>
    <row r="537" spans="1:5" x14ac:dyDescent="0.25">
      <c r="A537" s="6">
        <v>3447.127</v>
      </c>
      <c r="B537" s="6">
        <v>542.3279</v>
      </c>
      <c r="D537" s="6">
        <v>1270.2449999999999</v>
      </c>
      <c r="E537" s="6">
        <v>874.85500000000002</v>
      </c>
    </row>
    <row r="538" spans="1:5" x14ac:dyDescent="0.25">
      <c r="A538" s="6">
        <v>1064.4159999999999</v>
      </c>
      <c r="B538" s="6">
        <v>1275.9090000000001</v>
      </c>
      <c r="D538" s="6">
        <v>823.55799999999999</v>
      </c>
      <c r="E538" s="6">
        <v>992.97090000000003</v>
      </c>
    </row>
    <row r="539" spans="1:5" x14ac:dyDescent="0.25">
      <c r="A539" s="6">
        <v>2323.3069999999998</v>
      </c>
      <c r="B539" s="6">
        <v>1027.277</v>
      </c>
      <c r="D539" s="6">
        <v>750.08249999999998</v>
      </c>
      <c r="E539" s="6">
        <v>1515</v>
      </c>
    </row>
    <row r="540" spans="1:5" x14ac:dyDescent="0.25">
      <c r="A540" s="6">
        <v>1260.99</v>
      </c>
      <c r="B540" s="6">
        <v>927.16790000000003</v>
      </c>
      <c r="D540" s="6">
        <v>703.05619999999999</v>
      </c>
      <c r="E540" s="6">
        <v>799.42740000000003</v>
      </c>
    </row>
    <row r="541" spans="1:5" x14ac:dyDescent="0.25">
      <c r="A541" s="6">
        <v>1716.4829999999999</v>
      </c>
      <c r="B541" s="6">
        <v>522.4828</v>
      </c>
      <c r="D541" s="6">
        <v>1608.16</v>
      </c>
      <c r="E541" s="6">
        <v>870.28959999999995</v>
      </c>
    </row>
    <row r="542" spans="1:5" x14ac:dyDescent="0.25">
      <c r="A542" s="6">
        <v>1543.5160000000001</v>
      </c>
      <c r="B542" s="6">
        <v>1642.5519999999999</v>
      </c>
      <c r="D542" s="6">
        <v>1057.925</v>
      </c>
      <c r="E542" s="6">
        <v>1142.538</v>
      </c>
    </row>
    <row r="543" spans="1:5" x14ac:dyDescent="0.25">
      <c r="A543" s="6">
        <v>2014.8910000000001</v>
      </c>
      <c r="B543" s="6">
        <v>711.16660000000002</v>
      </c>
      <c r="D543" s="6">
        <v>1302.1369999999999</v>
      </c>
      <c r="E543" s="6">
        <v>2434.4470000000001</v>
      </c>
    </row>
    <row r="544" spans="1:5" x14ac:dyDescent="0.25">
      <c r="A544" s="6">
        <v>2052.6999999999998</v>
      </c>
      <c r="B544" s="6">
        <v>2182.1660000000002</v>
      </c>
      <c r="D544" s="6">
        <v>1000.421</v>
      </c>
      <c r="E544" s="6">
        <v>791.69039999999995</v>
      </c>
    </row>
    <row r="545" spans="1:5" x14ac:dyDescent="0.25">
      <c r="A545" s="6">
        <v>1836.2349999999999</v>
      </c>
      <c r="B545" s="6">
        <v>861.18349999999998</v>
      </c>
      <c r="D545" s="6">
        <v>736.43970000000002</v>
      </c>
      <c r="E545" s="6">
        <v>966.88469999999995</v>
      </c>
    </row>
    <row r="546" spans="1:5" x14ac:dyDescent="0.25">
      <c r="A546" s="6">
        <v>1138.5719999999999</v>
      </c>
      <c r="B546" s="6">
        <v>539.99969999999996</v>
      </c>
      <c r="D546" s="6">
        <v>869.28779999999995</v>
      </c>
      <c r="E546" s="6">
        <v>1019.3390000000001</v>
      </c>
    </row>
    <row r="547" spans="1:5" x14ac:dyDescent="0.25">
      <c r="A547" s="6">
        <v>993.00120000000004</v>
      </c>
      <c r="B547" s="6">
        <v>725.21040000000005</v>
      </c>
      <c r="D547" s="6">
        <v>8446.7749999999996</v>
      </c>
      <c r="E547" s="6">
        <v>731.50369999999998</v>
      </c>
    </row>
    <row r="548" spans="1:5" x14ac:dyDescent="0.25">
      <c r="A548" s="6">
        <v>1481.0050000000001</v>
      </c>
      <c r="B548" s="6">
        <v>2457.2840000000001</v>
      </c>
      <c r="D548" s="6">
        <v>792.80430000000001</v>
      </c>
      <c r="E548" s="6">
        <v>885.48530000000005</v>
      </c>
    </row>
    <row r="549" spans="1:5" x14ac:dyDescent="0.25">
      <c r="A549" s="6">
        <v>1124.54</v>
      </c>
      <c r="B549" s="6">
        <v>2489.8319999999999</v>
      </c>
      <c r="D549" s="6">
        <v>787.88409999999999</v>
      </c>
      <c r="E549" s="6">
        <v>723.50390000000004</v>
      </c>
    </row>
    <row r="550" spans="1:5" x14ac:dyDescent="0.25">
      <c r="A550" s="6">
        <v>2626.8249999999998</v>
      </c>
      <c r="B550" s="6">
        <v>1970</v>
      </c>
      <c r="D550" s="6">
        <v>804.31700000000001</v>
      </c>
      <c r="E550" s="6">
        <v>915.4144</v>
      </c>
    </row>
    <row r="551" spans="1:5" x14ac:dyDescent="0.25">
      <c r="A551" s="6">
        <v>1903.3610000000001</v>
      </c>
      <c r="B551" s="6">
        <v>1260.626</v>
      </c>
      <c r="D551" s="6">
        <v>1203.6489999999999</v>
      </c>
      <c r="E551" s="6">
        <v>1351.3330000000001</v>
      </c>
    </row>
    <row r="552" spans="1:5" x14ac:dyDescent="0.25">
      <c r="A552" s="6">
        <v>1274.136</v>
      </c>
      <c r="B552" s="6">
        <v>1432.5119999999999</v>
      </c>
      <c r="D552" s="6">
        <v>684.82539999999995</v>
      </c>
      <c r="E552" s="6">
        <v>976.31849999999997</v>
      </c>
    </row>
    <row r="553" spans="1:5" x14ac:dyDescent="0.25">
      <c r="A553" s="6">
        <v>2471.0349999999999</v>
      </c>
      <c r="B553" s="6">
        <v>3257.4740000000002</v>
      </c>
      <c r="D553" s="6">
        <v>3852.0990000000002</v>
      </c>
      <c r="E553" s="6">
        <v>888.71799999999996</v>
      </c>
    </row>
    <row r="554" spans="1:5" x14ac:dyDescent="0.25">
      <c r="A554" s="6">
        <v>1060.06</v>
      </c>
      <c r="B554" s="6">
        <v>2750.9369999999999</v>
      </c>
      <c r="D554" s="6">
        <v>7119.741</v>
      </c>
      <c r="E554" s="6">
        <v>1403.577</v>
      </c>
    </row>
    <row r="555" spans="1:5" x14ac:dyDescent="0.25">
      <c r="A555" s="6">
        <v>1247.8800000000001</v>
      </c>
      <c r="B555" s="6">
        <v>2217.415</v>
      </c>
      <c r="D555" s="6">
        <v>496.09559999999999</v>
      </c>
      <c r="E555" s="6">
        <v>634.30550000000005</v>
      </c>
    </row>
    <row r="556" spans="1:5" x14ac:dyDescent="0.25">
      <c r="A556" s="6">
        <v>1058.8399999999999</v>
      </c>
      <c r="B556" s="6">
        <v>2446.989</v>
      </c>
      <c r="D556" s="6">
        <v>864.34289999999999</v>
      </c>
      <c r="E556" s="6">
        <v>901.37509999999997</v>
      </c>
    </row>
    <row r="557" spans="1:5" x14ac:dyDescent="0.25">
      <c r="A557" s="6">
        <v>1042.038</v>
      </c>
      <c r="B557" s="6">
        <v>2296.002</v>
      </c>
      <c r="D557" s="6">
        <v>1421.7449999999999</v>
      </c>
      <c r="E557" s="6">
        <v>1132.5709999999999</v>
      </c>
    </row>
    <row r="558" spans="1:5" x14ac:dyDescent="0.25">
      <c r="A558" s="6">
        <v>1907.4159999999999</v>
      </c>
      <c r="B558" s="6">
        <v>3539.7269999999999</v>
      </c>
      <c r="D558" s="6">
        <v>1264.2360000000001</v>
      </c>
      <c r="E558" s="6">
        <v>1078.1189999999999</v>
      </c>
    </row>
    <row r="559" spans="1:5" x14ac:dyDescent="0.25">
      <c r="A559" s="6">
        <v>1194.4069999999999</v>
      </c>
      <c r="B559" s="6">
        <v>2103.9250000000002</v>
      </c>
      <c r="D559" s="6">
        <v>741.46579999999994</v>
      </c>
      <c r="E559" s="6">
        <v>1214.6479999999999</v>
      </c>
    </row>
    <row r="560" spans="1:5" x14ac:dyDescent="0.25">
      <c r="A560" s="6">
        <v>1382.7850000000001</v>
      </c>
      <c r="B560" s="6">
        <v>1829.922</v>
      </c>
      <c r="D560" s="6">
        <v>1620.4059999999999</v>
      </c>
      <c r="E560" s="6">
        <v>1152.268</v>
      </c>
    </row>
    <row r="561" spans="1:5" x14ac:dyDescent="0.25">
      <c r="A561" s="6">
        <v>3012.2429999999999</v>
      </c>
      <c r="B561" s="6">
        <v>3126.9270000000001</v>
      </c>
      <c r="D561" s="6">
        <v>992.5856</v>
      </c>
      <c r="E561" s="6">
        <v>693.72199999999998</v>
      </c>
    </row>
    <row r="562" spans="1:5" x14ac:dyDescent="0.25">
      <c r="A562" s="6">
        <v>2011.982</v>
      </c>
      <c r="B562" s="6">
        <v>1920.3009999999999</v>
      </c>
      <c r="D562" s="6">
        <v>1983.328</v>
      </c>
      <c r="E562" s="6">
        <v>1418.2270000000001</v>
      </c>
    </row>
    <row r="563" spans="1:5" x14ac:dyDescent="0.25">
      <c r="A563" s="6">
        <v>1687.1759999999999</v>
      </c>
      <c r="B563" s="6">
        <v>2817.1460000000002</v>
      </c>
      <c r="D563" s="6">
        <v>658.19590000000005</v>
      </c>
      <c r="E563" s="6">
        <v>959.12480000000005</v>
      </c>
    </row>
    <row r="564" spans="1:5" x14ac:dyDescent="0.25">
      <c r="A564" s="6">
        <v>1288.8230000000001</v>
      </c>
      <c r="B564" s="6">
        <v>1901.1020000000001</v>
      </c>
      <c r="D564" s="6">
        <v>855.88229999999999</v>
      </c>
      <c r="E564" s="6">
        <v>888.04390000000001</v>
      </c>
    </row>
    <row r="565" spans="1:5" x14ac:dyDescent="0.25">
      <c r="A565" s="6">
        <v>1484.7360000000001</v>
      </c>
      <c r="B565" s="6">
        <v>2210.183</v>
      </c>
      <c r="D565" s="6">
        <v>694.92439999999999</v>
      </c>
      <c r="E565" s="6">
        <v>735.69470000000001</v>
      </c>
    </row>
    <row r="566" spans="1:5" x14ac:dyDescent="0.25">
      <c r="A566" s="6">
        <v>1314.8679999999999</v>
      </c>
      <c r="B566" s="6">
        <v>2317.5940000000001</v>
      </c>
      <c r="D566" s="6">
        <v>1397.829</v>
      </c>
      <c r="E566" s="6">
        <v>887.15279999999996</v>
      </c>
    </row>
    <row r="567" spans="1:5" x14ac:dyDescent="0.25">
      <c r="A567" s="6">
        <v>1773.096</v>
      </c>
      <c r="B567" s="6">
        <v>1900.9179999999999</v>
      </c>
      <c r="D567" s="6">
        <v>440.2998</v>
      </c>
      <c r="E567" s="6">
        <v>785.47239999999999</v>
      </c>
    </row>
    <row r="568" spans="1:5" x14ac:dyDescent="0.25">
      <c r="A568" s="6">
        <v>1105.164</v>
      </c>
      <c r="B568" s="6">
        <v>1455.1479999999999</v>
      </c>
      <c r="D568" s="6">
        <v>448.96</v>
      </c>
      <c r="E568" s="6">
        <v>1176.4290000000001</v>
      </c>
    </row>
    <row r="569" spans="1:5" x14ac:dyDescent="0.25">
      <c r="A569" s="6">
        <v>771.74879999999996</v>
      </c>
      <c r="B569" s="6">
        <v>4261.2219999999998</v>
      </c>
      <c r="D569" s="6">
        <v>901.73860000000002</v>
      </c>
      <c r="E569" s="6">
        <v>2679.0459999999998</v>
      </c>
    </row>
    <row r="570" spans="1:5" x14ac:dyDescent="0.25">
      <c r="A570" s="6">
        <v>4616.8100000000004</v>
      </c>
      <c r="B570" s="6">
        <v>2047.597</v>
      </c>
      <c r="D570" s="6">
        <v>771.51819999999998</v>
      </c>
      <c r="E570" s="6">
        <v>1135.9449999999999</v>
      </c>
    </row>
    <row r="571" spans="1:5" x14ac:dyDescent="0.25">
      <c r="A571" s="6">
        <v>1497.38</v>
      </c>
      <c r="B571" s="6">
        <v>1997.8440000000001</v>
      </c>
      <c r="D571" s="6">
        <v>8580.5859999999993</v>
      </c>
      <c r="E571" s="6">
        <v>940.07140000000004</v>
      </c>
    </row>
    <row r="572" spans="1:5" x14ac:dyDescent="0.25">
      <c r="A572" s="6">
        <v>909.1046</v>
      </c>
      <c r="B572" s="6">
        <v>1195.3119999999999</v>
      </c>
      <c r="D572" s="6">
        <v>5398.8459999999995</v>
      </c>
      <c r="E572" s="6">
        <v>807.23929999999996</v>
      </c>
    </row>
    <row r="573" spans="1:5" x14ac:dyDescent="0.25">
      <c r="A573" s="6">
        <v>1471.914</v>
      </c>
      <c r="B573" s="6">
        <v>2329.1729999999998</v>
      </c>
      <c r="D573" s="6">
        <v>752.03679999999997</v>
      </c>
      <c r="E573" s="6">
        <v>827.3578</v>
      </c>
    </row>
    <row r="574" spans="1:5" x14ac:dyDescent="0.25">
      <c r="A574" s="6">
        <v>1788.49</v>
      </c>
      <c r="B574" s="6">
        <v>3017.9290000000001</v>
      </c>
      <c r="D574" s="6">
        <v>1136.1880000000001</v>
      </c>
      <c r="E574" s="6">
        <v>871.86069999999995</v>
      </c>
    </row>
    <row r="575" spans="1:5" x14ac:dyDescent="0.25">
      <c r="A575" s="6">
        <v>1436.934</v>
      </c>
      <c r="B575" s="6">
        <v>3641.0680000000002</v>
      </c>
      <c r="D575" s="6">
        <v>876.54840000000002</v>
      </c>
      <c r="E575" s="6">
        <v>5309.9740000000002</v>
      </c>
    </row>
    <row r="576" spans="1:5" x14ac:dyDescent="0.25">
      <c r="A576" s="6">
        <v>2235.395</v>
      </c>
      <c r="B576" s="6">
        <v>1647.683</v>
      </c>
      <c r="D576" s="6">
        <v>805.70339999999999</v>
      </c>
      <c r="E576" s="6">
        <v>1128.0039999999999</v>
      </c>
    </row>
    <row r="577" spans="1:5" x14ac:dyDescent="0.25">
      <c r="A577" s="6">
        <v>2475.96</v>
      </c>
      <c r="B577" s="6">
        <v>1444.6790000000001</v>
      </c>
      <c r="D577" s="6">
        <v>5298.2039999999997</v>
      </c>
      <c r="E577" s="6">
        <v>850.4787</v>
      </c>
    </row>
    <row r="578" spans="1:5" x14ac:dyDescent="0.25">
      <c r="A578" s="6">
        <v>1439.9559999999999</v>
      </c>
      <c r="B578" s="6">
        <v>1573.471</v>
      </c>
      <c r="D578" s="6">
        <v>10208.52</v>
      </c>
      <c r="E578" s="6">
        <v>7575.1890000000003</v>
      </c>
    </row>
    <row r="579" spans="1:5" x14ac:dyDescent="0.25">
      <c r="A579" s="6">
        <v>1394.65</v>
      </c>
      <c r="B579" s="6">
        <v>2584.4589999999998</v>
      </c>
      <c r="D579" s="6">
        <v>1004.7140000000001</v>
      </c>
      <c r="E579" s="6">
        <v>10350</v>
      </c>
    </row>
    <row r="580" spans="1:5" x14ac:dyDescent="0.25">
      <c r="A580" s="6">
        <v>1409.6220000000001</v>
      </c>
      <c r="B580" s="6">
        <v>2750.6239999999998</v>
      </c>
      <c r="D580" s="6">
        <v>386.40170000000001</v>
      </c>
      <c r="E580" s="6">
        <v>930.32860000000005</v>
      </c>
    </row>
    <row r="581" spans="1:5" x14ac:dyDescent="0.25">
      <c r="A581" s="6">
        <v>1881.29</v>
      </c>
      <c r="B581" s="6">
        <v>1779.86</v>
      </c>
      <c r="D581" s="6">
        <v>1106.5260000000001</v>
      </c>
      <c r="E581" s="6">
        <v>1292.4549999999999</v>
      </c>
    </row>
    <row r="582" spans="1:5" x14ac:dyDescent="0.25">
      <c r="A582" s="6">
        <v>1431.2809999999999</v>
      </c>
      <c r="B582" s="6">
        <v>2727.8240000000001</v>
      </c>
      <c r="D582" s="6">
        <v>10367.39</v>
      </c>
      <c r="E582" s="6">
        <v>940.68790000000001</v>
      </c>
    </row>
    <row r="583" spans="1:5" x14ac:dyDescent="0.25">
      <c r="A583" s="6">
        <v>1432.8889999999999</v>
      </c>
      <c r="B583" s="6">
        <v>2374.498</v>
      </c>
      <c r="D583" s="6">
        <v>509.58109999999999</v>
      </c>
      <c r="E583" s="6">
        <v>330.71429999999998</v>
      </c>
    </row>
    <row r="584" spans="1:5" x14ac:dyDescent="0.25">
      <c r="A584" s="6">
        <v>1619.96</v>
      </c>
      <c r="B584" s="6">
        <v>2596.6</v>
      </c>
      <c r="D584" s="6">
        <v>637.66669999999999</v>
      </c>
      <c r="E584" s="6">
        <v>523.83609999999999</v>
      </c>
    </row>
    <row r="585" spans="1:5" x14ac:dyDescent="0.25">
      <c r="A585" s="6">
        <v>1998.856</v>
      </c>
      <c r="B585" s="6">
        <v>2374.4059999999999</v>
      </c>
      <c r="D585" s="6">
        <v>567.68129999999996</v>
      </c>
      <c r="E585" s="6">
        <v>8122.8729999999996</v>
      </c>
    </row>
    <row r="586" spans="1:5" x14ac:dyDescent="0.25">
      <c r="A586" s="6">
        <v>1172.729</v>
      </c>
      <c r="B586" s="6">
        <v>3346.7939999999999</v>
      </c>
      <c r="D586" s="6">
        <v>3067.866</v>
      </c>
      <c r="E586" s="6">
        <v>711.1789</v>
      </c>
    </row>
    <row r="587" spans="1:5" x14ac:dyDescent="0.25">
      <c r="A587" s="6">
        <v>1692.7739999999999</v>
      </c>
      <c r="B587" s="6">
        <v>2160.8719999999998</v>
      </c>
      <c r="D587" s="6">
        <v>781.22109999999998</v>
      </c>
      <c r="E587" s="6">
        <v>512.41970000000003</v>
      </c>
    </row>
    <row r="588" spans="1:5" x14ac:dyDescent="0.25">
      <c r="A588" s="6">
        <v>966.08349999999996</v>
      </c>
      <c r="B588" s="6">
        <v>2743.6289999999999</v>
      </c>
      <c r="D588" s="6">
        <v>953.11940000000004</v>
      </c>
      <c r="E588" s="6">
        <v>860.13509999999997</v>
      </c>
    </row>
    <row r="589" spans="1:5" x14ac:dyDescent="0.25">
      <c r="A589" s="6">
        <v>1803.749</v>
      </c>
      <c r="B589" s="6">
        <v>2191.877</v>
      </c>
      <c r="D589" s="6">
        <v>659.93330000000003</v>
      </c>
      <c r="E589" s="6">
        <v>963</v>
      </c>
    </row>
    <row r="590" spans="1:5" x14ac:dyDescent="0.25">
      <c r="A590" s="6">
        <v>1464.598</v>
      </c>
      <c r="B590" s="6">
        <v>3283.308</v>
      </c>
      <c r="D590" s="6">
        <v>721.95259999999996</v>
      </c>
      <c r="E590" s="6">
        <v>555.322</v>
      </c>
    </row>
    <row r="591" spans="1:5" x14ac:dyDescent="0.25">
      <c r="A591" s="6">
        <v>1613.403</v>
      </c>
      <c r="B591" s="6">
        <v>2708.6210000000001</v>
      </c>
      <c r="D591" s="6">
        <v>953.73320000000001</v>
      </c>
      <c r="E591" s="6">
        <v>970.07240000000002</v>
      </c>
    </row>
    <row r="592" spans="1:5" x14ac:dyDescent="0.25">
      <c r="A592" s="6">
        <v>1025.69</v>
      </c>
      <c r="B592" s="6">
        <v>2832.7930000000001</v>
      </c>
      <c r="D592" s="6">
        <v>5479.3329999999996</v>
      </c>
      <c r="E592" s="6">
        <v>921.03869999999995</v>
      </c>
    </row>
    <row r="593" spans="1:5" x14ac:dyDescent="0.25">
      <c r="A593" s="6">
        <v>1136.028</v>
      </c>
      <c r="B593" s="6">
        <v>2753.1770000000001</v>
      </c>
      <c r="D593" s="6">
        <v>618.88070000000005</v>
      </c>
      <c r="E593" s="6">
        <v>947.23090000000002</v>
      </c>
    </row>
    <row r="594" spans="1:5" x14ac:dyDescent="0.25">
      <c r="A594" s="6">
        <v>956.40239999999994</v>
      </c>
      <c r="B594" s="6">
        <v>1539.8109999999999</v>
      </c>
      <c r="D594" s="6">
        <v>3049</v>
      </c>
      <c r="E594" s="6">
        <v>3411.605</v>
      </c>
    </row>
    <row r="595" spans="1:5" x14ac:dyDescent="0.25">
      <c r="A595" s="6">
        <v>657.89530000000002</v>
      </c>
      <c r="B595" s="6">
        <v>1752.721</v>
      </c>
      <c r="D595" s="6">
        <v>818.16669999999999</v>
      </c>
      <c r="E595" s="6">
        <v>1087.8330000000001</v>
      </c>
    </row>
    <row r="596" spans="1:5" x14ac:dyDescent="0.25">
      <c r="A596" s="6">
        <v>1548.6320000000001</v>
      </c>
      <c r="B596" s="6">
        <v>2285.8429999999998</v>
      </c>
      <c r="D596" s="6">
        <v>966.63250000000005</v>
      </c>
      <c r="E596" s="6">
        <v>867.29229999999995</v>
      </c>
    </row>
    <row r="597" spans="1:5" x14ac:dyDescent="0.25">
      <c r="A597" s="6">
        <v>1412.4670000000001</v>
      </c>
      <c r="B597" s="6">
        <v>1878.1990000000001</v>
      </c>
      <c r="D597" s="6">
        <v>447.2826</v>
      </c>
      <c r="E597" s="6">
        <v>10975.64</v>
      </c>
    </row>
    <row r="598" spans="1:5" x14ac:dyDescent="0.25">
      <c r="A598" s="6">
        <v>669.92859999999996</v>
      </c>
      <c r="B598" s="6">
        <v>1549.519</v>
      </c>
      <c r="D598" s="6">
        <v>1076.0609999999999</v>
      </c>
      <c r="E598" s="6">
        <v>798.37819999999999</v>
      </c>
    </row>
    <row r="599" spans="1:5" x14ac:dyDescent="0.25">
      <c r="A599" s="6">
        <v>1002.581</v>
      </c>
      <c r="B599" s="6">
        <v>1487.355</v>
      </c>
      <c r="D599" s="6">
        <v>738.96669999999995</v>
      </c>
      <c r="E599" s="6">
        <v>770.79139999999995</v>
      </c>
    </row>
    <row r="600" spans="1:5" x14ac:dyDescent="0.25">
      <c r="A600" s="6">
        <v>1274.204</v>
      </c>
      <c r="B600" s="6">
        <v>1117.3489999999999</v>
      </c>
      <c r="D600" s="6">
        <v>727.13959999999997</v>
      </c>
      <c r="E600" s="6">
        <v>1597.8530000000001</v>
      </c>
    </row>
    <row r="601" spans="1:5" x14ac:dyDescent="0.25">
      <c r="A601" s="6">
        <v>1095.5909999999999</v>
      </c>
      <c r="B601" s="6">
        <v>3717.3319999999999</v>
      </c>
      <c r="D601" s="6">
        <v>696</v>
      </c>
      <c r="E601" s="6">
        <v>1209.9480000000001</v>
      </c>
    </row>
    <row r="602" spans="1:5" x14ac:dyDescent="0.25">
      <c r="A602" s="6">
        <v>1508.4469999999999</v>
      </c>
      <c r="B602" s="6">
        <v>2085.547</v>
      </c>
      <c r="D602" s="6">
        <v>1269.9090000000001</v>
      </c>
      <c r="E602" s="6">
        <v>813.33</v>
      </c>
    </row>
    <row r="603" spans="1:5" x14ac:dyDescent="0.25">
      <c r="A603" s="6">
        <v>812.62390000000005</v>
      </c>
      <c r="B603" s="6">
        <v>1739.473</v>
      </c>
      <c r="D603" s="6">
        <v>374.60770000000002</v>
      </c>
      <c r="E603" s="6">
        <v>1136.1120000000001</v>
      </c>
    </row>
    <row r="604" spans="1:5" x14ac:dyDescent="0.25">
      <c r="A604" s="6">
        <v>2313.2719999999999</v>
      </c>
      <c r="B604" s="6">
        <v>1310.9359999999999</v>
      </c>
      <c r="D604" s="6">
        <v>8318.6440000000002</v>
      </c>
      <c r="E604" s="6">
        <v>887.84839999999997</v>
      </c>
    </row>
    <row r="605" spans="1:5" x14ac:dyDescent="0.25">
      <c r="A605" s="6">
        <v>1760.5809999999999</v>
      </c>
      <c r="B605" s="6">
        <v>1599.7560000000001</v>
      </c>
      <c r="D605" s="6">
        <v>2036.904</v>
      </c>
      <c r="E605" s="6">
        <v>687.92639999999994</v>
      </c>
    </row>
    <row r="606" spans="1:5" x14ac:dyDescent="0.25">
      <c r="A606" s="6">
        <v>1019.239</v>
      </c>
      <c r="B606" s="6">
        <v>2090.9479999999999</v>
      </c>
      <c r="D606" s="6">
        <v>948.91669999999999</v>
      </c>
      <c r="E606" s="6">
        <v>833.8931</v>
      </c>
    </row>
    <row r="607" spans="1:5" x14ac:dyDescent="0.25">
      <c r="A607" s="6">
        <v>1429.1690000000001</v>
      </c>
      <c r="B607" s="6">
        <v>3040.7730000000001</v>
      </c>
      <c r="D607" s="6">
        <v>693.4</v>
      </c>
      <c r="E607" s="6">
        <v>1060.231</v>
      </c>
    </row>
    <row r="608" spans="1:5" x14ac:dyDescent="0.25">
      <c r="A608" s="6">
        <v>1578.402</v>
      </c>
      <c r="B608" s="6">
        <v>1876.2049999999999</v>
      </c>
      <c r="D608" s="6">
        <v>1217.9459999999999</v>
      </c>
      <c r="E608" s="6">
        <v>994.81719999999996</v>
      </c>
    </row>
    <row r="609" spans="1:5" x14ac:dyDescent="0.25">
      <c r="A609" s="6">
        <v>2096.3380000000002</v>
      </c>
      <c r="B609" s="6">
        <v>2441.5230000000001</v>
      </c>
      <c r="D609" s="6">
        <v>840.40509999999995</v>
      </c>
      <c r="E609" s="6">
        <v>877.29480000000001</v>
      </c>
    </row>
    <row r="610" spans="1:5" x14ac:dyDescent="0.25">
      <c r="A610" s="6">
        <v>1100.751</v>
      </c>
      <c r="B610" s="6">
        <v>3054.306</v>
      </c>
      <c r="D610" s="6">
        <v>14878</v>
      </c>
      <c r="E610" s="6">
        <v>1039.528</v>
      </c>
    </row>
    <row r="611" spans="1:5" x14ac:dyDescent="0.25">
      <c r="A611" s="6">
        <v>933.60919999999999</v>
      </c>
      <c r="B611" s="6">
        <v>3138.8780000000002</v>
      </c>
      <c r="D611" s="6">
        <v>844.3673</v>
      </c>
      <c r="E611" s="6">
        <v>745.88819999999998</v>
      </c>
    </row>
    <row r="612" spans="1:5" x14ac:dyDescent="0.25">
      <c r="A612" s="6">
        <v>1673.105</v>
      </c>
      <c r="B612" s="6">
        <v>3315.37</v>
      </c>
      <c r="D612" s="6">
        <v>13430.95</v>
      </c>
      <c r="E612" s="6">
        <v>599.22979999999995</v>
      </c>
    </row>
    <row r="613" spans="1:5" x14ac:dyDescent="0.25">
      <c r="A613" s="6">
        <v>2261.431</v>
      </c>
      <c r="B613" s="6">
        <v>2274.0329999999999</v>
      </c>
      <c r="D613" s="6">
        <v>8605.402</v>
      </c>
      <c r="E613" s="6">
        <v>1293.902</v>
      </c>
    </row>
    <row r="614" spans="1:5" x14ac:dyDescent="0.25">
      <c r="A614" s="6">
        <v>923.60310000000004</v>
      </c>
      <c r="B614" s="6">
        <v>2680.306</v>
      </c>
      <c r="D614" s="6">
        <v>796.61400000000003</v>
      </c>
      <c r="E614" s="6">
        <v>884.01880000000006</v>
      </c>
    </row>
    <row r="615" spans="1:5" x14ac:dyDescent="0.25">
      <c r="A615" s="6">
        <v>1663.8589999999999</v>
      </c>
      <c r="B615" s="6">
        <v>4226.9620000000004</v>
      </c>
      <c r="D615" s="6">
        <v>10017.540000000001</v>
      </c>
      <c r="E615" s="6">
        <v>1042.145</v>
      </c>
    </row>
    <row r="616" spans="1:5" x14ac:dyDescent="0.25">
      <c r="A616" s="6">
        <v>1731.547</v>
      </c>
      <c r="B616" s="6">
        <v>1419.3520000000001</v>
      </c>
      <c r="D616" s="6">
        <v>686.1046</v>
      </c>
      <c r="E616" s="6">
        <v>4629.1670000000004</v>
      </c>
    </row>
    <row r="617" spans="1:5" x14ac:dyDescent="0.25">
      <c r="A617" s="6">
        <v>1026.626</v>
      </c>
      <c r="B617" s="6">
        <v>3010.5770000000002</v>
      </c>
      <c r="D617" s="6">
        <v>1023.795</v>
      </c>
      <c r="E617" s="6">
        <v>603.42629999999997</v>
      </c>
    </row>
    <row r="618" spans="1:5" x14ac:dyDescent="0.25">
      <c r="A618" s="6">
        <v>1592.7829999999999</v>
      </c>
      <c r="B618" s="6">
        <v>2001.5550000000001</v>
      </c>
      <c r="D618" s="6">
        <v>791.80859999999996</v>
      </c>
      <c r="E618" s="6">
        <v>12651.25</v>
      </c>
    </row>
    <row r="619" spans="1:5" x14ac:dyDescent="0.25">
      <c r="A619" s="6">
        <v>1460.2149999999999</v>
      </c>
      <c r="B619" s="6">
        <v>1933.4659999999999</v>
      </c>
      <c r="D619" s="6">
        <v>707.70270000000005</v>
      </c>
      <c r="E619" s="6">
        <v>971.85990000000004</v>
      </c>
    </row>
    <row r="620" spans="1:5" x14ac:dyDescent="0.25">
      <c r="A620" s="6">
        <v>1121.9190000000001</v>
      </c>
      <c r="B620" s="6">
        <v>3793.1869999999999</v>
      </c>
      <c r="D620" s="6">
        <v>474</v>
      </c>
      <c r="E620" s="6">
        <v>771.72730000000001</v>
      </c>
    </row>
    <row r="621" spans="1:5" x14ac:dyDescent="0.25">
      <c r="A621" s="6">
        <v>1409.2760000000001</v>
      </c>
      <c r="B621" s="6">
        <v>3476.799</v>
      </c>
      <c r="D621" s="6">
        <v>1121.614</v>
      </c>
      <c r="E621" s="6">
        <v>710.02829999999994</v>
      </c>
    </row>
    <row r="622" spans="1:5" x14ac:dyDescent="0.25">
      <c r="A622" s="6">
        <v>950.26859999999999</v>
      </c>
      <c r="B622" s="6">
        <v>2005.04</v>
      </c>
      <c r="D622" s="6">
        <v>740.87400000000002</v>
      </c>
      <c r="E622" s="6">
        <v>333.54770000000002</v>
      </c>
    </row>
    <row r="623" spans="1:5" x14ac:dyDescent="0.25">
      <c r="A623" s="6">
        <v>1302.4100000000001</v>
      </c>
      <c r="B623" s="6">
        <v>2218.259</v>
      </c>
      <c r="D623" s="6">
        <v>859.77139999999997</v>
      </c>
      <c r="E623" s="6">
        <v>959.00049999999999</v>
      </c>
    </row>
    <row r="624" spans="1:5" x14ac:dyDescent="0.25">
      <c r="A624" s="6">
        <v>2194.009</v>
      </c>
      <c r="B624" s="6">
        <v>1424.5</v>
      </c>
      <c r="D624" s="6">
        <v>1451.6210000000001</v>
      </c>
      <c r="E624" s="6">
        <v>1038.2180000000001</v>
      </c>
    </row>
    <row r="625" spans="1:5" x14ac:dyDescent="0.25">
      <c r="A625" s="6">
        <v>1334.45</v>
      </c>
      <c r="B625" s="6">
        <v>2087.8389999999999</v>
      </c>
      <c r="D625" s="6">
        <v>644.60260000000005</v>
      </c>
      <c r="E625" s="6">
        <v>859.30470000000003</v>
      </c>
    </row>
    <row r="626" spans="1:5" x14ac:dyDescent="0.25">
      <c r="A626" s="6">
        <v>1393.2909999999999</v>
      </c>
      <c r="B626" s="6">
        <v>3416.6970000000001</v>
      </c>
      <c r="D626" s="6">
        <v>715.50450000000001</v>
      </c>
      <c r="E626" s="6">
        <v>945.87699999999995</v>
      </c>
    </row>
    <row r="627" spans="1:5" x14ac:dyDescent="0.25">
      <c r="A627" s="6">
        <v>1376.797</v>
      </c>
      <c r="B627" s="6">
        <v>1906.347</v>
      </c>
      <c r="D627" s="6">
        <v>993.57839999999999</v>
      </c>
      <c r="E627" s="6">
        <v>809.14279999999997</v>
      </c>
    </row>
    <row r="628" spans="1:5" x14ac:dyDescent="0.25">
      <c r="A628" s="6">
        <v>1867.028</v>
      </c>
      <c r="B628" s="6">
        <v>2387.13</v>
      </c>
      <c r="D628" s="6">
        <v>895.30499999999995</v>
      </c>
      <c r="E628" s="6">
        <v>575.46169999999995</v>
      </c>
    </row>
    <row r="629" spans="1:5" x14ac:dyDescent="0.25">
      <c r="A629" s="6">
        <v>760.17169999999999</v>
      </c>
      <c r="B629" s="6">
        <v>2262.7350000000001</v>
      </c>
      <c r="D629" s="6">
        <v>852.68730000000005</v>
      </c>
      <c r="E629" s="6">
        <v>984.94960000000003</v>
      </c>
    </row>
    <row r="630" spans="1:5" x14ac:dyDescent="0.25">
      <c r="A630" s="6">
        <v>1065.356</v>
      </c>
      <c r="B630" s="6">
        <v>2123.8159999999998</v>
      </c>
      <c r="D630" s="6">
        <v>734.4855</v>
      </c>
      <c r="E630" s="6">
        <v>916.28</v>
      </c>
    </row>
    <row r="631" spans="1:5" x14ac:dyDescent="0.25">
      <c r="A631" s="6">
        <v>1519.104</v>
      </c>
      <c r="B631" s="6">
        <v>1629.0730000000001</v>
      </c>
      <c r="D631" s="6">
        <v>739</v>
      </c>
      <c r="E631" s="6">
        <v>1009.748</v>
      </c>
    </row>
    <row r="632" spans="1:5" x14ac:dyDescent="0.25">
      <c r="A632" s="6">
        <v>886.25930000000005</v>
      </c>
      <c r="B632" s="6">
        <v>161.345</v>
      </c>
      <c r="D632" s="6">
        <v>937.76869999999997</v>
      </c>
      <c r="E632" s="6">
        <v>430.34469999999999</v>
      </c>
    </row>
    <row r="633" spans="1:5" x14ac:dyDescent="0.25">
      <c r="A633" s="6">
        <v>1424.212</v>
      </c>
      <c r="B633" s="6">
        <v>2721.4569999999999</v>
      </c>
      <c r="D633" s="6">
        <v>793.96699999999998</v>
      </c>
      <c r="E633" s="6">
        <v>1009.623</v>
      </c>
    </row>
    <row r="634" spans="1:5" x14ac:dyDescent="0.25">
      <c r="A634" s="6">
        <v>1960.7190000000001</v>
      </c>
      <c r="B634" s="6">
        <v>2113.299</v>
      </c>
      <c r="D634" s="6">
        <v>1930.1289999999999</v>
      </c>
      <c r="E634" s="6">
        <v>820.72810000000004</v>
      </c>
    </row>
    <row r="635" spans="1:5" x14ac:dyDescent="0.25">
      <c r="A635" s="6">
        <v>1037.2180000000001</v>
      </c>
      <c r="B635" s="6">
        <v>3601.7</v>
      </c>
      <c r="D635" s="6">
        <v>1042.77</v>
      </c>
      <c r="E635" s="6">
        <v>864.58759999999995</v>
      </c>
    </row>
    <row r="636" spans="1:5" x14ac:dyDescent="0.25">
      <c r="A636" s="6">
        <v>1164.876</v>
      </c>
      <c r="B636" s="6">
        <v>2024.38</v>
      </c>
      <c r="D636" s="6">
        <v>626.1644</v>
      </c>
      <c r="E636" s="6">
        <v>896.90269999999998</v>
      </c>
    </row>
    <row r="637" spans="1:5" x14ac:dyDescent="0.25">
      <c r="A637" s="6">
        <v>1074.2670000000001</v>
      </c>
      <c r="B637" s="6">
        <v>2450.86</v>
      </c>
      <c r="D637" s="6">
        <v>12834.67</v>
      </c>
      <c r="E637" s="6">
        <v>902.97439999999995</v>
      </c>
    </row>
    <row r="638" spans="1:5" x14ac:dyDescent="0.25">
      <c r="A638" s="6">
        <v>1109.8620000000001</v>
      </c>
      <c r="B638" s="6">
        <v>1424.2159999999999</v>
      </c>
      <c r="D638" s="6">
        <v>919.16740000000004</v>
      </c>
      <c r="E638" s="6">
        <v>802.25930000000005</v>
      </c>
    </row>
    <row r="639" spans="1:5" x14ac:dyDescent="0.25">
      <c r="A639" s="6">
        <v>1122.3810000000001</v>
      </c>
      <c r="B639" s="6">
        <v>2835.4059999999999</v>
      </c>
      <c r="D639" s="6">
        <v>886.48140000000001</v>
      </c>
      <c r="E639" s="6">
        <v>770.40110000000004</v>
      </c>
    </row>
    <row r="640" spans="1:5" x14ac:dyDescent="0.25">
      <c r="A640" s="6">
        <v>1342.9849999999999</v>
      </c>
      <c r="B640" s="6">
        <v>2124.8110000000001</v>
      </c>
      <c r="D640" s="6">
        <v>796.45489999999995</v>
      </c>
      <c r="E640" s="6">
        <v>985.04920000000004</v>
      </c>
    </row>
    <row r="641" spans="1:5" x14ac:dyDescent="0.25">
      <c r="A641" s="6">
        <v>1129.48</v>
      </c>
      <c r="B641" s="6">
        <v>1708.991</v>
      </c>
      <c r="D641" s="6">
        <v>957.70550000000003</v>
      </c>
      <c r="E641" s="6">
        <v>776.31949999999995</v>
      </c>
    </row>
    <row r="642" spans="1:5" x14ac:dyDescent="0.25">
      <c r="A642" s="6">
        <v>1311.597</v>
      </c>
      <c r="B642" s="6">
        <v>1286.8340000000001</v>
      </c>
      <c r="D642" s="6">
        <v>883.51850000000002</v>
      </c>
      <c r="E642" s="6">
        <v>625.26179999999999</v>
      </c>
    </row>
    <row r="643" spans="1:5" x14ac:dyDescent="0.25">
      <c r="A643" s="6">
        <v>985.69290000000001</v>
      </c>
      <c r="B643" s="6">
        <v>2751.2620000000002</v>
      </c>
      <c r="D643" s="6">
        <v>822.24659999999994</v>
      </c>
      <c r="E643" s="6">
        <v>902.17949999999996</v>
      </c>
    </row>
    <row r="644" spans="1:5" x14ac:dyDescent="0.25">
      <c r="A644" s="6">
        <v>1574.529</v>
      </c>
      <c r="B644" s="6">
        <v>3549.5729999999999</v>
      </c>
      <c r="D644" s="6">
        <v>912.61779999999999</v>
      </c>
      <c r="E644" s="6">
        <v>768.20730000000003</v>
      </c>
    </row>
    <row r="645" spans="1:5" x14ac:dyDescent="0.25">
      <c r="A645" s="6">
        <v>2854.4119999999998</v>
      </c>
      <c r="B645" s="6">
        <v>1268.82</v>
      </c>
      <c r="D645" s="6">
        <v>791.62959999999998</v>
      </c>
      <c r="E645" s="6">
        <v>716.59749999999997</v>
      </c>
    </row>
    <row r="646" spans="1:5" x14ac:dyDescent="0.25">
      <c r="A646" s="6">
        <v>878.28110000000004</v>
      </c>
      <c r="B646" s="6">
        <v>3294.4140000000002</v>
      </c>
      <c r="D646" s="6">
        <v>840.21990000000005</v>
      </c>
      <c r="E646" s="6">
        <v>844.38909999999998</v>
      </c>
    </row>
    <row r="647" spans="1:5" x14ac:dyDescent="0.25">
      <c r="A647" s="6">
        <v>830.34190000000001</v>
      </c>
      <c r="B647" s="6">
        <v>2219.5189999999998</v>
      </c>
      <c r="D647" s="6">
        <v>1234.9590000000001</v>
      </c>
      <c r="E647" s="6">
        <v>799.79740000000004</v>
      </c>
    </row>
    <row r="648" spans="1:5" x14ac:dyDescent="0.25">
      <c r="A648" s="6">
        <v>675.99850000000004</v>
      </c>
      <c r="B648" s="6">
        <v>1227.6110000000001</v>
      </c>
      <c r="D648" s="6">
        <v>892.79079999999999</v>
      </c>
      <c r="E648" s="6">
        <v>1849.674</v>
      </c>
    </row>
    <row r="649" spans="1:5" x14ac:dyDescent="0.25">
      <c r="A649" s="6">
        <v>1217.287</v>
      </c>
      <c r="B649" s="6">
        <v>2546.4769999999999</v>
      </c>
      <c r="D649" s="6">
        <v>2537.5450000000001</v>
      </c>
      <c r="E649" s="6">
        <v>1012.289</v>
      </c>
    </row>
    <row r="650" spans="1:5" x14ac:dyDescent="0.25">
      <c r="A650" s="6">
        <v>286.56799999999998</v>
      </c>
      <c r="B650" s="6">
        <v>1395.5530000000001</v>
      </c>
      <c r="D650" s="6">
        <v>629.99210000000005</v>
      </c>
      <c r="E650" s="6">
        <v>753.75779999999997</v>
      </c>
    </row>
    <row r="651" spans="1:5" x14ac:dyDescent="0.25">
      <c r="A651" s="6">
        <v>929.71960000000001</v>
      </c>
      <c r="B651" s="6">
        <v>3449.0889999999999</v>
      </c>
      <c r="D651" s="6">
        <v>659.09270000000004</v>
      </c>
      <c r="E651" s="6">
        <v>712.04459999999995</v>
      </c>
    </row>
    <row r="652" spans="1:5" x14ac:dyDescent="0.25">
      <c r="A652" s="6">
        <v>1709.424</v>
      </c>
      <c r="B652" s="6">
        <v>1952.732</v>
      </c>
      <c r="D652" s="6">
        <v>430.66460000000001</v>
      </c>
      <c r="E652" s="6">
        <v>830.26779999999997</v>
      </c>
    </row>
    <row r="653" spans="1:5" x14ac:dyDescent="0.25">
      <c r="A653" s="6">
        <v>1376.6379999999999</v>
      </c>
      <c r="B653" s="6">
        <v>2262.462</v>
      </c>
      <c r="D653" s="6">
        <v>830.55960000000005</v>
      </c>
      <c r="E653" s="6">
        <v>920.04049999999995</v>
      </c>
    </row>
    <row r="654" spans="1:5" x14ac:dyDescent="0.25">
      <c r="A654" s="6">
        <v>1078.1179999999999</v>
      </c>
      <c r="B654" s="6">
        <v>964.30119999999999</v>
      </c>
      <c r="D654" s="6">
        <v>846.45669999999996</v>
      </c>
      <c r="E654" s="6">
        <v>3118.0250000000001</v>
      </c>
    </row>
    <row r="655" spans="1:5" x14ac:dyDescent="0.25">
      <c r="A655" s="6">
        <v>1503.9459999999999</v>
      </c>
      <c r="B655" s="6">
        <v>2559.1509999999998</v>
      </c>
      <c r="D655" s="6">
        <v>878.0385</v>
      </c>
      <c r="E655" s="6">
        <v>756.01459999999997</v>
      </c>
    </row>
    <row r="656" spans="1:5" x14ac:dyDescent="0.25">
      <c r="A656" s="6">
        <v>1546.232</v>
      </c>
      <c r="B656" s="6">
        <v>2675.3139999999999</v>
      </c>
      <c r="D656" s="6">
        <v>7523.759</v>
      </c>
      <c r="E656" s="6">
        <v>973.09090000000003</v>
      </c>
    </row>
    <row r="657" spans="1:5" x14ac:dyDescent="0.25">
      <c r="A657" s="6">
        <v>1280.8979999999999</v>
      </c>
      <c r="B657" s="6">
        <v>2931.3</v>
      </c>
      <c r="D657" s="6">
        <v>1398.184</v>
      </c>
      <c r="E657" s="6">
        <v>1000.9829999999999</v>
      </c>
    </row>
    <row r="658" spans="1:5" x14ac:dyDescent="0.25">
      <c r="A658" s="6">
        <v>2053.2460000000001</v>
      </c>
      <c r="B658" s="6">
        <v>2650.29</v>
      </c>
      <c r="D658" s="6">
        <v>781.33219999999994</v>
      </c>
      <c r="E658" s="6">
        <v>1508.1690000000001</v>
      </c>
    </row>
    <row r="659" spans="1:5" x14ac:dyDescent="0.25">
      <c r="A659" s="6">
        <v>988.09789999999998</v>
      </c>
      <c r="B659" s="6">
        <v>3504.6039999999998</v>
      </c>
      <c r="D659" s="6">
        <v>633.72260000000006</v>
      </c>
      <c r="E659" s="6">
        <v>760.35379999999998</v>
      </c>
    </row>
    <row r="660" spans="1:5" x14ac:dyDescent="0.25">
      <c r="A660" s="6">
        <v>884.45569999999998</v>
      </c>
      <c r="B660" s="6">
        <v>2202.547</v>
      </c>
      <c r="D660" s="6">
        <v>819.76089999999999</v>
      </c>
      <c r="E660" s="6">
        <v>857.15380000000005</v>
      </c>
    </row>
    <row r="661" spans="1:5" x14ac:dyDescent="0.25">
      <c r="A661" s="6">
        <v>1329.9369999999999</v>
      </c>
      <c r="B661" s="6">
        <v>1868.5050000000001</v>
      </c>
      <c r="D661" s="6">
        <v>801.22979999999995</v>
      </c>
      <c r="E661" s="6">
        <v>908.81629999999996</v>
      </c>
    </row>
    <row r="662" spans="1:5" x14ac:dyDescent="0.25">
      <c r="A662" s="6">
        <v>1004.082</v>
      </c>
      <c r="B662" s="6">
        <v>1426.3140000000001</v>
      </c>
      <c r="D662" s="6">
        <v>1181.636</v>
      </c>
      <c r="E662" s="6">
        <v>932.19399999999996</v>
      </c>
    </row>
    <row r="663" spans="1:5" x14ac:dyDescent="0.25">
      <c r="A663" s="6">
        <v>1048.9159999999999</v>
      </c>
      <c r="B663" s="6">
        <v>2061.7020000000002</v>
      </c>
      <c r="D663" s="6">
        <v>2516.0509999999999</v>
      </c>
      <c r="E663" s="6">
        <v>813.14970000000005</v>
      </c>
    </row>
    <row r="664" spans="1:5" x14ac:dyDescent="0.25">
      <c r="A664" s="6">
        <v>1343.1980000000001</v>
      </c>
      <c r="B664" s="6">
        <v>2838.2260000000001</v>
      </c>
      <c r="D664" s="6">
        <v>1013.6660000000001</v>
      </c>
      <c r="E664" s="6">
        <v>921.28970000000004</v>
      </c>
    </row>
    <row r="665" spans="1:5" x14ac:dyDescent="0.25">
      <c r="A665" s="6">
        <v>954.23500000000001</v>
      </c>
      <c r="B665" s="6">
        <v>2304.248</v>
      </c>
      <c r="D665" s="6">
        <v>424.35590000000002</v>
      </c>
      <c r="E665" s="6">
        <v>895.41690000000006</v>
      </c>
    </row>
    <row r="666" spans="1:5" x14ac:dyDescent="0.25">
      <c r="A666" s="6">
        <v>1150.6590000000001</v>
      </c>
      <c r="B666" s="6">
        <v>1511.8510000000001</v>
      </c>
      <c r="D666" s="6">
        <v>2896.884</v>
      </c>
      <c r="E666" s="6">
        <v>1072.3699999999999</v>
      </c>
    </row>
    <row r="667" spans="1:5" x14ac:dyDescent="0.25">
      <c r="A667" s="6">
        <v>1298.1110000000001</v>
      </c>
      <c r="B667" s="6">
        <v>2469.366</v>
      </c>
      <c r="D667" s="6">
        <v>630.96439999999996</v>
      </c>
      <c r="E667" s="6">
        <v>839.77660000000003</v>
      </c>
    </row>
    <row r="668" spans="1:5" x14ac:dyDescent="0.25">
      <c r="A668" s="6">
        <v>914.32380000000001</v>
      </c>
      <c r="B668" s="6">
        <v>2465.0160000000001</v>
      </c>
      <c r="D668" s="6">
        <v>793.89779999999996</v>
      </c>
      <c r="E668" s="6">
        <v>703.17020000000002</v>
      </c>
    </row>
    <row r="669" spans="1:5" x14ac:dyDescent="0.25">
      <c r="A669" s="6">
        <v>1690.3230000000001</v>
      </c>
      <c r="B669" s="6">
        <v>1997.65</v>
      </c>
      <c r="D669" s="6">
        <v>9320.2990000000009</v>
      </c>
      <c r="E669" s="6">
        <v>872.50329999999997</v>
      </c>
    </row>
    <row r="670" spans="1:5" x14ac:dyDescent="0.25">
      <c r="A670" s="6">
        <v>1114.624</v>
      </c>
      <c r="B670" s="6">
        <v>1484.374</v>
      </c>
      <c r="D670" s="6">
        <v>832.38289999999995</v>
      </c>
      <c r="E670" s="6">
        <v>1113.854</v>
      </c>
    </row>
    <row r="671" spans="1:5" x14ac:dyDescent="0.25">
      <c r="A671" s="6">
        <v>2068.1529999999998</v>
      </c>
      <c r="B671" s="6">
        <v>2081.14</v>
      </c>
      <c r="D671" s="6">
        <v>1033.799</v>
      </c>
      <c r="E671" s="6">
        <v>999.44510000000002</v>
      </c>
    </row>
    <row r="672" spans="1:5" x14ac:dyDescent="0.25">
      <c r="A672" s="6">
        <v>1526.585</v>
      </c>
      <c r="B672" s="6">
        <v>2566.2240000000002</v>
      </c>
      <c r="D672" s="6">
        <v>871.06359999999995</v>
      </c>
      <c r="E672" s="6">
        <v>1109.259</v>
      </c>
    </row>
    <row r="673" spans="1:5" x14ac:dyDescent="0.25">
      <c r="A673" s="6">
        <v>1225.9059999999999</v>
      </c>
      <c r="B673" s="6">
        <v>1267.607</v>
      </c>
      <c r="D673" s="6">
        <v>750.75409999999999</v>
      </c>
      <c r="E673" s="6">
        <v>823.22040000000004</v>
      </c>
    </row>
    <row r="674" spans="1:5" x14ac:dyDescent="0.25">
      <c r="A674" s="6">
        <v>1064.155</v>
      </c>
      <c r="B674" s="6">
        <v>1657.62</v>
      </c>
      <c r="D674" s="6">
        <v>1103.463</v>
      </c>
      <c r="E674" s="6">
        <v>764.06550000000004</v>
      </c>
    </row>
    <row r="675" spans="1:5" x14ac:dyDescent="0.25">
      <c r="A675" s="6">
        <v>1682.048</v>
      </c>
      <c r="B675" s="6">
        <v>4742.107</v>
      </c>
      <c r="D675" s="6">
        <v>786.97230000000002</v>
      </c>
      <c r="E675" s="6">
        <v>850.33219999999994</v>
      </c>
    </row>
    <row r="676" spans="1:5" x14ac:dyDescent="0.25">
      <c r="A676" s="6">
        <v>1167.711</v>
      </c>
      <c r="B676" s="6">
        <v>2885.942</v>
      </c>
      <c r="D676" s="6">
        <v>573.04070000000002</v>
      </c>
      <c r="E676" s="6">
        <v>575.7722</v>
      </c>
    </row>
    <row r="677" spans="1:5" x14ac:dyDescent="0.25">
      <c r="A677" s="6">
        <v>872.78210000000001</v>
      </c>
      <c r="B677" s="6">
        <v>1774.068</v>
      </c>
      <c r="D677" s="6">
        <v>479.209</v>
      </c>
      <c r="E677" s="6">
        <v>700.26689999999996</v>
      </c>
    </row>
    <row r="678" spans="1:5" x14ac:dyDescent="0.25">
      <c r="A678" s="6">
        <v>1854.9939999999999</v>
      </c>
      <c r="B678" s="6">
        <v>2774.5169999999998</v>
      </c>
      <c r="D678" s="6">
        <v>624.49670000000003</v>
      </c>
      <c r="E678" s="6">
        <v>1111.665</v>
      </c>
    </row>
    <row r="679" spans="1:5" x14ac:dyDescent="0.25">
      <c r="A679" s="6">
        <v>1319.7739999999999</v>
      </c>
      <c r="B679" s="6">
        <v>1513.479</v>
      </c>
      <c r="D679" s="6">
        <v>750.69039999999995</v>
      </c>
      <c r="E679" s="6">
        <v>1356.143</v>
      </c>
    </row>
    <row r="680" spans="1:5" x14ac:dyDescent="0.25">
      <c r="A680" s="6">
        <v>1666.377</v>
      </c>
      <c r="B680" s="6">
        <v>1504.308</v>
      </c>
      <c r="D680" s="6">
        <v>16099</v>
      </c>
      <c r="E680" s="6">
        <v>547.12990000000002</v>
      </c>
    </row>
    <row r="681" spans="1:5" x14ac:dyDescent="0.25">
      <c r="A681" s="6">
        <v>2759.4690000000001</v>
      </c>
      <c r="B681" s="6">
        <v>1464.4449999999999</v>
      </c>
      <c r="D681" s="6">
        <v>956.96669999999995</v>
      </c>
      <c r="E681" s="6">
        <v>980.10209999999995</v>
      </c>
    </row>
    <row r="682" spans="1:5" x14ac:dyDescent="0.25">
      <c r="A682" s="6">
        <v>1748.326</v>
      </c>
      <c r="B682" s="6">
        <v>1435.5229999999999</v>
      </c>
      <c r="D682" s="6">
        <v>922.18179999999995</v>
      </c>
      <c r="E682" s="6">
        <v>941.40740000000005</v>
      </c>
    </row>
    <row r="683" spans="1:5" x14ac:dyDescent="0.25">
      <c r="A683" s="6">
        <v>965.47950000000003</v>
      </c>
      <c r="B683" s="6">
        <v>1926.48</v>
      </c>
      <c r="D683" s="6">
        <v>831.6001</v>
      </c>
      <c r="E683" s="6">
        <v>811.60119999999995</v>
      </c>
    </row>
    <row r="684" spans="1:5" x14ac:dyDescent="0.25">
      <c r="A684" s="6">
        <v>1564.5050000000001</v>
      </c>
      <c r="B684" s="6">
        <v>3030.181</v>
      </c>
      <c r="D684" s="6">
        <v>866.17290000000003</v>
      </c>
      <c r="E684" s="6">
        <v>852.49279999999999</v>
      </c>
    </row>
    <row r="685" spans="1:5" x14ac:dyDescent="0.25">
      <c r="A685" s="6">
        <v>1628.7629999999999</v>
      </c>
      <c r="B685" s="6">
        <v>1724.5650000000001</v>
      </c>
      <c r="D685" s="6">
        <v>811.79160000000002</v>
      </c>
      <c r="E685" s="6">
        <v>1052.3399999999999</v>
      </c>
    </row>
    <row r="686" spans="1:5" x14ac:dyDescent="0.25">
      <c r="A686" s="6">
        <v>1121.2370000000001</v>
      </c>
      <c r="B686" s="6">
        <v>2389.15</v>
      </c>
      <c r="D686" s="6">
        <v>1276.1030000000001</v>
      </c>
      <c r="E686" s="6">
        <v>1000.619</v>
      </c>
    </row>
    <row r="687" spans="1:5" x14ac:dyDescent="0.25">
      <c r="A687" s="6">
        <v>1302.4159999999999</v>
      </c>
      <c r="B687" s="6">
        <v>2987.971</v>
      </c>
      <c r="D687" s="6">
        <v>779.85789999999997</v>
      </c>
      <c r="E687" s="6">
        <v>645.31560000000002</v>
      </c>
    </row>
    <row r="688" spans="1:5" x14ac:dyDescent="0.25">
      <c r="A688" s="6">
        <v>1167.626</v>
      </c>
      <c r="B688" s="6">
        <v>1871.828</v>
      </c>
      <c r="D688" s="6">
        <v>1267.3579999999999</v>
      </c>
      <c r="E688" s="6">
        <v>1038.356</v>
      </c>
    </row>
    <row r="689" spans="1:5" x14ac:dyDescent="0.25">
      <c r="A689" s="6">
        <v>1991.3620000000001</v>
      </c>
      <c r="B689" s="6">
        <v>1447.7139999999999</v>
      </c>
      <c r="D689" s="6">
        <v>755.29610000000002</v>
      </c>
      <c r="E689" s="6">
        <v>906.81060000000002</v>
      </c>
    </row>
    <row r="690" spans="1:5" x14ac:dyDescent="0.25">
      <c r="A690" s="6">
        <v>911.90959999999995</v>
      </c>
      <c r="B690" s="6">
        <v>1327.577</v>
      </c>
      <c r="D690" s="6">
        <v>750.31420000000003</v>
      </c>
      <c r="E690" s="6">
        <v>1910.25</v>
      </c>
    </row>
    <row r="691" spans="1:5" x14ac:dyDescent="0.25">
      <c r="A691" s="6">
        <v>946.42780000000005</v>
      </c>
      <c r="B691" s="6">
        <v>1927.712</v>
      </c>
      <c r="D691" s="6">
        <v>3267.7979999999998</v>
      </c>
      <c r="E691" s="6">
        <v>868.73509999999999</v>
      </c>
    </row>
    <row r="692" spans="1:5" x14ac:dyDescent="0.25">
      <c r="A692" s="6">
        <v>2879.6770000000001</v>
      </c>
      <c r="B692" s="6">
        <v>2597.913</v>
      </c>
      <c r="D692" s="6">
        <v>726.47619999999995</v>
      </c>
      <c r="E692" s="6">
        <v>763.99620000000004</v>
      </c>
    </row>
    <row r="693" spans="1:5" x14ac:dyDescent="0.25">
      <c r="A693" s="6">
        <v>956.96789999999999</v>
      </c>
      <c r="B693" s="6">
        <v>1912.037</v>
      </c>
      <c r="D693" s="6">
        <v>7487.0739999999996</v>
      </c>
      <c r="E693" s="6">
        <v>1104.0930000000001</v>
      </c>
    </row>
    <row r="694" spans="1:5" x14ac:dyDescent="0.25">
      <c r="A694" s="6">
        <v>1369.0719999999999</v>
      </c>
      <c r="B694" s="6">
        <v>2501.2710000000002</v>
      </c>
      <c r="D694" s="6">
        <v>725.22220000000004</v>
      </c>
      <c r="E694" s="6">
        <v>1164.723</v>
      </c>
    </row>
    <row r="695" spans="1:5" x14ac:dyDescent="0.25">
      <c r="A695" s="6">
        <v>1287.212</v>
      </c>
      <c r="B695" s="6">
        <v>2320.2240000000002</v>
      </c>
      <c r="D695" s="6">
        <v>964.21040000000005</v>
      </c>
      <c r="E695" s="6">
        <v>888.51229999999998</v>
      </c>
    </row>
    <row r="696" spans="1:5" x14ac:dyDescent="0.25">
      <c r="A696" s="6">
        <v>833.32560000000001</v>
      </c>
      <c r="B696" s="6">
        <v>2836.7689999999998</v>
      </c>
      <c r="D696" s="6">
        <v>909.8886</v>
      </c>
      <c r="E696" s="6">
        <v>1054.6590000000001</v>
      </c>
    </row>
    <row r="697" spans="1:5" x14ac:dyDescent="0.25">
      <c r="A697" s="6">
        <v>1877.5409999999999</v>
      </c>
      <c r="B697" s="6">
        <v>2127.5459999999998</v>
      </c>
      <c r="D697" s="6">
        <v>7086.9539999999997</v>
      </c>
      <c r="E697" s="6">
        <v>696.39380000000006</v>
      </c>
    </row>
    <row r="698" spans="1:5" x14ac:dyDescent="0.25">
      <c r="A698" s="6">
        <v>1248.2560000000001</v>
      </c>
      <c r="B698" s="6">
        <v>1291.0429999999999</v>
      </c>
      <c r="D698" s="6">
        <v>635.85149999999999</v>
      </c>
      <c r="E698" s="6">
        <v>734.93820000000005</v>
      </c>
    </row>
    <row r="699" spans="1:5" x14ac:dyDescent="0.25">
      <c r="A699" s="6">
        <v>439.5</v>
      </c>
      <c r="B699" s="6">
        <v>2651.605</v>
      </c>
      <c r="D699" s="6">
        <v>553.54340000000002</v>
      </c>
      <c r="E699" s="6">
        <v>625.53700000000003</v>
      </c>
    </row>
    <row r="700" spans="1:5" x14ac:dyDescent="0.25">
      <c r="A700" s="6">
        <v>800.44330000000002</v>
      </c>
      <c r="B700" s="6">
        <v>1137.1669999999999</v>
      </c>
      <c r="D700" s="6">
        <v>3334.8040000000001</v>
      </c>
      <c r="E700" s="6">
        <v>646.1789</v>
      </c>
    </row>
    <row r="701" spans="1:5" x14ac:dyDescent="0.25">
      <c r="A701" s="6">
        <v>2072.087</v>
      </c>
      <c r="B701" s="6">
        <v>4095.442</v>
      </c>
      <c r="D701" s="6">
        <v>774.1712</v>
      </c>
      <c r="E701" s="6">
        <v>933.27710000000002</v>
      </c>
    </row>
    <row r="702" spans="1:5" x14ac:dyDescent="0.25">
      <c r="A702" s="6">
        <v>763.54759999999999</v>
      </c>
      <c r="B702" s="6">
        <v>1517.1849999999999</v>
      </c>
      <c r="D702" s="6">
        <v>994</v>
      </c>
      <c r="E702" s="6">
        <v>856.54989999999998</v>
      </c>
    </row>
    <row r="703" spans="1:5" x14ac:dyDescent="0.25">
      <c r="A703" s="6">
        <v>766.30880000000002</v>
      </c>
      <c r="B703" s="6">
        <v>3325.39</v>
      </c>
      <c r="D703" s="6">
        <v>852.48209999999995</v>
      </c>
      <c r="E703" s="6">
        <v>828.32169999999996</v>
      </c>
    </row>
    <row r="704" spans="1:5" x14ac:dyDescent="0.25">
      <c r="A704" s="6">
        <v>930.5575</v>
      </c>
      <c r="B704" s="6">
        <v>2029.885</v>
      </c>
      <c r="D704" s="6">
        <v>455.19439999999997</v>
      </c>
      <c r="E704" s="6">
        <v>907.47550000000001</v>
      </c>
    </row>
    <row r="705" spans="1:5" x14ac:dyDescent="0.25">
      <c r="A705" s="6">
        <v>1430.4110000000001</v>
      </c>
      <c r="B705" s="6">
        <v>1680.806</v>
      </c>
      <c r="D705" s="6">
        <v>1019.996</v>
      </c>
      <c r="E705" s="6">
        <v>837.48599999999999</v>
      </c>
    </row>
    <row r="706" spans="1:5" x14ac:dyDescent="0.25">
      <c r="A706" s="6">
        <v>1028.02</v>
      </c>
      <c r="B706" s="6">
        <v>157.6438</v>
      </c>
      <c r="D706" s="6">
        <v>757.91539999999998</v>
      </c>
      <c r="E706" s="6">
        <v>981.4</v>
      </c>
    </row>
    <row r="707" spans="1:5" x14ac:dyDescent="0.25">
      <c r="A707" s="6">
        <v>797.33690000000001</v>
      </c>
      <c r="B707" s="6">
        <v>1489.624</v>
      </c>
      <c r="D707" s="6">
        <v>806.31140000000005</v>
      </c>
      <c r="E707" s="6">
        <v>5427.9570000000003</v>
      </c>
    </row>
    <row r="708" spans="1:5" x14ac:dyDescent="0.25">
      <c r="A708" s="6">
        <v>1594.53</v>
      </c>
      <c r="B708" s="6">
        <v>2715.3330000000001</v>
      </c>
      <c r="D708" s="6">
        <v>997.05240000000003</v>
      </c>
      <c r="E708" s="6">
        <v>7311.1940000000004</v>
      </c>
    </row>
    <row r="709" spans="1:5" x14ac:dyDescent="0.25">
      <c r="A709" s="6">
        <v>746.82</v>
      </c>
      <c r="B709" s="6">
        <v>1168.3389999999999</v>
      </c>
      <c r="D709" s="6">
        <v>3243.6</v>
      </c>
      <c r="E709" s="6">
        <v>674.80579999999998</v>
      </c>
    </row>
    <row r="710" spans="1:5" x14ac:dyDescent="0.25">
      <c r="A710" s="6">
        <v>1422.278</v>
      </c>
      <c r="B710" s="6">
        <v>3885.29</v>
      </c>
      <c r="D710" s="6">
        <v>1132.2719999999999</v>
      </c>
      <c r="E710" s="6">
        <v>688.07550000000003</v>
      </c>
    </row>
    <row r="711" spans="1:5" x14ac:dyDescent="0.25">
      <c r="A711" s="6">
        <v>1286.7560000000001</v>
      </c>
      <c r="B711" s="6">
        <v>1813.7760000000001</v>
      </c>
      <c r="D711" s="6">
        <v>9231.2639999999992</v>
      </c>
      <c r="E711" s="6">
        <v>1039.367</v>
      </c>
    </row>
    <row r="712" spans="1:5" x14ac:dyDescent="0.25">
      <c r="A712" s="6">
        <v>854.46690000000001</v>
      </c>
      <c r="B712" s="6">
        <v>1952.711</v>
      </c>
      <c r="D712" s="6">
        <v>655.59760000000006</v>
      </c>
      <c r="E712" s="6">
        <v>769.97119999999995</v>
      </c>
    </row>
    <row r="713" spans="1:5" x14ac:dyDescent="0.25">
      <c r="A713" s="6">
        <v>896.20259999999996</v>
      </c>
      <c r="B713" s="6">
        <v>2735.01</v>
      </c>
      <c r="D713" s="6">
        <v>915.52660000000003</v>
      </c>
      <c r="E713" s="6">
        <v>694.75890000000004</v>
      </c>
    </row>
    <row r="714" spans="1:5" x14ac:dyDescent="0.25">
      <c r="A714" s="6">
        <v>2562.7040000000002</v>
      </c>
      <c r="B714" s="6">
        <v>1908.201</v>
      </c>
      <c r="D714" s="6">
        <v>6513.2209999999995</v>
      </c>
      <c r="E714" s="6">
        <v>986.14160000000004</v>
      </c>
    </row>
    <row r="715" spans="1:5" x14ac:dyDescent="0.25">
      <c r="A715" s="6">
        <v>1131.0640000000001</v>
      </c>
      <c r="B715" s="6">
        <v>2571.3560000000002</v>
      </c>
      <c r="D715" s="6">
        <v>872.50199999999995</v>
      </c>
      <c r="E715" s="6">
        <v>831.02329999999995</v>
      </c>
    </row>
    <row r="716" spans="1:5" x14ac:dyDescent="0.25">
      <c r="A716" s="6">
        <v>758.98869999999999</v>
      </c>
      <c r="B716" s="6">
        <v>1623.0619999999999</v>
      </c>
      <c r="D716" s="6">
        <v>14508.38</v>
      </c>
      <c r="E716" s="6">
        <v>349</v>
      </c>
    </row>
    <row r="717" spans="1:5" x14ac:dyDescent="0.25">
      <c r="A717" s="6">
        <v>1428.202</v>
      </c>
      <c r="B717" s="6">
        <v>1785.691</v>
      </c>
      <c r="D717" s="6">
        <v>10069.42</v>
      </c>
      <c r="E717" s="6">
        <v>673.19119999999998</v>
      </c>
    </row>
    <row r="718" spans="1:5" x14ac:dyDescent="0.25">
      <c r="A718" s="6">
        <v>2653.4250000000002</v>
      </c>
      <c r="B718" s="6">
        <v>2507.2310000000002</v>
      </c>
      <c r="D718" s="6">
        <v>1060.0509999999999</v>
      </c>
      <c r="E718" s="6">
        <v>792.87059999999997</v>
      </c>
    </row>
    <row r="719" spans="1:5" x14ac:dyDescent="0.25">
      <c r="A719" s="6">
        <v>1477.3009999999999</v>
      </c>
      <c r="B719" s="6">
        <v>837.32629999999995</v>
      </c>
      <c r="D719" s="6">
        <v>751.27959999999996</v>
      </c>
      <c r="E719" s="6">
        <v>1423.5029999999999</v>
      </c>
    </row>
    <row r="720" spans="1:5" x14ac:dyDescent="0.25">
      <c r="A720" s="6">
        <v>633.14679999999998</v>
      </c>
      <c r="B720" s="6">
        <v>1321.425</v>
      </c>
      <c r="D720" s="6">
        <v>8913.7860000000001</v>
      </c>
      <c r="E720" s="6">
        <v>973.54250000000002</v>
      </c>
    </row>
    <row r="721" spans="1:5" x14ac:dyDescent="0.25">
      <c r="A721" s="6">
        <v>596.42510000000004</v>
      </c>
      <c r="B721" s="6">
        <v>1005.8579999999999</v>
      </c>
      <c r="D721" s="6">
        <v>1295.1769999999999</v>
      </c>
      <c r="E721" s="6">
        <v>894.58759999999995</v>
      </c>
    </row>
    <row r="722" spans="1:5" x14ac:dyDescent="0.25">
      <c r="A722" s="6">
        <v>2042.8810000000001</v>
      </c>
      <c r="B722" s="6">
        <v>2005.7729999999999</v>
      </c>
      <c r="D722" s="6">
        <v>5062.7749999999996</v>
      </c>
      <c r="E722" s="6">
        <v>3187.0920000000001</v>
      </c>
    </row>
    <row r="723" spans="1:5" x14ac:dyDescent="0.25">
      <c r="A723" s="6">
        <v>1077.912</v>
      </c>
      <c r="B723" s="6">
        <v>2038.7829999999999</v>
      </c>
      <c r="D723" s="6">
        <v>7670.3370000000004</v>
      </c>
      <c r="E723" s="6">
        <v>1100.653</v>
      </c>
    </row>
    <row r="724" spans="1:5" x14ac:dyDescent="0.25">
      <c r="A724" s="6">
        <v>1454.873</v>
      </c>
      <c r="B724" s="6">
        <v>1019.954</v>
      </c>
      <c r="D724" s="6">
        <v>878.48950000000002</v>
      </c>
      <c r="E724" s="6">
        <v>880.63530000000003</v>
      </c>
    </row>
    <row r="725" spans="1:5" x14ac:dyDescent="0.25">
      <c r="A725" s="6">
        <v>680.65430000000003</v>
      </c>
      <c r="B725" s="6">
        <v>891.97709999999995</v>
      </c>
      <c r="D725" s="6">
        <v>6211.2259999999997</v>
      </c>
      <c r="E725" s="6">
        <v>640.5874</v>
      </c>
    </row>
    <row r="726" spans="1:5" x14ac:dyDescent="0.25">
      <c r="A726" s="6">
        <v>1957.816</v>
      </c>
      <c r="B726" s="6">
        <v>1983.415</v>
      </c>
      <c r="D726" s="6">
        <v>8070.6620000000003</v>
      </c>
      <c r="E726" s="6">
        <v>878.93460000000005</v>
      </c>
    </row>
    <row r="727" spans="1:5" x14ac:dyDescent="0.25">
      <c r="A727" s="6">
        <v>1300.5740000000001</v>
      </c>
      <c r="B727" s="6">
        <v>1603.373</v>
      </c>
      <c r="D727" s="6">
        <v>1047.759</v>
      </c>
      <c r="E727" s="6">
        <v>960.59709999999995</v>
      </c>
    </row>
    <row r="728" spans="1:5" x14ac:dyDescent="0.25">
      <c r="A728" s="6">
        <v>1012.276</v>
      </c>
      <c r="B728" s="6">
        <v>883.51009999999997</v>
      </c>
      <c r="D728" s="6">
        <v>803</v>
      </c>
      <c r="E728" s="6">
        <v>1021.679</v>
      </c>
    </row>
    <row r="729" spans="1:5" x14ac:dyDescent="0.25">
      <c r="A729" s="6">
        <v>425.25</v>
      </c>
      <c r="B729" s="6">
        <v>2291.7150000000001</v>
      </c>
      <c r="D729" s="6">
        <v>1132.2860000000001</v>
      </c>
      <c r="E729" s="6">
        <v>926.22730000000001</v>
      </c>
    </row>
    <row r="730" spans="1:5" x14ac:dyDescent="0.25">
      <c r="A730" s="6">
        <v>1027.2750000000001</v>
      </c>
      <c r="B730" s="6">
        <v>1829.7090000000001</v>
      </c>
      <c r="D730" s="6">
        <v>2842.2730000000001</v>
      </c>
      <c r="E730" s="6">
        <v>780.25279999999998</v>
      </c>
    </row>
    <row r="731" spans="1:5" x14ac:dyDescent="0.25">
      <c r="A731" s="6">
        <v>984.0616</v>
      </c>
      <c r="B731" s="6">
        <v>2733.759</v>
      </c>
      <c r="D731" s="6">
        <v>781.33330000000001</v>
      </c>
      <c r="E731" s="6">
        <v>1125.5319999999999</v>
      </c>
    </row>
    <row r="732" spans="1:5" x14ac:dyDescent="0.25">
      <c r="A732" s="6">
        <v>628.28099999999995</v>
      </c>
      <c r="B732" s="6">
        <v>2997.011</v>
      </c>
      <c r="D732" s="6">
        <v>736.78089999999997</v>
      </c>
      <c r="E732" s="6">
        <v>791</v>
      </c>
    </row>
    <row r="733" spans="1:5" x14ac:dyDescent="0.25">
      <c r="A733" s="6">
        <v>912.33199999999999</v>
      </c>
      <c r="B733" s="6">
        <v>2576.373</v>
      </c>
      <c r="D733" s="6">
        <v>347.6</v>
      </c>
      <c r="E733" s="6">
        <v>763.69830000000002</v>
      </c>
    </row>
    <row r="734" spans="1:5" x14ac:dyDescent="0.25">
      <c r="A734" s="6">
        <v>1587.3520000000001</v>
      </c>
      <c r="B734" s="6">
        <v>2731.2260000000001</v>
      </c>
      <c r="D734" s="6">
        <v>604.60699999999997</v>
      </c>
      <c r="E734" s="6">
        <v>695.70090000000005</v>
      </c>
    </row>
    <row r="735" spans="1:5" x14ac:dyDescent="0.25">
      <c r="A735" s="6">
        <v>973.59410000000003</v>
      </c>
      <c r="B735" s="6">
        <v>2971.337</v>
      </c>
      <c r="D735" s="6">
        <v>938.59849999999994</v>
      </c>
      <c r="E735" s="6">
        <v>1026.2840000000001</v>
      </c>
    </row>
    <row r="736" spans="1:5" x14ac:dyDescent="0.25">
      <c r="A736" s="6">
        <v>3537.2060000000001</v>
      </c>
      <c r="B736" s="6">
        <v>2662.1239999999998</v>
      </c>
      <c r="D736" s="6">
        <v>723.85119999999995</v>
      </c>
      <c r="E736" s="6">
        <v>703.03279999999995</v>
      </c>
    </row>
    <row r="737" spans="1:5" x14ac:dyDescent="0.25">
      <c r="A737" s="6">
        <v>1117.5429999999999</v>
      </c>
      <c r="B737" s="6">
        <v>1917.0550000000001</v>
      </c>
      <c r="D737" s="6">
        <v>982.34529999999995</v>
      </c>
      <c r="E737" s="6">
        <v>690.26070000000004</v>
      </c>
    </row>
    <row r="738" spans="1:5" x14ac:dyDescent="0.25">
      <c r="A738" s="6">
        <v>865.53049999999996</v>
      </c>
      <c r="B738" s="6">
        <v>1642.6949999999999</v>
      </c>
      <c r="D738" s="6">
        <v>935.84699999999998</v>
      </c>
      <c r="E738" s="6">
        <v>1020.226</v>
      </c>
    </row>
    <row r="739" spans="1:5" x14ac:dyDescent="0.25">
      <c r="A739" s="6">
        <v>680.85069999999996</v>
      </c>
      <c r="B739" s="6">
        <v>1211.4770000000001</v>
      </c>
      <c r="D739" s="6">
        <v>4385.2759999999998</v>
      </c>
      <c r="E739" s="6">
        <v>967.7441</v>
      </c>
    </row>
    <row r="740" spans="1:5" x14ac:dyDescent="0.25">
      <c r="A740" s="6">
        <v>1047.231</v>
      </c>
      <c r="B740" s="6">
        <v>1488.145</v>
      </c>
      <c r="D740" s="6">
        <v>647.13530000000003</v>
      </c>
      <c r="E740" s="6">
        <v>12384.08</v>
      </c>
    </row>
    <row r="741" spans="1:5" x14ac:dyDescent="0.25">
      <c r="A741" s="6">
        <v>1495.8810000000001</v>
      </c>
      <c r="B741" s="6">
        <v>2734.5160000000001</v>
      </c>
      <c r="D741" s="6">
        <v>670.77409999999998</v>
      </c>
      <c r="E741" s="6">
        <v>793.2047</v>
      </c>
    </row>
    <row r="742" spans="1:5" x14ac:dyDescent="0.25">
      <c r="A742" s="6">
        <v>1311.376</v>
      </c>
      <c r="B742" s="6">
        <v>1734.44</v>
      </c>
      <c r="D742" s="6">
        <v>721.77779999999996</v>
      </c>
      <c r="E742" s="6">
        <v>633.33330000000001</v>
      </c>
    </row>
    <row r="743" spans="1:5" x14ac:dyDescent="0.25">
      <c r="A743" s="6">
        <v>1060.9000000000001</v>
      </c>
      <c r="B743" s="6">
        <v>1563.499</v>
      </c>
      <c r="D743" s="6">
        <v>767.45749999999998</v>
      </c>
      <c r="E743" s="6">
        <v>1492.4639999999999</v>
      </c>
    </row>
    <row r="744" spans="1:5" x14ac:dyDescent="0.25">
      <c r="A744" s="6">
        <v>2149.7220000000002</v>
      </c>
      <c r="B744" s="6">
        <v>1393.771</v>
      </c>
      <c r="D744" s="6">
        <v>1010.446</v>
      </c>
      <c r="E744" s="6">
        <v>712.20989999999995</v>
      </c>
    </row>
    <row r="745" spans="1:5" x14ac:dyDescent="0.25">
      <c r="A745" s="6">
        <v>1054.4690000000001</v>
      </c>
      <c r="B745" s="6">
        <v>2112.5680000000002</v>
      </c>
      <c r="D745" s="6">
        <v>1900</v>
      </c>
      <c r="E745" s="6">
        <v>830.68740000000003</v>
      </c>
    </row>
    <row r="746" spans="1:5" x14ac:dyDescent="0.25">
      <c r="A746" s="6">
        <v>648.79970000000003</v>
      </c>
      <c r="B746" s="6">
        <v>1441.7760000000001</v>
      </c>
      <c r="D746" s="6">
        <v>2258.2689999999998</v>
      </c>
      <c r="E746" s="6">
        <v>5008</v>
      </c>
    </row>
    <row r="747" spans="1:5" x14ac:dyDescent="0.25">
      <c r="A747" s="6">
        <v>2498.0279999999998</v>
      </c>
      <c r="B747" s="6">
        <v>2827.4059999999999</v>
      </c>
      <c r="D747" s="6">
        <v>422.68759999999997</v>
      </c>
      <c r="E747" s="6">
        <v>888.33759999999995</v>
      </c>
    </row>
    <row r="748" spans="1:5" x14ac:dyDescent="0.25">
      <c r="A748" s="6">
        <v>932.47569999999996</v>
      </c>
      <c r="B748" s="6">
        <v>3911.3969999999999</v>
      </c>
      <c r="D748" s="6">
        <v>786.27070000000003</v>
      </c>
      <c r="E748" s="6">
        <v>906.16420000000005</v>
      </c>
    </row>
    <row r="749" spans="1:5" x14ac:dyDescent="0.25">
      <c r="A749" s="6">
        <v>1305.5</v>
      </c>
      <c r="B749" s="6">
        <v>4096.28</v>
      </c>
      <c r="D749" s="6">
        <v>897.73329999999999</v>
      </c>
      <c r="E749" s="6">
        <v>1015.758</v>
      </c>
    </row>
    <row r="750" spans="1:5" x14ac:dyDescent="0.25">
      <c r="A750" s="6">
        <v>487.375</v>
      </c>
      <c r="B750" s="6">
        <v>2228.0140000000001</v>
      </c>
      <c r="D750" s="6">
        <v>5101.893</v>
      </c>
      <c r="E750" s="6">
        <v>899.24360000000001</v>
      </c>
    </row>
    <row r="751" spans="1:5" x14ac:dyDescent="0.25">
      <c r="A751" s="6">
        <v>791.96590000000003</v>
      </c>
      <c r="B751" s="6">
        <v>1766.539</v>
      </c>
      <c r="D751" s="6">
        <v>2495.703</v>
      </c>
      <c r="E751" s="6">
        <v>710.36080000000004</v>
      </c>
    </row>
    <row r="752" spans="1:5" x14ac:dyDescent="0.25">
      <c r="A752" s="6">
        <v>137.6721</v>
      </c>
      <c r="B752" s="6">
        <v>1305.3800000000001</v>
      </c>
      <c r="D752" s="6">
        <v>757.58820000000003</v>
      </c>
      <c r="E752" s="6">
        <v>1128.7360000000001</v>
      </c>
    </row>
    <row r="753" spans="1:5" x14ac:dyDescent="0.25">
      <c r="A753" s="6">
        <v>969.20510000000002</v>
      </c>
      <c r="B753" s="6">
        <v>1191.846</v>
      </c>
      <c r="D753" s="6">
        <v>706.73749999999995</v>
      </c>
      <c r="E753" s="6">
        <v>746.4</v>
      </c>
    </row>
    <row r="754" spans="1:5" x14ac:dyDescent="0.25">
      <c r="A754" s="6">
        <v>923.16359999999997</v>
      </c>
      <c r="B754" s="6">
        <v>1406.7190000000001</v>
      </c>
      <c r="D754" s="6">
        <v>6935.92</v>
      </c>
      <c r="E754" s="6">
        <v>1236.5050000000001</v>
      </c>
    </row>
    <row r="755" spans="1:5" x14ac:dyDescent="0.25">
      <c r="A755" s="6">
        <v>3986.0349999999999</v>
      </c>
      <c r="B755" s="6">
        <v>1344.384</v>
      </c>
      <c r="D755" s="6">
        <v>757.35820000000001</v>
      </c>
      <c r="E755" s="6">
        <v>751.38289999999995</v>
      </c>
    </row>
    <row r="756" spans="1:5" x14ac:dyDescent="0.25">
      <c r="A756" s="6">
        <v>1262.6089999999999</v>
      </c>
      <c r="B756" s="6">
        <v>1278.838</v>
      </c>
      <c r="D756" s="6">
        <v>796.17729999999995</v>
      </c>
      <c r="E756" s="6">
        <v>920.16629999999998</v>
      </c>
    </row>
    <row r="757" spans="1:5" x14ac:dyDescent="0.25">
      <c r="A757" s="6">
        <v>1281.2809999999999</v>
      </c>
      <c r="B757" s="6">
        <v>1381.672</v>
      </c>
      <c r="D757" s="6">
        <v>4885.63</v>
      </c>
      <c r="E757" s="6">
        <v>589.68359999999996</v>
      </c>
    </row>
    <row r="758" spans="1:5" x14ac:dyDescent="0.25">
      <c r="A758" s="6">
        <v>621.72749999999996</v>
      </c>
      <c r="B758" s="6">
        <v>1177.771</v>
      </c>
      <c r="D758" s="6">
        <v>11731</v>
      </c>
      <c r="E758" s="6">
        <v>860.25250000000005</v>
      </c>
    </row>
    <row r="759" spans="1:5" x14ac:dyDescent="0.25">
      <c r="A759" s="6">
        <v>1233.819</v>
      </c>
      <c r="B759" s="6">
        <v>2013.683</v>
      </c>
      <c r="D759" s="6">
        <v>1238.9059999999999</v>
      </c>
      <c r="E759" s="6">
        <v>810.40710000000001</v>
      </c>
    </row>
    <row r="760" spans="1:5" x14ac:dyDescent="0.25">
      <c r="A760" s="6">
        <v>1299.7090000000001</v>
      </c>
      <c r="B760" s="6">
        <v>1857.8</v>
      </c>
      <c r="D760" s="6">
        <v>2068.634</v>
      </c>
      <c r="E760" s="6">
        <v>473.27370000000002</v>
      </c>
    </row>
    <row r="761" spans="1:5" x14ac:dyDescent="0.25">
      <c r="A761" s="6">
        <v>1679.519</v>
      </c>
      <c r="B761" s="6">
        <v>2015.329</v>
      </c>
      <c r="D761" s="6">
        <v>780.16809999999998</v>
      </c>
      <c r="E761" s="6">
        <v>1002.056</v>
      </c>
    </row>
    <row r="762" spans="1:5" x14ac:dyDescent="0.25">
      <c r="A762" s="6">
        <v>1034.2809999999999</v>
      </c>
      <c r="B762" s="6">
        <v>1210.0429999999999</v>
      </c>
      <c r="D762" s="6">
        <v>6924.45</v>
      </c>
      <c r="E762" s="6">
        <v>1095.25</v>
      </c>
    </row>
    <row r="763" spans="1:5" x14ac:dyDescent="0.25">
      <c r="A763" s="6">
        <v>729</v>
      </c>
      <c r="B763" s="6">
        <v>1207.972</v>
      </c>
      <c r="D763" s="6">
        <v>597.90909999999997</v>
      </c>
      <c r="E763" s="6">
        <v>983.87950000000001</v>
      </c>
    </row>
    <row r="764" spans="1:5" x14ac:dyDescent="0.25">
      <c r="A764" s="6">
        <v>837.08619999999996</v>
      </c>
      <c r="B764" s="6">
        <v>993.62220000000002</v>
      </c>
      <c r="D764" s="6">
        <v>1535.1279999999999</v>
      </c>
      <c r="E764" s="6">
        <v>1002.135</v>
      </c>
    </row>
    <row r="765" spans="1:5" x14ac:dyDescent="0.25">
      <c r="A765" s="6">
        <v>1112.7360000000001</v>
      </c>
      <c r="B765" s="6">
        <v>2363.5749999999998</v>
      </c>
      <c r="D765" s="6">
        <v>679.97469999999998</v>
      </c>
      <c r="E765" s="6">
        <v>7643.3329999999996</v>
      </c>
    </row>
    <row r="766" spans="1:5" x14ac:dyDescent="0.25">
      <c r="A766" s="6">
        <v>226.83330000000001</v>
      </c>
      <c r="B766" s="6">
        <v>1349.82</v>
      </c>
      <c r="D766" s="6">
        <v>970.85400000000004</v>
      </c>
      <c r="E766" s="6">
        <v>886.98810000000003</v>
      </c>
    </row>
    <row r="767" spans="1:5" x14ac:dyDescent="0.25">
      <c r="A767" s="6">
        <v>1385.8330000000001</v>
      </c>
      <c r="B767" s="6">
        <v>935.02560000000005</v>
      </c>
      <c r="D767" s="6">
        <v>5260.9409999999998</v>
      </c>
      <c r="E767" s="6">
        <v>871.98</v>
      </c>
    </row>
    <row r="768" spans="1:5" x14ac:dyDescent="0.25">
      <c r="A768" s="6">
        <v>1522.097</v>
      </c>
      <c r="B768" s="6">
        <v>1144.739</v>
      </c>
      <c r="D768" s="6">
        <v>9436.8819999999996</v>
      </c>
      <c r="E768" s="6">
        <v>682.40909999999997</v>
      </c>
    </row>
    <row r="769" spans="1:5" x14ac:dyDescent="0.25">
      <c r="A769" s="6">
        <v>1369.702</v>
      </c>
      <c r="B769" s="6">
        <v>1717.021</v>
      </c>
      <c r="D769" s="6">
        <v>6777.665</v>
      </c>
      <c r="E769" s="6">
        <v>1028.328</v>
      </c>
    </row>
    <row r="770" spans="1:5" x14ac:dyDescent="0.25">
      <c r="A770" s="6">
        <v>1675.65</v>
      </c>
      <c r="B770" s="6">
        <v>1150.357</v>
      </c>
      <c r="D770" s="6">
        <v>1635.3579999999999</v>
      </c>
      <c r="E770" s="6">
        <v>789.14790000000005</v>
      </c>
    </row>
    <row r="771" spans="1:5" x14ac:dyDescent="0.25">
      <c r="A771" s="6">
        <v>1206.549</v>
      </c>
      <c r="B771" s="6">
        <v>1698.9259999999999</v>
      </c>
      <c r="D771" s="6">
        <v>9747.0859999999993</v>
      </c>
      <c r="E771" s="6">
        <v>822.85220000000004</v>
      </c>
    </row>
    <row r="772" spans="1:5" x14ac:dyDescent="0.25">
      <c r="A772" s="6">
        <v>1513.5609999999999</v>
      </c>
      <c r="B772" s="6">
        <v>1363.49</v>
      </c>
      <c r="D772" s="6">
        <v>808.43650000000002</v>
      </c>
      <c r="E772" s="6">
        <v>844.73429999999996</v>
      </c>
    </row>
    <row r="773" spans="1:5" x14ac:dyDescent="0.25">
      <c r="A773" s="6">
        <v>2234.8919999999998</v>
      </c>
      <c r="B773" s="6">
        <v>2999.1689999999999</v>
      </c>
      <c r="D773" s="6">
        <v>9611.1630000000005</v>
      </c>
      <c r="E773" s="6">
        <v>1107.9690000000001</v>
      </c>
    </row>
    <row r="774" spans="1:5" x14ac:dyDescent="0.25">
      <c r="A774" s="6">
        <v>1391.8009999999999</v>
      </c>
      <c r="B774" s="6">
        <v>2365.5790000000002</v>
      </c>
      <c r="D774" s="6">
        <v>923.54660000000001</v>
      </c>
      <c r="E774" s="6">
        <v>1005.011</v>
      </c>
    </row>
    <row r="775" spans="1:5" x14ac:dyDescent="0.25">
      <c r="A775" s="6">
        <v>1140.8109999999999</v>
      </c>
      <c r="B775" s="6">
        <v>2077.1930000000002</v>
      </c>
      <c r="D775" s="6">
        <v>7688.3789999999999</v>
      </c>
      <c r="E775" s="6">
        <v>1098.1600000000001</v>
      </c>
    </row>
    <row r="776" spans="1:5" x14ac:dyDescent="0.25">
      <c r="A776" s="6">
        <v>2098.0419999999999</v>
      </c>
      <c r="B776" s="6">
        <v>1172.43</v>
      </c>
      <c r="D776" s="6">
        <v>6170.7579999999998</v>
      </c>
      <c r="E776" s="6">
        <v>3676.759</v>
      </c>
    </row>
    <row r="777" spans="1:5" x14ac:dyDescent="0.25">
      <c r="A777" s="6">
        <v>1356.213</v>
      </c>
      <c r="B777" s="6">
        <v>2896.8180000000002</v>
      </c>
      <c r="D777" s="6">
        <v>486.63630000000001</v>
      </c>
      <c r="E777" s="6">
        <v>659.41570000000002</v>
      </c>
    </row>
    <row r="778" spans="1:5" x14ac:dyDescent="0.25">
      <c r="A778" s="6">
        <v>1463.9469999999999</v>
      </c>
      <c r="B778" s="6">
        <v>1185.057</v>
      </c>
      <c r="D778" s="6">
        <v>6854.549</v>
      </c>
      <c r="E778" s="6">
        <v>1010.218</v>
      </c>
    </row>
    <row r="779" spans="1:5" x14ac:dyDescent="0.25">
      <c r="A779" s="6">
        <v>1110.0050000000001</v>
      </c>
      <c r="B779" s="6">
        <v>980.85900000000004</v>
      </c>
      <c r="D779" s="6">
        <v>1382.6179999999999</v>
      </c>
      <c r="E779" s="6">
        <v>1835.318</v>
      </c>
    </row>
    <row r="780" spans="1:5" x14ac:dyDescent="0.25">
      <c r="A780" s="6">
        <v>1896.461</v>
      </c>
      <c r="B780" s="6">
        <v>887.6499</v>
      </c>
      <c r="D780" s="6">
        <v>674.53660000000002</v>
      </c>
      <c r="E780" s="6">
        <v>1119.011</v>
      </c>
    </row>
    <row r="781" spans="1:5" x14ac:dyDescent="0.25">
      <c r="A781" s="6">
        <v>2518.8609999999999</v>
      </c>
      <c r="B781" s="6">
        <v>617.17949999999996</v>
      </c>
      <c r="D781" s="6">
        <v>1214.528</v>
      </c>
      <c r="E781" s="6">
        <v>741.23500000000001</v>
      </c>
    </row>
    <row r="782" spans="1:5" x14ac:dyDescent="0.25">
      <c r="A782" s="6">
        <v>1485.8630000000001</v>
      </c>
      <c r="B782" s="6">
        <v>1088.5609999999999</v>
      </c>
      <c r="D782" s="6">
        <v>6549.5739999999996</v>
      </c>
      <c r="E782" s="6">
        <v>655.23530000000005</v>
      </c>
    </row>
    <row r="783" spans="1:5" x14ac:dyDescent="0.25">
      <c r="A783" s="6">
        <v>1609.2570000000001</v>
      </c>
      <c r="B783" s="6">
        <v>1201.8050000000001</v>
      </c>
      <c r="D783" s="6">
        <v>1373.8430000000001</v>
      </c>
      <c r="E783" s="6">
        <v>997.67529999999999</v>
      </c>
    </row>
    <row r="784" spans="1:5" x14ac:dyDescent="0.25">
      <c r="A784" s="6">
        <v>1666.3140000000001</v>
      </c>
      <c r="B784" s="6">
        <v>1321.3340000000001</v>
      </c>
      <c r="D784" s="6">
        <v>715.60640000000001</v>
      </c>
      <c r="E784" s="6">
        <v>1039.828</v>
      </c>
    </row>
    <row r="785" spans="1:5" x14ac:dyDescent="0.25">
      <c r="A785" s="6">
        <v>2305.7440000000001</v>
      </c>
      <c r="B785" s="6">
        <v>4754.0439999999999</v>
      </c>
      <c r="D785" s="6">
        <v>494</v>
      </c>
      <c r="E785" s="6">
        <v>883.39729999999997</v>
      </c>
    </row>
    <row r="786" spans="1:5" x14ac:dyDescent="0.25">
      <c r="A786" s="6">
        <v>161.05340000000001</v>
      </c>
      <c r="B786" s="6">
        <v>4216.8410000000003</v>
      </c>
      <c r="D786" s="6">
        <v>770.2441</v>
      </c>
      <c r="E786" s="6">
        <v>392.55959999999999</v>
      </c>
    </row>
    <row r="787" spans="1:5" x14ac:dyDescent="0.25">
      <c r="A787" s="6">
        <v>1555.4549999999999</v>
      </c>
      <c r="B787" s="6">
        <v>1298.0150000000001</v>
      </c>
      <c r="D787" s="6">
        <v>12871.27</v>
      </c>
      <c r="E787" s="6">
        <v>5731</v>
      </c>
    </row>
    <row r="788" spans="1:5" x14ac:dyDescent="0.25">
      <c r="A788" s="6">
        <v>1461.758</v>
      </c>
      <c r="B788" s="6">
        <v>1836.5119999999999</v>
      </c>
      <c r="D788" s="6">
        <v>1053.905</v>
      </c>
      <c r="E788" s="6">
        <v>691.96280000000002</v>
      </c>
    </row>
    <row r="789" spans="1:5" x14ac:dyDescent="0.25">
      <c r="A789" s="6">
        <v>2104.2869999999998</v>
      </c>
      <c r="B789" s="6">
        <v>1056.5329999999999</v>
      </c>
      <c r="D789" s="6">
        <v>892.57920000000001</v>
      </c>
      <c r="E789" s="6">
        <v>692.50019999999995</v>
      </c>
    </row>
    <row r="790" spans="1:5" x14ac:dyDescent="0.25">
      <c r="A790" s="6">
        <v>1711.6469999999999</v>
      </c>
      <c r="B790" s="6">
        <v>949.40250000000003</v>
      </c>
      <c r="D790" s="6">
        <v>693.58569999999997</v>
      </c>
      <c r="E790" s="6">
        <v>727.39589999999998</v>
      </c>
    </row>
    <row r="791" spans="1:5" x14ac:dyDescent="0.25">
      <c r="A791" s="6">
        <v>2416.9</v>
      </c>
      <c r="B791" s="6">
        <v>6832.32</v>
      </c>
      <c r="D791" s="6">
        <v>967.35640000000001</v>
      </c>
      <c r="E791" s="6">
        <v>925.1961</v>
      </c>
    </row>
    <row r="792" spans="1:5" x14ac:dyDescent="0.25">
      <c r="A792" s="6">
        <v>2100.471</v>
      </c>
      <c r="B792" s="6">
        <v>1704.883</v>
      </c>
      <c r="D792" s="6">
        <v>989.88</v>
      </c>
      <c r="E792" s="6">
        <v>1005.039</v>
      </c>
    </row>
    <row r="793" spans="1:5" x14ac:dyDescent="0.25">
      <c r="A793" s="6">
        <v>1585.934</v>
      </c>
      <c r="B793" s="6">
        <v>4412.9350000000004</v>
      </c>
      <c r="D793" s="6">
        <v>9012.2870000000003</v>
      </c>
      <c r="E793" s="6">
        <v>1021.351</v>
      </c>
    </row>
    <row r="794" spans="1:5" x14ac:dyDescent="0.25">
      <c r="A794" s="6">
        <v>1165.6579999999999</v>
      </c>
      <c r="B794" s="6">
        <v>1090.3140000000001</v>
      </c>
      <c r="D794" s="6">
        <v>1036.463</v>
      </c>
      <c r="E794" s="6">
        <v>793.85149999999999</v>
      </c>
    </row>
    <row r="795" spans="1:5" x14ac:dyDescent="0.25">
      <c r="A795" s="6">
        <v>1464.31</v>
      </c>
      <c r="B795" s="6">
        <v>2274.7570000000001</v>
      </c>
      <c r="D795" s="6">
        <v>9175.5480000000007</v>
      </c>
      <c r="E795" s="6">
        <v>1070.732</v>
      </c>
    </row>
    <row r="796" spans="1:5" x14ac:dyDescent="0.25">
      <c r="A796" s="6">
        <v>2238.694</v>
      </c>
      <c r="B796" s="6">
        <v>1667.0150000000001</v>
      </c>
      <c r="D796" s="6">
        <v>764.29809999999998</v>
      </c>
      <c r="E796" s="6">
        <v>1145.135</v>
      </c>
    </row>
    <row r="797" spans="1:5" x14ac:dyDescent="0.25">
      <c r="A797" s="6">
        <v>1665.6790000000001</v>
      </c>
      <c r="B797" s="6">
        <v>703.23130000000003</v>
      </c>
      <c r="D797" s="6">
        <v>11562.2</v>
      </c>
      <c r="E797" s="6">
        <v>876.94730000000004</v>
      </c>
    </row>
    <row r="798" spans="1:5" x14ac:dyDescent="0.25">
      <c r="A798" s="6">
        <v>1289.5940000000001</v>
      </c>
      <c r="B798" s="6">
        <v>861.20749999999998</v>
      </c>
      <c r="D798" s="6">
        <v>899.21969999999999</v>
      </c>
      <c r="E798" s="6">
        <v>1866.316</v>
      </c>
    </row>
    <row r="799" spans="1:5" x14ac:dyDescent="0.25">
      <c r="A799" s="6">
        <v>2379.268</v>
      </c>
      <c r="B799" s="6">
        <v>1252.704</v>
      </c>
      <c r="D799" s="6">
        <v>860.12059999999997</v>
      </c>
      <c r="E799" s="6">
        <v>1694.0609999999999</v>
      </c>
    </row>
    <row r="800" spans="1:5" x14ac:dyDescent="0.25">
      <c r="A800" s="6">
        <v>1190.5440000000001</v>
      </c>
      <c r="B800" s="6">
        <v>1634.3230000000001</v>
      </c>
      <c r="D800" s="6">
        <v>465.13240000000002</v>
      </c>
      <c r="E800" s="6">
        <v>857.96799999999996</v>
      </c>
    </row>
    <row r="801" spans="1:5" x14ac:dyDescent="0.25">
      <c r="A801" s="6">
        <v>1781.808</v>
      </c>
      <c r="B801" s="6">
        <v>4929.7749999999996</v>
      </c>
      <c r="D801" s="6">
        <v>1823.653</v>
      </c>
      <c r="E801" s="6">
        <v>710.54970000000003</v>
      </c>
    </row>
    <row r="802" spans="1:5" x14ac:dyDescent="0.25">
      <c r="A802" s="6">
        <v>1935.3140000000001</v>
      </c>
      <c r="B802" s="6">
        <v>1613.498</v>
      </c>
      <c r="D802" s="6">
        <v>1280.5340000000001</v>
      </c>
      <c r="E802" s="6">
        <v>893.70339999999999</v>
      </c>
    </row>
    <row r="803" spans="1:5" x14ac:dyDescent="0.25">
      <c r="A803" s="6">
        <v>851.68769999999995</v>
      </c>
      <c r="B803" s="6">
        <v>1238.0129999999999</v>
      </c>
      <c r="D803" s="6">
        <v>1164.328</v>
      </c>
      <c r="E803" s="6">
        <v>802.8759</v>
      </c>
    </row>
    <row r="804" spans="1:5" x14ac:dyDescent="0.25">
      <c r="A804" s="6">
        <v>1407.171</v>
      </c>
      <c r="B804" s="6">
        <v>1787.788</v>
      </c>
      <c r="D804" s="6">
        <v>904.55259999999998</v>
      </c>
      <c r="E804" s="6">
        <v>813.53959999999995</v>
      </c>
    </row>
    <row r="805" spans="1:5" x14ac:dyDescent="0.25">
      <c r="A805" s="6">
        <v>1399.644</v>
      </c>
      <c r="B805" s="6">
        <v>1775.68</v>
      </c>
      <c r="D805" s="6">
        <v>902.02930000000003</v>
      </c>
      <c r="E805" s="6">
        <v>545.11720000000003</v>
      </c>
    </row>
    <row r="806" spans="1:5" x14ac:dyDescent="0.25">
      <c r="A806" s="6">
        <v>1896.7919999999999</v>
      </c>
      <c r="B806" s="6">
        <v>895.7971</v>
      </c>
      <c r="D806" s="6">
        <v>746.17939999999999</v>
      </c>
      <c r="E806" s="6">
        <v>1768.204</v>
      </c>
    </row>
    <row r="807" spans="1:5" x14ac:dyDescent="0.25">
      <c r="A807" s="6">
        <v>1975.7360000000001</v>
      </c>
      <c r="B807" s="6">
        <v>1132.3720000000001</v>
      </c>
      <c r="D807" s="6">
        <v>822.8202</v>
      </c>
      <c r="E807" s="6">
        <v>762.37620000000004</v>
      </c>
    </row>
    <row r="808" spans="1:5" x14ac:dyDescent="0.25">
      <c r="A808" s="6">
        <v>958.55640000000005</v>
      </c>
      <c r="B808" s="6">
        <v>1057.6769999999999</v>
      </c>
      <c r="D808" s="6">
        <v>9117.15</v>
      </c>
      <c r="E808" s="6">
        <v>703.11789999999996</v>
      </c>
    </row>
    <row r="809" spans="1:5" x14ac:dyDescent="0.25">
      <c r="A809" s="6">
        <v>2028.12</v>
      </c>
      <c r="B809" s="6">
        <v>4993.59</v>
      </c>
      <c r="D809" s="6">
        <v>11516.15</v>
      </c>
      <c r="E809" s="6">
        <v>699.01400000000001</v>
      </c>
    </row>
    <row r="810" spans="1:5" x14ac:dyDescent="0.25">
      <c r="A810" s="6">
        <v>1018.177</v>
      </c>
      <c r="B810" s="6">
        <v>7896.72</v>
      </c>
      <c r="D810" s="6">
        <v>1049.4459999999999</v>
      </c>
      <c r="E810" s="6">
        <v>766.70429999999999</v>
      </c>
    </row>
    <row r="811" spans="1:5" x14ac:dyDescent="0.25">
      <c r="A811" s="6">
        <v>1046.0989999999999</v>
      </c>
      <c r="B811" s="6">
        <v>2407.0970000000002</v>
      </c>
      <c r="D811" s="6">
        <v>11561.23</v>
      </c>
      <c r="E811" s="6">
        <v>1089.117</v>
      </c>
    </row>
    <row r="812" spans="1:5" x14ac:dyDescent="0.25">
      <c r="A812" s="6">
        <v>1340.02</v>
      </c>
      <c r="B812" s="6">
        <v>155.6345</v>
      </c>
      <c r="D812" s="6">
        <v>682.00800000000004</v>
      </c>
      <c r="E812" s="6">
        <v>917.524</v>
      </c>
    </row>
    <row r="813" spans="1:5" x14ac:dyDescent="0.25">
      <c r="A813" s="6">
        <v>2223.02</v>
      </c>
      <c r="B813" s="6">
        <v>1136.375</v>
      </c>
      <c r="D813" s="6">
        <v>708.30510000000004</v>
      </c>
      <c r="E813" s="6">
        <v>937.08870000000002</v>
      </c>
    </row>
    <row r="814" spans="1:5" x14ac:dyDescent="0.25">
      <c r="A814" s="6">
        <v>1135.7750000000001</v>
      </c>
      <c r="B814" s="6">
        <v>1351.8810000000001</v>
      </c>
      <c r="D814" s="6">
        <v>1016.381</v>
      </c>
      <c r="E814" s="6">
        <v>556.46429999999998</v>
      </c>
    </row>
    <row r="815" spans="1:5" x14ac:dyDescent="0.25">
      <c r="A815" s="6">
        <v>1476.75</v>
      </c>
      <c r="B815" s="6">
        <v>1402.902</v>
      </c>
      <c r="D815" s="6">
        <v>3978.9389999999999</v>
      </c>
      <c r="E815" s="6">
        <v>783.94449999999995</v>
      </c>
    </row>
    <row r="816" spans="1:5" x14ac:dyDescent="0.25">
      <c r="A816" s="6">
        <v>1093.3209999999999</v>
      </c>
      <c r="B816" s="6">
        <v>974.62519999999995</v>
      </c>
      <c r="D816" s="6">
        <v>828.65380000000005</v>
      </c>
      <c r="E816" s="6">
        <v>668.80200000000002</v>
      </c>
    </row>
    <row r="817" spans="1:5" x14ac:dyDescent="0.25">
      <c r="A817" s="6">
        <v>2325.2510000000002</v>
      </c>
      <c r="B817" s="6">
        <v>2133.1660000000002</v>
      </c>
      <c r="D817" s="6">
        <v>894.59739999999999</v>
      </c>
      <c r="E817" s="6">
        <v>643.47879999999998</v>
      </c>
    </row>
    <row r="818" spans="1:5" x14ac:dyDescent="0.25">
      <c r="A818" s="6">
        <v>1962.1890000000001</v>
      </c>
      <c r="B818" s="6">
        <v>6065.7759999999998</v>
      </c>
      <c r="D818" s="6">
        <v>1017.386</v>
      </c>
      <c r="E818" s="6">
        <v>867.88080000000002</v>
      </c>
    </row>
    <row r="819" spans="1:5" x14ac:dyDescent="0.25">
      <c r="A819" s="6">
        <v>1624.425</v>
      </c>
      <c r="B819" s="6">
        <v>1599.2460000000001</v>
      </c>
      <c r="D819" s="6">
        <v>724.84469999999999</v>
      </c>
      <c r="E819" s="6">
        <v>523.31610000000001</v>
      </c>
    </row>
    <row r="820" spans="1:5" x14ac:dyDescent="0.25">
      <c r="A820" s="6">
        <v>1156.8710000000001</v>
      </c>
      <c r="B820" s="6">
        <v>2448.67</v>
      </c>
      <c r="D820" s="6">
        <v>872.73929999999996</v>
      </c>
      <c r="E820" s="6">
        <v>1060.6410000000001</v>
      </c>
    </row>
    <row r="821" spans="1:5" x14ac:dyDescent="0.25">
      <c r="A821" s="6">
        <v>2116.4090000000001</v>
      </c>
      <c r="B821" s="6">
        <v>1854.5260000000001</v>
      </c>
      <c r="D821" s="6">
        <v>7843.7039999999997</v>
      </c>
      <c r="E821" s="6">
        <v>860.90880000000004</v>
      </c>
    </row>
    <row r="822" spans="1:5" x14ac:dyDescent="0.25">
      <c r="A822" s="6">
        <v>1757.578</v>
      </c>
      <c r="B822" s="6">
        <v>1903.8969999999999</v>
      </c>
      <c r="D822" s="6">
        <v>1043</v>
      </c>
      <c r="E822" s="6">
        <v>868.87890000000004</v>
      </c>
    </row>
    <row r="823" spans="1:5" x14ac:dyDescent="0.25">
      <c r="A823" s="6">
        <v>2028.213</v>
      </c>
      <c r="B823" s="6">
        <v>2408.0450000000001</v>
      </c>
      <c r="D823" s="6">
        <v>2787.5419999999999</v>
      </c>
      <c r="E823" s="6">
        <v>737.82799999999997</v>
      </c>
    </row>
    <row r="824" spans="1:5" x14ac:dyDescent="0.25">
      <c r="A824" s="6">
        <v>879.00549999999998</v>
      </c>
      <c r="B824" s="6">
        <v>1036.25</v>
      </c>
      <c r="D824" s="6">
        <v>2367.5039999999999</v>
      </c>
      <c r="E824" s="6">
        <v>1138.7919999999999</v>
      </c>
    </row>
    <row r="825" spans="1:5" x14ac:dyDescent="0.25">
      <c r="A825" s="6">
        <v>1454.777</v>
      </c>
      <c r="B825" s="6">
        <v>1364.498</v>
      </c>
      <c r="D825" s="6">
        <v>943.46849999999995</v>
      </c>
      <c r="E825" s="6">
        <v>781.09720000000004</v>
      </c>
    </row>
    <row r="826" spans="1:5" x14ac:dyDescent="0.25">
      <c r="A826" s="6">
        <v>1749.0429999999999</v>
      </c>
      <c r="B826" s="6">
        <v>927.35090000000002</v>
      </c>
      <c r="D826" s="6">
        <v>8149.6980000000003</v>
      </c>
      <c r="E826" s="6">
        <v>943.98069999999996</v>
      </c>
    </row>
    <row r="827" spans="1:5" x14ac:dyDescent="0.25">
      <c r="A827" s="6">
        <v>1069.452</v>
      </c>
      <c r="B827" s="6">
        <v>1302.7670000000001</v>
      </c>
      <c r="D827" s="6">
        <v>7038.7150000000001</v>
      </c>
      <c r="E827" s="6">
        <v>859.92790000000002</v>
      </c>
    </row>
    <row r="828" spans="1:5" x14ac:dyDescent="0.25">
      <c r="A828" s="6">
        <v>1919.383</v>
      </c>
      <c r="B828" s="6">
        <v>1075.165</v>
      </c>
      <c r="D828" s="6">
        <v>1177.5719999999999</v>
      </c>
      <c r="E828" s="6">
        <v>757.40909999999997</v>
      </c>
    </row>
    <row r="829" spans="1:5" x14ac:dyDescent="0.25">
      <c r="A829" s="6">
        <v>1297.1600000000001</v>
      </c>
      <c r="B829" s="6">
        <v>1139.3340000000001</v>
      </c>
      <c r="D829" s="6">
        <v>832.84609999999998</v>
      </c>
      <c r="E829" s="6">
        <v>1567.8209999999999</v>
      </c>
    </row>
    <row r="830" spans="1:5" x14ac:dyDescent="0.25">
      <c r="A830" s="6">
        <v>920.2106</v>
      </c>
      <c r="B830" s="6">
        <v>1490.1179999999999</v>
      </c>
      <c r="D830" s="6">
        <v>8345.5560000000005</v>
      </c>
      <c r="E830" s="6">
        <v>691</v>
      </c>
    </row>
    <row r="831" spans="1:5" x14ac:dyDescent="0.25">
      <c r="A831" s="6">
        <v>1362.2739999999999</v>
      </c>
      <c r="B831" s="6">
        <v>613.87739999999997</v>
      </c>
      <c r="D831" s="6">
        <v>549.20510000000002</v>
      </c>
      <c r="E831" s="6">
        <v>602.4511</v>
      </c>
    </row>
    <row r="832" spans="1:5" x14ac:dyDescent="0.25">
      <c r="A832" s="6">
        <v>1725.1130000000001</v>
      </c>
      <c r="B832" s="6">
        <v>548.66669999999999</v>
      </c>
      <c r="D832" s="6">
        <v>765.04579999999999</v>
      </c>
      <c r="E832" s="6">
        <v>740.92780000000005</v>
      </c>
    </row>
    <row r="833" spans="1:5" x14ac:dyDescent="0.25">
      <c r="A833" s="6">
        <v>1785.675</v>
      </c>
      <c r="B833" s="6">
        <v>479</v>
      </c>
      <c r="D833" s="6">
        <v>949.51819999999998</v>
      </c>
      <c r="E833" s="6">
        <v>723.32950000000005</v>
      </c>
    </row>
    <row r="834" spans="1:5" x14ac:dyDescent="0.25">
      <c r="A834" s="6">
        <v>1501.5440000000001</v>
      </c>
      <c r="B834" s="6">
        <v>2558.6239999999998</v>
      </c>
      <c r="D834" s="6">
        <v>1088.566</v>
      </c>
      <c r="E834" s="6">
        <v>776.80849999999998</v>
      </c>
    </row>
    <row r="835" spans="1:5" x14ac:dyDescent="0.25">
      <c r="A835" s="6">
        <v>2044.4690000000001</v>
      </c>
      <c r="B835" s="6">
        <v>1724.136</v>
      </c>
      <c r="D835" s="6">
        <v>999.71820000000002</v>
      </c>
      <c r="E835" s="6">
        <v>889.18389999999999</v>
      </c>
    </row>
    <row r="836" spans="1:5" x14ac:dyDescent="0.25">
      <c r="A836" s="6">
        <v>1085.029</v>
      </c>
      <c r="B836" s="6">
        <v>1791.6130000000001</v>
      </c>
      <c r="D836" s="6">
        <v>851.98090000000002</v>
      </c>
      <c r="E836" s="6">
        <v>473.11399999999998</v>
      </c>
    </row>
    <row r="837" spans="1:5" x14ac:dyDescent="0.25">
      <c r="A837" s="6">
        <v>1667.7</v>
      </c>
      <c r="B837" s="6">
        <v>1133.1590000000001</v>
      </c>
      <c r="D837" s="6">
        <v>775.90340000000003</v>
      </c>
      <c r="E837" s="6">
        <v>667.20389999999998</v>
      </c>
    </row>
    <row r="838" spans="1:5" x14ac:dyDescent="0.25">
      <c r="A838" s="6">
        <v>1206.53</v>
      </c>
      <c r="B838" s="6">
        <v>1172.0889999999999</v>
      </c>
      <c r="D838" s="6">
        <v>734.09789999999998</v>
      </c>
      <c r="E838" s="6">
        <v>819.23810000000003</v>
      </c>
    </row>
    <row r="839" spans="1:5" x14ac:dyDescent="0.25">
      <c r="A839" s="6">
        <v>961.76430000000005</v>
      </c>
      <c r="B839" s="6">
        <v>1497.0740000000001</v>
      </c>
      <c r="D839" s="6">
        <v>740.68269999999995</v>
      </c>
      <c r="E839" s="6">
        <v>575</v>
      </c>
    </row>
    <row r="840" spans="1:5" x14ac:dyDescent="0.25">
      <c r="A840" s="6">
        <v>2377.3910000000001</v>
      </c>
      <c r="B840" s="6">
        <v>1379.115</v>
      </c>
      <c r="D840" s="6">
        <v>585.22709999999995</v>
      </c>
      <c r="E840" s="6">
        <v>921.26179999999999</v>
      </c>
    </row>
    <row r="841" spans="1:5" x14ac:dyDescent="0.25">
      <c r="A841" s="6">
        <v>1389.595</v>
      </c>
      <c r="B841" s="6">
        <v>1225.567</v>
      </c>
      <c r="D841" s="6">
        <v>1232.9670000000001</v>
      </c>
      <c r="E841" s="6">
        <v>967.44330000000002</v>
      </c>
    </row>
    <row r="842" spans="1:5" x14ac:dyDescent="0.25">
      <c r="A842" s="6">
        <v>1246.5150000000001</v>
      </c>
      <c r="B842" s="6">
        <v>2110.3890000000001</v>
      </c>
      <c r="D842" s="6">
        <v>722.45119999999997</v>
      </c>
      <c r="E842" s="6">
        <v>966.19979999999998</v>
      </c>
    </row>
    <row r="843" spans="1:5" x14ac:dyDescent="0.25">
      <c r="A843" s="6">
        <v>981.10709999999995</v>
      </c>
      <c r="B843" s="6">
        <v>1858.098</v>
      </c>
      <c r="D843" s="6">
        <v>9203.8610000000008</v>
      </c>
      <c r="E843" s="6">
        <v>1471.7139999999999</v>
      </c>
    </row>
    <row r="844" spans="1:5" x14ac:dyDescent="0.25">
      <c r="A844" s="6">
        <v>1382.056</v>
      </c>
      <c r="B844" s="6">
        <v>1745.9059999999999</v>
      </c>
      <c r="D844" s="6">
        <v>1022.599</v>
      </c>
      <c r="E844" s="6">
        <v>1136.0899999999999</v>
      </c>
    </row>
    <row r="845" spans="1:5" x14ac:dyDescent="0.25">
      <c r="A845" s="6">
        <v>195.0352</v>
      </c>
      <c r="B845" s="6">
        <v>2150.4859999999999</v>
      </c>
      <c r="D845" s="6">
        <v>1338.181</v>
      </c>
      <c r="E845" s="6">
        <v>823.64940000000001</v>
      </c>
    </row>
    <row r="846" spans="1:5" x14ac:dyDescent="0.25">
      <c r="A846" s="6">
        <v>970.45119999999997</v>
      </c>
      <c r="B846" s="6">
        <v>2135.3589999999999</v>
      </c>
      <c r="D846" s="6">
        <v>1005.966</v>
      </c>
      <c r="E846" s="6">
        <v>801.06730000000005</v>
      </c>
    </row>
    <row r="847" spans="1:5" x14ac:dyDescent="0.25">
      <c r="A847" s="6">
        <v>1146.0429999999999</v>
      </c>
      <c r="B847" s="6">
        <v>1767.9349999999999</v>
      </c>
      <c r="D847" s="6">
        <v>837.83860000000004</v>
      </c>
      <c r="E847" s="6">
        <v>1102.9690000000001</v>
      </c>
    </row>
    <row r="848" spans="1:5" x14ac:dyDescent="0.25">
      <c r="A848" s="6">
        <v>1314.7090000000001</v>
      </c>
      <c r="B848" s="6">
        <v>1472.0889999999999</v>
      </c>
      <c r="D848" s="6">
        <v>713.97080000000005</v>
      </c>
      <c r="E848" s="6">
        <v>793.69219999999996</v>
      </c>
    </row>
    <row r="849" spans="1:5" x14ac:dyDescent="0.25">
      <c r="A849" s="6">
        <v>1381.3710000000001</v>
      </c>
      <c r="B849" s="6">
        <v>1751.194</v>
      </c>
      <c r="D849" s="6">
        <v>949.64290000000005</v>
      </c>
      <c r="E849" s="6">
        <v>1148.211</v>
      </c>
    </row>
    <row r="850" spans="1:5" x14ac:dyDescent="0.25">
      <c r="A850" s="6">
        <v>1890.89</v>
      </c>
      <c r="B850" s="6">
        <v>1878.732</v>
      </c>
      <c r="D850" s="6">
        <v>1234.982</v>
      </c>
      <c r="E850" s="6">
        <v>7257.1840000000002</v>
      </c>
    </row>
    <row r="851" spans="1:5" x14ac:dyDescent="0.25">
      <c r="A851" s="6">
        <v>3720.76</v>
      </c>
      <c r="B851" s="6">
        <v>2262.0740000000001</v>
      </c>
      <c r="D851" s="6">
        <v>2122.6239999999998</v>
      </c>
      <c r="E851" s="6">
        <v>865.93340000000001</v>
      </c>
    </row>
    <row r="852" spans="1:5" x14ac:dyDescent="0.25">
      <c r="A852" s="6">
        <v>1338.0830000000001</v>
      </c>
      <c r="B852" s="6">
        <v>1811.617</v>
      </c>
      <c r="D852" s="6">
        <v>8533.4490000000005</v>
      </c>
      <c r="E852" s="6">
        <v>907.5</v>
      </c>
    </row>
    <row r="853" spans="1:5" x14ac:dyDescent="0.25">
      <c r="A853" s="6">
        <v>1391.2840000000001</v>
      </c>
      <c r="B853" s="6">
        <v>1512.3230000000001</v>
      </c>
      <c r="D853" s="6">
        <v>3525.5509999999999</v>
      </c>
      <c r="E853" s="6">
        <v>983.726</v>
      </c>
    </row>
    <row r="854" spans="1:5" x14ac:dyDescent="0.25">
      <c r="A854" s="6">
        <v>880.88890000000004</v>
      </c>
      <c r="B854" s="6">
        <v>1789.2</v>
      </c>
      <c r="D854" s="6">
        <v>576.94449999999995</v>
      </c>
      <c r="E854" s="6">
        <v>815.60979999999995</v>
      </c>
    </row>
    <row r="855" spans="1:5" x14ac:dyDescent="0.25">
      <c r="A855" s="6">
        <v>950.63170000000002</v>
      </c>
      <c r="B855" s="6">
        <v>1719.8</v>
      </c>
      <c r="D855" s="6">
        <v>781.36760000000004</v>
      </c>
      <c r="E855" s="6">
        <v>491.38459999999998</v>
      </c>
    </row>
    <row r="856" spans="1:5" x14ac:dyDescent="0.25">
      <c r="A856" s="6">
        <v>1359.201</v>
      </c>
      <c r="B856" s="6">
        <v>2167.0149999999999</v>
      </c>
      <c r="D856" s="6">
        <v>1007.873</v>
      </c>
      <c r="E856" s="6">
        <v>895.15350000000001</v>
      </c>
    </row>
    <row r="857" spans="1:5" x14ac:dyDescent="0.25">
      <c r="A857" s="6">
        <v>1166.366</v>
      </c>
      <c r="B857" s="6">
        <v>1385.37</v>
      </c>
      <c r="D857" s="6">
        <v>990.62990000000002</v>
      </c>
      <c r="E857" s="6">
        <v>850.72950000000003</v>
      </c>
    </row>
    <row r="858" spans="1:5" x14ac:dyDescent="0.25">
      <c r="A858" s="6">
        <v>1474.3320000000001</v>
      </c>
      <c r="B858" s="6">
        <v>1501.8979999999999</v>
      </c>
      <c r="D858" s="6">
        <v>512</v>
      </c>
      <c r="E858" s="6">
        <v>742</v>
      </c>
    </row>
    <row r="859" spans="1:5" x14ac:dyDescent="0.25">
      <c r="A859" s="6">
        <v>1441.34</v>
      </c>
      <c r="B859" s="6">
        <v>990.48630000000003</v>
      </c>
      <c r="D859" s="6">
        <v>380</v>
      </c>
      <c r="E859" s="6">
        <v>1275.52</v>
      </c>
    </row>
    <row r="860" spans="1:5" x14ac:dyDescent="0.25">
      <c r="A860" s="6">
        <v>888.95180000000005</v>
      </c>
      <c r="B860" s="6">
        <v>1088.605</v>
      </c>
      <c r="D860" s="6">
        <v>5266.61</v>
      </c>
      <c r="E860" s="6">
        <v>1004.027</v>
      </c>
    </row>
    <row r="861" spans="1:5" x14ac:dyDescent="0.25">
      <c r="A861" s="6">
        <v>2325.9760000000001</v>
      </c>
      <c r="B861" s="6">
        <v>2026.905</v>
      </c>
      <c r="D861" s="6">
        <v>830.48770000000002</v>
      </c>
      <c r="E861" s="6">
        <v>748.04420000000005</v>
      </c>
    </row>
    <row r="862" spans="1:5" x14ac:dyDescent="0.25">
      <c r="A862" s="6">
        <v>976.52800000000002</v>
      </c>
      <c r="B862" s="6">
        <v>1568.2170000000001</v>
      </c>
      <c r="D862" s="6">
        <v>1203.386</v>
      </c>
      <c r="E862" s="6">
        <v>749.51379999999995</v>
      </c>
    </row>
    <row r="863" spans="1:5" x14ac:dyDescent="0.25">
      <c r="A863" s="6">
        <v>1336.115</v>
      </c>
      <c r="B863" s="6">
        <v>1668.1279999999999</v>
      </c>
      <c r="D863" s="6">
        <v>569.83460000000002</v>
      </c>
      <c r="E863" s="6">
        <v>887.65269999999998</v>
      </c>
    </row>
    <row r="864" spans="1:5" x14ac:dyDescent="0.25">
      <c r="A864" s="6">
        <v>1429.296</v>
      </c>
      <c r="B864" s="6">
        <v>433.97629999999998</v>
      </c>
      <c r="D864" s="6">
        <v>966.5575</v>
      </c>
      <c r="E864" s="6">
        <v>1290.325</v>
      </c>
    </row>
    <row r="865" spans="1:5" x14ac:dyDescent="0.25">
      <c r="A865" s="6">
        <v>1334.2919999999999</v>
      </c>
      <c r="B865" s="6">
        <v>2200.1759999999999</v>
      </c>
      <c r="D865" s="6">
        <v>520.34249999999997</v>
      </c>
      <c r="E865" s="6">
        <v>912.8</v>
      </c>
    </row>
    <row r="866" spans="1:5" x14ac:dyDescent="0.25">
      <c r="A866" s="6">
        <v>1200.6310000000001</v>
      </c>
      <c r="B866" s="6">
        <v>2365.9609999999998</v>
      </c>
      <c r="D866" s="6">
        <v>695.97969999999998</v>
      </c>
      <c r="E866" s="6">
        <v>801.59969999999998</v>
      </c>
    </row>
    <row r="867" spans="1:5" x14ac:dyDescent="0.25">
      <c r="A867" s="6">
        <v>1918.8209999999999</v>
      </c>
      <c r="B867" s="6">
        <v>1991.39</v>
      </c>
      <c r="D867" s="6">
        <v>878.25850000000003</v>
      </c>
      <c r="E867" s="6">
        <v>763.0104</v>
      </c>
    </row>
    <row r="868" spans="1:5" x14ac:dyDescent="0.25">
      <c r="A868" s="6">
        <v>1315.931</v>
      </c>
      <c r="B868" s="6">
        <v>1363.6010000000001</v>
      </c>
      <c r="D868" s="6">
        <v>737.75059999999996</v>
      </c>
      <c r="E868" s="6">
        <v>5427.1180000000004</v>
      </c>
    </row>
    <row r="869" spans="1:5" x14ac:dyDescent="0.25">
      <c r="A869" s="6">
        <v>816.36940000000004</v>
      </c>
      <c r="B869" s="6">
        <v>1661.538</v>
      </c>
      <c r="D869" s="6">
        <v>933.76760000000002</v>
      </c>
      <c r="E869" s="6">
        <v>1054.48</v>
      </c>
    </row>
    <row r="870" spans="1:5" x14ac:dyDescent="0.25">
      <c r="A870" s="6">
        <v>1320.98</v>
      </c>
      <c r="B870" s="6">
        <v>2251.7179999999998</v>
      </c>
      <c r="D870" s="6">
        <v>801.44590000000005</v>
      </c>
      <c r="E870" s="6">
        <v>651.12750000000005</v>
      </c>
    </row>
    <row r="871" spans="1:5" x14ac:dyDescent="0.25">
      <c r="A871" s="6">
        <v>1452.7860000000001</v>
      </c>
      <c r="B871" s="6">
        <v>2073.5030000000002</v>
      </c>
      <c r="D871" s="6">
        <v>833.07470000000001</v>
      </c>
      <c r="E871" s="6">
        <v>1014.545</v>
      </c>
    </row>
    <row r="872" spans="1:5" x14ac:dyDescent="0.25">
      <c r="A872" s="6">
        <v>2801.877</v>
      </c>
      <c r="B872" s="6">
        <v>1727.8630000000001</v>
      </c>
      <c r="D872" s="6">
        <v>857.44190000000003</v>
      </c>
      <c r="E872" s="6">
        <v>2046.9449999999999</v>
      </c>
    </row>
    <row r="873" spans="1:5" x14ac:dyDescent="0.25">
      <c r="A873" s="6">
        <v>954.81200000000001</v>
      </c>
      <c r="B873" s="6">
        <v>1493.124</v>
      </c>
      <c r="D873" s="6">
        <v>769.5779</v>
      </c>
      <c r="E873" s="6">
        <v>1331.587</v>
      </c>
    </row>
    <row r="874" spans="1:5" x14ac:dyDescent="0.25">
      <c r="A874" s="6">
        <v>1607.6489999999999</v>
      </c>
      <c r="B874" s="6">
        <v>1154.806</v>
      </c>
      <c r="D874" s="6">
        <v>1051.184</v>
      </c>
      <c r="E874" s="6">
        <v>782.79100000000005</v>
      </c>
    </row>
    <row r="875" spans="1:5" x14ac:dyDescent="0.25">
      <c r="A875" s="6">
        <v>1534.539</v>
      </c>
      <c r="B875" s="6">
        <v>1985.24</v>
      </c>
      <c r="D875" s="6">
        <v>785.86509999999998</v>
      </c>
      <c r="E875" s="6">
        <v>716.49800000000005</v>
      </c>
    </row>
    <row r="876" spans="1:5" x14ac:dyDescent="0.25">
      <c r="A876" s="6">
        <v>1227.8150000000001</v>
      </c>
      <c r="B876" s="6">
        <v>1390.579</v>
      </c>
      <c r="D876" s="6">
        <v>1056.5039999999999</v>
      </c>
      <c r="E876" s="6">
        <v>864.83839999999998</v>
      </c>
    </row>
    <row r="877" spans="1:5" x14ac:dyDescent="0.25">
      <c r="A877" s="6">
        <v>161.3973</v>
      </c>
      <c r="B877" s="6">
        <v>2076.6410000000001</v>
      </c>
      <c r="D877" s="6">
        <v>3063.288</v>
      </c>
      <c r="E877" s="6">
        <v>618.60469999999998</v>
      </c>
    </row>
    <row r="878" spans="1:5" x14ac:dyDescent="0.25">
      <c r="A878" s="6">
        <v>962.04840000000002</v>
      </c>
      <c r="B878" s="6">
        <v>1148.386</v>
      </c>
      <c r="D878" s="6">
        <v>5032.1279999999997</v>
      </c>
      <c r="E878" s="6">
        <v>1190.75</v>
      </c>
    </row>
    <row r="879" spans="1:5" x14ac:dyDescent="0.25">
      <c r="A879" s="6">
        <v>1184.127</v>
      </c>
      <c r="B879" s="6">
        <v>1773.299</v>
      </c>
      <c r="D879" s="6">
        <v>1230.2840000000001</v>
      </c>
      <c r="E879" s="6">
        <v>8104</v>
      </c>
    </row>
    <row r="880" spans="1:5" x14ac:dyDescent="0.25">
      <c r="A880" s="6">
        <v>1397.47</v>
      </c>
      <c r="B880" s="6">
        <v>1678.5930000000001</v>
      </c>
      <c r="D880" s="6">
        <v>510.60329999999999</v>
      </c>
      <c r="E880" s="6">
        <v>1019.051</v>
      </c>
    </row>
    <row r="881" spans="1:5" x14ac:dyDescent="0.25">
      <c r="A881" s="6">
        <v>1094.587</v>
      </c>
      <c r="B881" s="6">
        <v>1088.5909999999999</v>
      </c>
      <c r="D881" s="6">
        <v>1402</v>
      </c>
      <c r="E881" s="6">
        <v>941.39509999999996</v>
      </c>
    </row>
    <row r="882" spans="1:5" x14ac:dyDescent="0.25">
      <c r="A882" s="6">
        <v>1083.9770000000001</v>
      </c>
      <c r="B882" s="6">
        <v>2143.9259999999999</v>
      </c>
      <c r="D882" s="6">
        <v>9007.4549999999999</v>
      </c>
      <c r="E882" s="6">
        <v>1073.5129999999999</v>
      </c>
    </row>
    <row r="883" spans="1:5" x14ac:dyDescent="0.25">
      <c r="A883" s="6">
        <v>3037.2150000000001</v>
      </c>
      <c r="B883" s="6">
        <v>2135.3270000000002</v>
      </c>
      <c r="D883" s="6">
        <v>933.71789999999999</v>
      </c>
      <c r="E883" s="6">
        <v>738.3587</v>
      </c>
    </row>
    <row r="884" spans="1:5" x14ac:dyDescent="0.25">
      <c r="A884" s="6">
        <v>1089.317</v>
      </c>
      <c r="B884" s="6">
        <v>993.4425</v>
      </c>
      <c r="D884" s="6">
        <v>914.58590000000004</v>
      </c>
      <c r="E884" s="6">
        <v>1367.7629999999999</v>
      </c>
    </row>
    <row r="885" spans="1:5" x14ac:dyDescent="0.25">
      <c r="A885" s="6">
        <v>1264.7560000000001</v>
      </c>
      <c r="B885" s="6">
        <v>2297.991</v>
      </c>
      <c r="D885" s="6">
        <v>1258.3050000000001</v>
      </c>
      <c r="E885" s="6">
        <v>719.61379999999997</v>
      </c>
    </row>
    <row r="886" spans="1:5" x14ac:dyDescent="0.25">
      <c r="A886" s="6">
        <v>2835.5590000000002</v>
      </c>
      <c r="B886" s="6">
        <v>2325.375</v>
      </c>
      <c r="D886" s="6">
        <v>917.45489999999995</v>
      </c>
      <c r="E886" s="6">
        <v>616.74609999999996</v>
      </c>
    </row>
    <row r="887" spans="1:5" x14ac:dyDescent="0.25">
      <c r="A887" s="6">
        <v>1968.2529999999999</v>
      </c>
      <c r="B887" s="6">
        <v>1425.374</v>
      </c>
      <c r="D887" s="6">
        <v>841.976</v>
      </c>
      <c r="E887" s="6">
        <v>770.17430000000002</v>
      </c>
    </row>
    <row r="888" spans="1:5" x14ac:dyDescent="0.25">
      <c r="A888" s="6">
        <v>1792.117</v>
      </c>
      <c r="B888" s="6">
        <v>2321.5189999999998</v>
      </c>
      <c r="D888" s="6">
        <v>1101.5129999999999</v>
      </c>
      <c r="E888" s="6">
        <v>4558.3869999999997</v>
      </c>
    </row>
    <row r="889" spans="1:5" x14ac:dyDescent="0.25">
      <c r="A889" s="6">
        <v>1025.422</v>
      </c>
      <c r="B889" s="6">
        <v>1941.01</v>
      </c>
      <c r="D889" s="6">
        <v>999.94680000000005</v>
      </c>
      <c r="E889" s="6">
        <v>983.29179999999997</v>
      </c>
    </row>
    <row r="890" spans="1:5" x14ac:dyDescent="0.25">
      <c r="A890" s="6">
        <v>1253.336</v>
      </c>
      <c r="B890" s="6">
        <v>1758.1489999999999</v>
      </c>
      <c r="D890" s="6">
        <v>859.81730000000005</v>
      </c>
      <c r="E890" s="6">
        <v>871.05460000000005</v>
      </c>
    </row>
    <row r="891" spans="1:5" x14ac:dyDescent="0.25">
      <c r="A891" s="6">
        <v>1363.6489999999999</v>
      </c>
      <c r="B891" s="6">
        <v>1789.1289999999999</v>
      </c>
      <c r="D891" s="6">
        <v>1230.0609999999999</v>
      </c>
      <c r="E891" s="6">
        <v>658.48019999999997</v>
      </c>
    </row>
    <row r="892" spans="1:5" x14ac:dyDescent="0.25">
      <c r="A892" s="6">
        <v>1155.0239999999999</v>
      </c>
      <c r="B892" s="6">
        <v>942.25080000000003</v>
      </c>
      <c r="D892" s="6">
        <v>1221</v>
      </c>
      <c r="E892" s="6">
        <v>880.2</v>
      </c>
    </row>
    <row r="893" spans="1:5" x14ac:dyDescent="0.25">
      <c r="A893" s="6">
        <v>1257.5409999999999</v>
      </c>
      <c r="B893" s="6">
        <v>2583.1120000000001</v>
      </c>
      <c r="D893" s="6">
        <v>1866.9670000000001</v>
      </c>
      <c r="E893" s="6">
        <v>901.21780000000001</v>
      </c>
    </row>
    <row r="894" spans="1:5" x14ac:dyDescent="0.25">
      <c r="A894" s="6">
        <v>1585.1210000000001</v>
      </c>
      <c r="B894" s="6">
        <v>968.55349999999999</v>
      </c>
      <c r="D894" s="6">
        <v>1038.44</v>
      </c>
      <c r="E894" s="6">
        <v>953.82860000000005</v>
      </c>
    </row>
    <row r="895" spans="1:5" x14ac:dyDescent="0.25">
      <c r="A895" s="6">
        <v>1138.5160000000001</v>
      </c>
      <c r="B895" s="6">
        <v>3190.64</v>
      </c>
      <c r="D895" s="6">
        <v>822.55139999999994</v>
      </c>
      <c r="E895" s="6">
        <v>682.89469999999994</v>
      </c>
    </row>
    <row r="896" spans="1:5" x14ac:dyDescent="0.25">
      <c r="A896" s="6">
        <v>1444.556</v>
      </c>
      <c r="B896" s="6">
        <v>2177.8690000000001</v>
      </c>
      <c r="D896" s="6">
        <v>3233.0410000000002</v>
      </c>
      <c r="E896" s="6">
        <v>939.59410000000003</v>
      </c>
    </row>
    <row r="897" spans="1:5" x14ac:dyDescent="0.25">
      <c r="A897" s="6">
        <v>1167.7809999999999</v>
      </c>
      <c r="B897" s="6">
        <v>1449.116</v>
      </c>
      <c r="D897" s="6">
        <v>793.22709999999995</v>
      </c>
      <c r="E897" s="6">
        <v>699.23829999999998</v>
      </c>
    </row>
    <row r="898" spans="1:5" x14ac:dyDescent="0.25">
      <c r="A898" s="6">
        <v>868.1069</v>
      </c>
      <c r="B898" s="6">
        <v>1983.2950000000001</v>
      </c>
      <c r="D898" s="6">
        <v>658.32410000000004</v>
      </c>
      <c r="E898" s="6">
        <v>620.42110000000002</v>
      </c>
    </row>
    <row r="899" spans="1:5" x14ac:dyDescent="0.25">
      <c r="A899" s="6">
        <v>1943.106</v>
      </c>
      <c r="B899" s="6">
        <v>1041.7080000000001</v>
      </c>
      <c r="D899" s="6">
        <v>967.52020000000005</v>
      </c>
      <c r="E899" s="6">
        <v>792.10350000000005</v>
      </c>
    </row>
    <row r="900" spans="1:5" x14ac:dyDescent="0.25">
      <c r="A900" s="6">
        <v>2395.6329999999998</v>
      </c>
      <c r="B900" s="6">
        <v>2361.8510000000001</v>
      </c>
      <c r="D900" s="6">
        <v>609.33150000000001</v>
      </c>
      <c r="E900" s="6">
        <v>715.35550000000001</v>
      </c>
    </row>
    <row r="901" spans="1:5" x14ac:dyDescent="0.25">
      <c r="A901" s="6">
        <v>1077.71</v>
      </c>
      <c r="B901" s="6">
        <v>1824.17</v>
      </c>
      <c r="D901" s="6">
        <v>650.01530000000002</v>
      </c>
      <c r="E901" s="6">
        <v>619.74400000000003</v>
      </c>
    </row>
    <row r="902" spans="1:5" x14ac:dyDescent="0.25">
      <c r="A902" s="6">
        <v>1221.22</v>
      </c>
      <c r="B902" s="6">
        <v>1421.2619999999999</v>
      </c>
      <c r="D902" s="6">
        <v>825.68510000000003</v>
      </c>
      <c r="E902" s="6">
        <v>738.85709999999995</v>
      </c>
    </row>
    <row r="903" spans="1:5" x14ac:dyDescent="0.25">
      <c r="A903" s="6">
        <v>1363.7190000000001</v>
      </c>
      <c r="B903" s="6">
        <v>1010.798</v>
      </c>
      <c r="D903" s="6">
        <v>1325.085</v>
      </c>
      <c r="E903" s="6">
        <v>1189.0139999999999</v>
      </c>
    </row>
    <row r="904" spans="1:5" x14ac:dyDescent="0.25">
      <c r="A904" s="6">
        <v>1221.298</v>
      </c>
      <c r="B904" s="6">
        <v>1968.204</v>
      </c>
      <c r="D904" s="6">
        <v>448.15370000000001</v>
      </c>
      <c r="E904" s="6">
        <v>964.13549999999998</v>
      </c>
    </row>
    <row r="905" spans="1:5" x14ac:dyDescent="0.25">
      <c r="A905" s="6">
        <v>3305.8220000000001</v>
      </c>
      <c r="B905" s="6">
        <v>1636.97</v>
      </c>
      <c r="D905" s="6">
        <v>717.61210000000005</v>
      </c>
      <c r="E905" s="6">
        <v>895.42179999999996</v>
      </c>
    </row>
    <row r="906" spans="1:5" x14ac:dyDescent="0.25">
      <c r="A906" s="6">
        <v>1225.5340000000001</v>
      </c>
      <c r="B906" s="6">
        <v>1417.749</v>
      </c>
      <c r="D906" s="6">
        <v>793.5652</v>
      </c>
      <c r="E906" s="6">
        <v>586.67020000000002</v>
      </c>
    </row>
    <row r="907" spans="1:5" x14ac:dyDescent="0.25">
      <c r="A907" s="6">
        <v>1602.009</v>
      </c>
      <c r="B907" s="6">
        <v>1151.6859999999999</v>
      </c>
      <c r="D907" s="6">
        <v>5805.82</v>
      </c>
      <c r="E907" s="6">
        <v>796.66380000000004</v>
      </c>
    </row>
    <row r="908" spans="1:5" x14ac:dyDescent="0.25">
      <c r="A908" s="6">
        <v>1625.16</v>
      </c>
      <c r="B908" s="6">
        <v>1704.655</v>
      </c>
      <c r="D908" s="6">
        <v>898.57820000000004</v>
      </c>
      <c r="E908" s="6">
        <v>1132.6790000000001</v>
      </c>
    </row>
    <row r="909" spans="1:5" x14ac:dyDescent="0.25">
      <c r="A909" s="6">
        <v>1436.6469999999999</v>
      </c>
      <c r="B909" s="6">
        <v>1198.874</v>
      </c>
      <c r="D909" s="6">
        <v>452.26049999999998</v>
      </c>
      <c r="E909" s="6">
        <v>978.57209999999998</v>
      </c>
    </row>
    <row r="910" spans="1:5" x14ac:dyDescent="0.25">
      <c r="A910" s="6">
        <v>1726.9880000000001</v>
      </c>
      <c r="B910" s="6">
        <v>2661.1480000000001</v>
      </c>
      <c r="D910" s="6">
        <v>868.40470000000005</v>
      </c>
      <c r="E910" s="6">
        <v>7542.2960000000003</v>
      </c>
    </row>
    <row r="911" spans="1:5" x14ac:dyDescent="0.25">
      <c r="A911" s="6">
        <v>1097.271</v>
      </c>
      <c r="B911" s="6">
        <v>342.48570000000001</v>
      </c>
      <c r="D911" s="6">
        <v>1240.817</v>
      </c>
      <c r="E911" s="6">
        <v>840.65700000000004</v>
      </c>
    </row>
    <row r="912" spans="1:5" x14ac:dyDescent="0.25">
      <c r="A912" s="6">
        <v>1843.0239999999999</v>
      </c>
      <c r="B912" s="6">
        <v>1623.7</v>
      </c>
      <c r="D912" s="6">
        <v>672.59040000000005</v>
      </c>
      <c r="E912" s="6">
        <v>572.41970000000003</v>
      </c>
    </row>
    <row r="913" spans="1:5" x14ac:dyDescent="0.25">
      <c r="A913" s="6">
        <v>1334.27</v>
      </c>
      <c r="B913" s="6">
        <v>640.21230000000003</v>
      </c>
      <c r="D913" s="6">
        <v>8348.9760000000006</v>
      </c>
      <c r="E913" s="6">
        <v>689.96579999999994</v>
      </c>
    </row>
    <row r="914" spans="1:5" x14ac:dyDescent="0.25">
      <c r="A914" s="6">
        <v>959.41099999999994</v>
      </c>
      <c r="B914" s="6">
        <v>2652.9369999999999</v>
      </c>
      <c r="D914" s="6">
        <v>8416.2659999999996</v>
      </c>
      <c r="E914" s="6">
        <v>1048.7550000000001</v>
      </c>
    </row>
    <row r="915" spans="1:5" x14ac:dyDescent="0.25">
      <c r="A915" s="6">
        <v>1187.7059999999999</v>
      </c>
      <c r="B915" s="6">
        <v>2075.721</v>
      </c>
      <c r="D915" s="6">
        <v>1103.6600000000001</v>
      </c>
      <c r="E915" s="6">
        <v>205.85929999999999</v>
      </c>
    </row>
    <row r="916" spans="1:5" x14ac:dyDescent="0.25">
      <c r="A916" s="6">
        <v>2295.4679999999998</v>
      </c>
      <c r="B916" s="6">
        <v>2096.8420000000001</v>
      </c>
      <c r="D916" s="6">
        <v>6483.2969999999996</v>
      </c>
      <c r="E916" s="6">
        <v>2469.7139999999999</v>
      </c>
    </row>
    <row r="917" spans="1:5" x14ac:dyDescent="0.25">
      <c r="A917" s="6">
        <v>1216.0060000000001</v>
      </c>
      <c r="B917" s="6">
        <v>1002.025</v>
      </c>
      <c r="D917" s="6">
        <v>755.16179999999997</v>
      </c>
      <c r="E917" s="6">
        <v>785.17179999999996</v>
      </c>
    </row>
    <row r="918" spans="1:5" x14ac:dyDescent="0.25">
      <c r="A918" s="6">
        <v>3439.7550000000001</v>
      </c>
      <c r="B918" s="6">
        <v>2009.646</v>
      </c>
      <c r="D918" s="6">
        <v>870.66089999999997</v>
      </c>
      <c r="E918" s="6">
        <v>759.57629999999995</v>
      </c>
    </row>
    <row r="919" spans="1:5" x14ac:dyDescent="0.25">
      <c r="A919" s="6">
        <v>1414.2729999999999</v>
      </c>
      <c r="B919" s="6">
        <v>2278.3180000000002</v>
      </c>
      <c r="D919" s="6">
        <v>960.50850000000003</v>
      </c>
      <c r="E919" s="6">
        <v>1064.126</v>
      </c>
    </row>
    <row r="920" spans="1:5" x14ac:dyDescent="0.25">
      <c r="A920" s="6">
        <v>1287.6679999999999</v>
      </c>
      <c r="B920" s="6">
        <v>1541.296</v>
      </c>
      <c r="D920" s="6">
        <v>988.8854</v>
      </c>
      <c r="E920" s="6">
        <v>508.99610000000001</v>
      </c>
    </row>
    <row r="921" spans="1:5" x14ac:dyDescent="0.25">
      <c r="A921" s="6">
        <v>969.65570000000002</v>
      </c>
      <c r="B921" s="6">
        <v>1707.4870000000001</v>
      </c>
      <c r="D921" s="6">
        <v>852.77329999999995</v>
      </c>
      <c r="E921" s="6">
        <v>1911.662</v>
      </c>
    </row>
    <row r="922" spans="1:5" x14ac:dyDescent="0.25">
      <c r="A922" s="6">
        <v>1829.133</v>
      </c>
      <c r="B922" s="6">
        <v>1472.2760000000001</v>
      </c>
      <c r="D922" s="6">
        <v>894.59950000000003</v>
      </c>
      <c r="E922" s="6">
        <v>812.02160000000003</v>
      </c>
    </row>
    <row r="923" spans="1:5" x14ac:dyDescent="0.25">
      <c r="A923" s="6">
        <v>1509.5820000000001</v>
      </c>
      <c r="B923" s="6">
        <v>2134.1889999999999</v>
      </c>
      <c r="D923" s="6">
        <v>9353.9079999999994</v>
      </c>
      <c r="E923" s="6">
        <v>2926.5259999999998</v>
      </c>
    </row>
    <row r="924" spans="1:5" x14ac:dyDescent="0.25">
      <c r="A924" s="6">
        <v>833.52089999999998</v>
      </c>
      <c r="B924" s="6">
        <v>1773.855</v>
      </c>
      <c r="D924" s="6">
        <v>885.53039999999999</v>
      </c>
      <c r="E924" s="6">
        <v>1044.135</v>
      </c>
    </row>
    <row r="925" spans="1:5" x14ac:dyDescent="0.25">
      <c r="A925" s="6">
        <v>984.45399999999995</v>
      </c>
      <c r="B925" s="6">
        <v>1686.807</v>
      </c>
      <c r="D925" s="6">
        <v>4520.2730000000001</v>
      </c>
      <c r="E925" s="6">
        <v>581.46029999999996</v>
      </c>
    </row>
    <row r="926" spans="1:5" x14ac:dyDescent="0.25">
      <c r="A926" s="6">
        <v>1510.0909999999999</v>
      </c>
      <c r="B926" s="6">
        <v>1022.205</v>
      </c>
      <c r="D926" s="6">
        <v>760.77549999999997</v>
      </c>
      <c r="E926" s="6">
        <v>854.9</v>
      </c>
    </row>
    <row r="927" spans="1:5" x14ac:dyDescent="0.25">
      <c r="A927" s="6">
        <v>1569.239</v>
      </c>
      <c r="B927" s="6">
        <v>1164.5809999999999</v>
      </c>
      <c r="D927" s="6">
        <v>698.37450000000001</v>
      </c>
      <c r="E927" s="6">
        <v>587.79740000000004</v>
      </c>
    </row>
    <row r="928" spans="1:5" x14ac:dyDescent="0.25">
      <c r="A928" s="6">
        <v>1566.7329999999999</v>
      </c>
      <c r="B928" s="6">
        <v>2614.6149999999998</v>
      </c>
      <c r="D928" s="6">
        <v>917</v>
      </c>
      <c r="E928" s="6">
        <v>4707.5659999999998</v>
      </c>
    </row>
    <row r="929" spans="1:5" x14ac:dyDescent="0.25">
      <c r="A929" s="6">
        <v>993.27120000000002</v>
      </c>
      <c r="B929" s="6">
        <v>1371.2149999999999</v>
      </c>
      <c r="D929" s="6">
        <v>7806.9930000000004</v>
      </c>
      <c r="E929" s="6">
        <v>922.71609999999998</v>
      </c>
    </row>
    <row r="930" spans="1:5" x14ac:dyDescent="0.25">
      <c r="A930" s="6">
        <v>1597.4290000000001</v>
      </c>
      <c r="B930" s="6">
        <v>1749.05</v>
      </c>
      <c r="D930" s="6">
        <v>791.88459999999998</v>
      </c>
      <c r="E930" s="6">
        <v>685.18110000000001</v>
      </c>
    </row>
    <row r="931" spans="1:5" x14ac:dyDescent="0.25">
      <c r="A931" s="6">
        <v>1056.318</v>
      </c>
      <c r="B931" s="6">
        <v>3188.895</v>
      </c>
      <c r="D931" s="6">
        <v>594.02009999999996</v>
      </c>
      <c r="E931" s="6">
        <v>497.39769999999999</v>
      </c>
    </row>
    <row r="932" spans="1:5" x14ac:dyDescent="0.25">
      <c r="A932" s="6">
        <v>1661.538</v>
      </c>
      <c r="B932" s="6">
        <v>2075.1660000000002</v>
      </c>
      <c r="D932" s="6">
        <v>4571.1090000000004</v>
      </c>
      <c r="E932" s="6">
        <v>673.06320000000005</v>
      </c>
    </row>
    <row r="933" spans="1:5" x14ac:dyDescent="0.25">
      <c r="A933" s="6">
        <v>1465.827</v>
      </c>
      <c r="B933" s="6">
        <v>1570.662</v>
      </c>
      <c r="D933" s="6">
        <v>1882.1769999999999</v>
      </c>
      <c r="E933" s="6">
        <v>681.40369999999996</v>
      </c>
    </row>
    <row r="934" spans="1:5" x14ac:dyDescent="0.25">
      <c r="A934" s="6">
        <v>1030.7249999999999</v>
      </c>
      <c r="B934" s="6">
        <v>1662.7270000000001</v>
      </c>
      <c r="D934" s="6">
        <v>1001.39</v>
      </c>
      <c r="E934" s="6">
        <v>921.35619999999994</v>
      </c>
    </row>
    <row r="935" spans="1:5" x14ac:dyDescent="0.25">
      <c r="A935" s="6">
        <v>942.14610000000005</v>
      </c>
      <c r="B935" s="6">
        <v>2228.056</v>
      </c>
      <c r="D935" s="6">
        <v>5302.1009999999997</v>
      </c>
      <c r="E935" s="6">
        <v>878.48050000000001</v>
      </c>
    </row>
    <row r="936" spans="1:5" x14ac:dyDescent="0.25">
      <c r="A936" s="6">
        <v>975.92060000000004</v>
      </c>
      <c r="B936" s="6">
        <v>2234.1170000000002</v>
      </c>
      <c r="D936" s="6">
        <v>978.04</v>
      </c>
      <c r="E936" s="6">
        <v>871.34690000000001</v>
      </c>
    </row>
    <row r="937" spans="1:5" x14ac:dyDescent="0.25">
      <c r="A937" s="6">
        <v>899.54600000000005</v>
      </c>
      <c r="B937" s="6">
        <v>2117.7750000000001</v>
      </c>
      <c r="D937" s="6">
        <v>933.16539999999998</v>
      </c>
      <c r="E937" s="6">
        <v>631.59280000000001</v>
      </c>
    </row>
    <row r="938" spans="1:5" x14ac:dyDescent="0.25">
      <c r="A938" s="6">
        <v>1383.0419999999999</v>
      </c>
      <c r="B938" s="6">
        <v>504.31869999999998</v>
      </c>
      <c r="D938" s="6">
        <v>792.49549999999999</v>
      </c>
      <c r="E938" s="6">
        <v>888.5942</v>
      </c>
    </row>
    <row r="939" spans="1:5" x14ac:dyDescent="0.25">
      <c r="A939" s="6">
        <v>817.42660000000001</v>
      </c>
      <c r="B939" s="6">
        <v>992.66510000000005</v>
      </c>
      <c r="D939" s="6">
        <v>484.57810000000001</v>
      </c>
      <c r="E939" s="6">
        <v>841.94560000000001</v>
      </c>
    </row>
    <row r="940" spans="1:5" x14ac:dyDescent="0.25">
      <c r="A940" s="6">
        <v>925.41780000000006</v>
      </c>
      <c r="B940" s="6">
        <v>1337.1</v>
      </c>
      <c r="D940" s="6">
        <v>5068.1959999999999</v>
      </c>
      <c r="E940" s="6">
        <v>702.83489999999995</v>
      </c>
    </row>
    <row r="941" spans="1:5" x14ac:dyDescent="0.25">
      <c r="A941" s="6">
        <v>1725.5419999999999</v>
      </c>
      <c r="B941" s="6">
        <v>1277.876</v>
      </c>
      <c r="D941" s="6">
        <v>867.67740000000003</v>
      </c>
      <c r="E941" s="6">
        <v>915.37570000000005</v>
      </c>
    </row>
    <row r="942" spans="1:5" x14ac:dyDescent="0.25">
      <c r="A942" s="6">
        <v>1163.729</v>
      </c>
      <c r="B942" s="6">
        <v>787.86249999999995</v>
      </c>
      <c r="D942" s="6">
        <v>968.01440000000002</v>
      </c>
      <c r="E942" s="6">
        <v>709.47680000000003</v>
      </c>
    </row>
    <row r="943" spans="1:5" x14ac:dyDescent="0.25">
      <c r="A943" s="6">
        <v>700.95889999999997</v>
      </c>
      <c r="B943" s="6">
        <v>1971.277</v>
      </c>
      <c r="D943" s="6">
        <v>1067.316</v>
      </c>
      <c r="E943" s="6">
        <v>926.22990000000004</v>
      </c>
    </row>
    <row r="944" spans="1:5" x14ac:dyDescent="0.25">
      <c r="A944" s="6">
        <v>1408.982</v>
      </c>
      <c r="B944" s="6">
        <v>1075.001</v>
      </c>
      <c r="D944" s="6">
        <v>806.62030000000004</v>
      </c>
      <c r="E944" s="6">
        <v>720.16</v>
      </c>
    </row>
    <row r="945" spans="1:5" x14ac:dyDescent="0.25">
      <c r="A945" s="6">
        <v>1008.468</v>
      </c>
      <c r="B945" s="6">
        <v>1419.2370000000001</v>
      </c>
      <c r="D945" s="6">
        <v>412.6</v>
      </c>
      <c r="E945" s="6">
        <v>1183.2149999999999</v>
      </c>
    </row>
    <row r="946" spans="1:5" x14ac:dyDescent="0.25">
      <c r="A946" s="6">
        <v>1548.002</v>
      </c>
      <c r="B946" s="6">
        <v>1538.03</v>
      </c>
      <c r="D946" s="6">
        <v>5779.2820000000002</v>
      </c>
      <c r="E946" s="6">
        <v>511.19619999999998</v>
      </c>
    </row>
    <row r="947" spans="1:5" x14ac:dyDescent="0.25">
      <c r="A947" s="6">
        <v>895.80880000000002</v>
      </c>
      <c r="B947" s="6">
        <v>1344.27</v>
      </c>
      <c r="D947" s="6">
        <v>576.4452</v>
      </c>
      <c r="E947" s="6">
        <v>883.94640000000004</v>
      </c>
    </row>
    <row r="948" spans="1:5" x14ac:dyDescent="0.25">
      <c r="A948" s="6">
        <v>2708.855</v>
      </c>
      <c r="B948" s="6">
        <v>3198.817</v>
      </c>
      <c r="D948" s="6">
        <v>458.26979999999998</v>
      </c>
      <c r="E948" s="6">
        <v>975.14049999999997</v>
      </c>
    </row>
    <row r="949" spans="1:5" x14ac:dyDescent="0.25">
      <c r="A949" s="6">
        <v>1284.787</v>
      </c>
      <c r="B949" s="6">
        <v>1383.222</v>
      </c>
      <c r="D949" s="6">
        <v>948.04380000000003</v>
      </c>
      <c r="E949" s="6">
        <v>574.70389999999998</v>
      </c>
    </row>
    <row r="950" spans="1:5" x14ac:dyDescent="0.25">
      <c r="A950" s="6">
        <v>1715.309</v>
      </c>
      <c r="B950" s="6">
        <v>1972.204</v>
      </c>
      <c r="D950" s="6">
        <v>1016.476</v>
      </c>
      <c r="E950" s="6">
        <v>297</v>
      </c>
    </row>
    <row r="951" spans="1:5" x14ac:dyDescent="0.25">
      <c r="A951" s="6">
        <v>1864.913</v>
      </c>
      <c r="B951" s="6">
        <v>1209.0260000000001</v>
      </c>
      <c r="D951" s="6">
        <v>1026.097</v>
      </c>
      <c r="E951" s="6">
        <v>832.99710000000005</v>
      </c>
    </row>
    <row r="952" spans="1:5" x14ac:dyDescent="0.25">
      <c r="A952" s="6">
        <v>1702.36</v>
      </c>
      <c r="B952" s="6">
        <v>1656.424</v>
      </c>
      <c r="D952" s="6">
        <v>3558.5050000000001</v>
      </c>
      <c r="E952" s="6">
        <v>476.01889999999997</v>
      </c>
    </row>
    <row r="953" spans="1:5" x14ac:dyDescent="0.25">
      <c r="A953" s="6">
        <v>1340.127</v>
      </c>
      <c r="B953" s="6">
        <v>1860.8340000000001</v>
      </c>
      <c r="D953" s="6">
        <v>998.34640000000002</v>
      </c>
      <c r="E953" s="6">
        <v>3867.0880000000002</v>
      </c>
    </row>
    <row r="954" spans="1:5" x14ac:dyDescent="0.25">
      <c r="A954" s="6">
        <v>1141.7819999999999</v>
      </c>
      <c r="B954" s="6">
        <v>904.86149999999998</v>
      </c>
      <c r="D954" s="6">
        <v>989.42330000000004</v>
      </c>
      <c r="E954" s="6">
        <v>612.65880000000004</v>
      </c>
    </row>
    <row r="955" spans="1:5" x14ac:dyDescent="0.25">
      <c r="A955" s="6">
        <v>1623.797</v>
      </c>
      <c r="B955" s="6">
        <v>1830.2950000000001</v>
      </c>
      <c r="D955" s="6">
        <v>592.25670000000002</v>
      </c>
      <c r="E955" s="6">
        <v>1023.686</v>
      </c>
    </row>
    <row r="956" spans="1:5" x14ac:dyDescent="0.25">
      <c r="A956" s="6">
        <v>969.49540000000002</v>
      </c>
      <c r="B956" s="6">
        <v>1446.2650000000001</v>
      </c>
      <c r="D956" s="6">
        <v>909.01990000000001</v>
      </c>
      <c r="E956" s="6">
        <v>638.7808</v>
      </c>
    </row>
    <row r="957" spans="1:5" x14ac:dyDescent="0.25">
      <c r="A957" s="6">
        <v>1734.673</v>
      </c>
      <c r="B957" s="6">
        <v>198.28039999999999</v>
      </c>
      <c r="D957" s="6">
        <v>783.06280000000004</v>
      </c>
      <c r="E957" s="6">
        <v>876.06619999999998</v>
      </c>
    </row>
    <row r="958" spans="1:5" x14ac:dyDescent="0.25">
      <c r="A958" s="6">
        <v>773.0693</v>
      </c>
      <c r="B958" s="6">
        <v>3288.7829999999999</v>
      </c>
      <c r="D958" s="6">
        <v>1152.501</v>
      </c>
      <c r="E958" s="6">
        <v>816.16740000000004</v>
      </c>
    </row>
    <row r="959" spans="1:5" x14ac:dyDescent="0.25">
      <c r="A959" s="6">
        <v>987.69150000000002</v>
      </c>
      <c r="B959" s="6">
        <v>1332.0440000000001</v>
      </c>
      <c r="D959" s="6">
        <v>2062.4760000000001</v>
      </c>
      <c r="E959" s="6">
        <v>684.30119999999999</v>
      </c>
    </row>
    <row r="960" spans="1:5" x14ac:dyDescent="0.25">
      <c r="A960" s="6">
        <v>177.1849</v>
      </c>
      <c r="B960" s="6">
        <v>2250.471</v>
      </c>
      <c r="D960" s="6">
        <v>1023.6609999999999</v>
      </c>
      <c r="E960" s="6">
        <v>820.25530000000003</v>
      </c>
    </row>
    <row r="961" spans="1:5" x14ac:dyDescent="0.25">
      <c r="A961" s="6">
        <v>1518.1379999999999</v>
      </c>
      <c r="B961" s="6">
        <v>1200.759</v>
      </c>
      <c r="D961" s="6">
        <v>987.923</v>
      </c>
      <c r="E961" s="6">
        <v>1760.6</v>
      </c>
    </row>
    <row r="962" spans="1:5" x14ac:dyDescent="0.25">
      <c r="A962" s="6">
        <v>137.661</v>
      </c>
      <c r="B962" s="6">
        <v>1294.854</v>
      </c>
      <c r="D962" s="6">
        <v>994.22029999999995</v>
      </c>
      <c r="E962" s="6">
        <v>1083.683</v>
      </c>
    </row>
    <row r="963" spans="1:5" x14ac:dyDescent="0.25">
      <c r="A963" s="6">
        <v>1173.4849999999999</v>
      </c>
      <c r="B963" s="6">
        <v>2577.1260000000002</v>
      </c>
      <c r="D963" s="6">
        <v>8348.7170000000006</v>
      </c>
      <c r="E963" s="6">
        <v>718.56590000000006</v>
      </c>
    </row>
    <row r="964" spans="1:5" x14ac:dyDescent="0.25">
      <c r="A964" s="6">
        <v>4890.4629999999997</v>
      </c>
      <c r="B964" s="6">
        <v>1923.067</v>
      </c>
      <c r="D964" s="6">
        <v>2789.8009999999999</v>
      </c>
      <c r="E964" s="6">
        <v>808.54539999999997</v>
      </c>
    </row>
    <row r="965" spans="1:5" x14ac:dyDescent="0.25">
      <c r="A965" s="6">
        <v>850.35140000000001</v>
      </c>
      <c r="B965" s="6">
        <v>2130.6390000000001</v>
      </c>
      <c r="D965" s="6">
        <v>1569.9690000000001</v>
      </c>
      <c r="E965" s="6">
        <v>916.40800000000002</v>
      </c>
    </row>
    <row r="966" spans="1:5" x14ac:dyDescent="0.25">
      <c r="A966" s="6">
        <v>1152.702</v>
      </c>
      <c r="B966" s="6">
        <v>2290.2950000000001</v>
      </c>
      <c r="D966" s="6">
        <v>779.11900000000003</v>
      </c>
      <c r="E966" s="6">
        <v>818.68709999999999</v>
      </c>
    </row>
    <row r="967" spans="1:5" x14ac:dyDescent="0.25">
      <c r="A967" s="6">
        <v>1323.87</v>
      </c>
      <c r="B967" s="6">
        <v>1449.829</v>
      </c>
      <c r="D967" s="6">
        <v>886.06320000000005</v>
      </c>
      <c r="E967" s="6">
        <v>699.16869999999994</v>
      </c>
    </row>
    <row r="968" spans="1:5" x14ac:dyDescent="0.25">
      <c r="A968" s="6">
        <v>1383.0260000000001</v>
      </c>
      <c r="B968" s="6">
        <v>1273.8969999999999</v>
      </c>
      <c r="D968" s="6">
        <v>943.81579999999997</v>
      </c>
      <c r="E968" s="6">
        <v>1618.25</v>
      </c>
    </row>
    <row r="969" spans="1:5" x14ac:dyDescent="0.25">
      <c r="A969" s="6">
        <v>797.34019999999998</v>
      </c>
      <c r="B969" s="6">
        <v>1801.96</v>
      </c>
      <c r="D969" s="6">
        <v>1016.649</v>
      </c>
      <c r="E969" s="6">
        <v>355.00970000000001</v>
      </c>
    </row>
    <row r="970" spans="1:5" x14ac:dyDescent="0.25">
      <c r="A970" s="6">
        <v>1511.8219999999999</v>
      </c>
      <c r="B970" s="6">
        <v>962.5539</v>
      </c>
      <c r="D970" s="6">
        <v>1296</v>
      </c>
      <c r="E970" s="6">
        <v>779.16409999999996</v>
      </c>
    </row>
    <row r="971" spans="1:5" x14ac:dyDescent="0.25">
      <c r="A971" s="6">
        <v>1283.1949999999999</v>
      </c>
      <c r="B971" s="6">
        <v>770.12819999999999</v>
      </c>
      <c r="D971" s="6">
        <v>766.49019999999996</v>
      </c>
      <c r="E971" s="6">
        <v>886.11839999999995</v>
      </c>
    </row>
    <row r="972" spans="1:5" x14ac:dyDescent="0.25">
      <c r="A972" s="6">
        <v>799.95529999999997</v>
      </c>
      <c r="B972" s="6">
        <v>3355.0279999999998</v>
      </c>
      <c r="D972" s="6">
        <v>857.37260000000003</v>
      </c>
      <c r="E972" s="6">
        <v>1744.0160000000001</v>
      </c>
    </row>
    <row r="973" spans="1:5" x14ac:dyDescent="0.25">
      <c r="A973" s="6">
        <v>1835.288</v>
      </c>
      <c r="B973" s="6">
        <v>2630.7860000000001</v>
      </c>
      <c r="D973" s="6">
        <v>6543.8029999999999</v>
      </c>
      <c r="E973" s="6">
        <v>3921.395</v>
      </c>
    </row>
    <row r="974" spans="1:5" x14ac:dyDescent="0.25">
      <c r="A974" s="6">
        <v>859.13520000000005</v>
      </c>
      <c r="B974" s="6">
        <v>1714.4459999999999</v>
      </c>
      <c r="D974" s="6">
        <v>584.31899999999996</v>
      </c>
      <c r="E974" s="6">
        <v>978.35540000000003</v>
      </c>
    </row>
    <row r="975" spans="1:5" x14ac:dyDescent="0.25">
      <c r="A975" s="6">
        <v>1331.6410000000001</v>
      </c>
      <c r="B975" s="6">
        <v>3431.5909999999999</v>
      </c>
      <c r="D975" s="6">
        <v>851.39440000000002</v>
      </c>
      <c r="E975" s="6">
        <v>674.9633</v>
      </c>
    </row>
    <row r="976" spans="1:5" x14ac:dyDescent="0.25">
      <c r="A976" s="6">
        <v>1439.393</v>
      </c>
      <c r="B976" s="6">
        <v>1893.606</v>
      </c>
      <c r="D976" s="6">
        <v>844.20780000000002</v>
      </c>
      <c r="E976" s="6">
        <v>921.24429999999995</v>
      </c>
    </row>
    <row r="977" spans="1:5" x14ac:dyDescent="0.25">
      <c r="A977" s="6">
        <v>964.81150000000002</v>
      </c>
      <c r="B977" s="6">
        <v>2046.9059999999999</v>
      </c>
      <c r="D977" s="6">
        <v>13644.32</v>
      </c>
      <c r="E977" s="6">
        <v>688.37879999999996</v>
      </c>
    </row>
    <row r="978" spans="1:5" x14ac:dyDescent="0.25">
      <c r="A978" s="6">
        <v>1808.2380000000001</v>
      </c>
      <c r="B978" s="6">
        <v>895.91700000000003</v>
      </c>
      <c r="D978" s="6">
        <v>912.96489999999994</v>
      </c>
      <c r="E978" s="6">
        <v>665.57950000000005</v>
      </c>
    </row>
    <row r="979" spans="1:5" x14ac:dyDescent="0.25">
      <c r="A979" s="6">
        <v>1400.5920000000001</v>
      </c>
      <c r="B979" s="6">
        <v>2157.806</v>
      </c>
      <c r="D979" s="6">
        <v>1381.655</v>
      </c>
      <c r="E979" s="6">
        <v>458.68810000000002</v>
      </c>
    </row>
    <row r="980" spans="1:5" x14ac:dyDescent="0.25">
      <c r="A980" s="6">
        <v>885.54169999999999</v>
      </c>
      <c r="B980" s="6">
        <v>1167.44</v>
      </c>
      <c r="D980" s="6">
        <v>6723.3770000000004</v>
      </c>
      <c r="E980" s="6">
        <v>877.92039999999997</v>
      </c>
    </row>
    <row r="981" spans="1:5" x14ac:dyDescent="0.25">
      <c r="A981" s="6">
        <v>916.44569999999999</v>
      </c>
      <c r="B981" s="6">
        <v>1618.9369999999999</v>
      </c>
      <c r="D981" s="6">
        <v>754.98649999999998</v>
      </c>
      <c r="E981" s="6">
        <v>811.22389999999996</v>
      </c>
    </row>
    <row r="982" spans="1:5" x14ac:dyDescent="0.25">
      <c r="A982" s="6">
        <v>980.01319999999998</v>
      </c>
      <c r="B982" s="6">
        <v>1764.3969999999999</v>
      </c>
      <c r="D982" s="6">
        <v>511.75360000000001</v>
      </c>
      <c r="E982" s="6">
        <v>754.82420000000002</v>
      </c>
    </row>
    <row r="983" spans="1:5" x14ac:dyDescent="0.25">
      <c r="A983" s="6">
        <v>1001.1130000000001</v>
      </c>
      <c r="B983" s="6">
        <v>1841.058</v>
      </c>
      <c r="D983" s="6">
        <v>1112.08</v>
      </c>
      <c r="E983" s="6">
        <v>1093.703</v>
      </c>
    </row>
    <row r="984" spans="1:5" x14ac:dyDescent="0.25">
      <c r="A984" s="6">
        <v>1864.6969999999999</v>
      </c>
      <c r="B984" s="6">
        <v>1623.0930000000001</v>
      </c>
      <c r="D984" s="6">
        <v>556.89769999999999</v>
      </c>
      <c r="E984" s="6">
        <v>1137.0329999999999</v>
      </c>
    </row>
    <row r="985" spans="1:5" x14ac:dyDescent="0.25">
      <c r="A985" s="6">
        <v>1265.2260000000001</v>
      </c>
      <c r="B985" s="6">
        <v>1536.6859999999999</v>
      </c>
      <c r="D985" s="6">
        <v>722.41269999999997</v>
      </c>
      <c r="E985" s="6">
        <v>912.63229999999999</v>
      </c>
    </row>
    <row r="986" spans="1:5" x14ac:dyDescent="0.25">
      <c r="A986" s="6">
        <v>2317.8319999999999</v>
      </c>
      <c r="B986" s="6">
        <v>961.1114</v>
      </c>
      <c r="D986" s="6">
        <v>732.88289999999995</v>
      </c>
      <c r="E986" s="6">
        <v>556.5</v>
      </c>
    </row>
    <row r="987" spans="1:5" x14ac:dyDescent="0.25">
      <c r="A987" s="6">
        <v>960.09079999999994</v>
      </c>
      <c r="B987" s="6">
        <v>2432.3490000000002</v>
      </c>
      <c r="D987" s="6">
        <v>797.99519999999995</v>
      </c>
      <c r="E987" s="6">
        <v>880.82320000000004</v>
      </c>
    </row>
    <row r="988" spans="1:5" x14ac:dyDescent="0.25">
      <c r="A988" s="6">
        <v>1042.095</v>
      </c>
      <c r="B988" s="6">
        <v>1539.999</v>
      </c>
      <c r="D988" s="6">
        <v>1055.1559999999999</v>
      </c>
      <c r="E988" s="6">
        <v>873.54870000000005</v>
      </c>
    </row>
    <row r="989" spans="1:5" x14ac:dyDescent="0.25">
      <c r="A989" s="6">
        <v>1071.5139999999999</v>
      </c>
      <c r="B989" s="6">
        <v>951.54909999999995</v>
      </c>
      <c r="D989" s="6">
        <v>3436.7060000000001</v>
      </c>
      <c r="E989" s="6">
        <v>442.46199999999999</v>
      </c>
    </row>
    <row r="990" spans="1:5" x14ac:dyDescent="0.25">
      <c r="A990" s="6">
        <v>891.53150000000005</v>
      </c>
      <c r="B990" s="6">
        <v>1678.039</v>
      </c>
      <c r="D990" s="6">
        <v>1131.6559999999999</v>
      </c>
      <c r="E990" s="6">
        <v>691.35720000000003</v>
      </c>
    </row>
    <row r="991" spans="1:5" x14ac:dyDescent="0.25">
      <c r="A991" s="6">
        <v>4017.0129999999999</v>
      </c>
      <c r="B991" s="6">
        <v>2231.9969999999998</v>
      </c>
      <c r="D991" s="6">
        <v>2218.4</v>
      </c>
      <c r="E991" s="6">
        <v>671.32230000000004</v>
      </c>
    </row>
    <row r="992" spans="1:5" x14ac:dyDescent="0.25">
      <c r="A992" s="6">
        <v>1173.405</v>
      </c>
      <c r="B992" s="6">
        <v>1639.184</v>
      </c>
      <c r="D992" s="6">
        <v>643.12940000000003</v>
      </c>
      <c r="E992" s="6">
        <v>816.63760000000002</v>
      </c>
    </row>
    <row r="993" spans="1:5" x14ac:dyDescent="0.25">
      <c r="A993" s="6">
        <v>1003.415</v>
      </c>
      <c r="B993" s="6">
        <v>1640.9269999999999</v>
      </c>
      <c r="D993" s="6">
        <v>7643.2659999999996</v>
      </c>
      <c r="E993" s="6">
        <v>797.74080000000004</v>
      </c>
    </row>
    <row r="994" spans="1:5" x14ac:dyDescent="0.25">
      <c r="A994" s="6">
        <v>1123.778</v>
      </c>
      <c r="B994" s="6">
        <v>2484.5810000000001</v>
      </c>
      <c r="D994" s="6">
        <v>722.98540000000003</v>
      </c>
      <c r="E994" s="6">
        <v>771.73770000000002</v>
      </c>
    </row>
    <row r="995" spans="1:5" x14ac:dyDescent="0.25">
      <c r="A995" s="6">
        <v>779.36069999999995</v>
      </c>
      <c r="B995" s="6">
        <v>1161.29</v>
      </c>
      <c r="D995" s="6">
        <v>1464.104</v>
      </c>
      <c r="E995" s="6">
        <v>960.50940000000003</v>
      </c>
    </row>
    <row r="996" spans="1:5" x14ac:dyDescent="0.25">
      <c r="A996" s="6">
        <v>1034.423</v>
      </c>
      <c r="B996" s="6">
        <v>1527.537</v>
      </c>
      <c r="D996" s="6">
        <v>1592.75</v>
      </c>
      <c r="E996" s="6">
        <v>798.81820000000005</v>
      </c>
    </row>
    <row r="997" spans="1:5" x14ac:dyDescent="0.25">
      <c r="A997" s="6">
        <v>2178.7959999999998</v>
      </c>
      <c r="B997" s="6">
        <v>1585.8150000000001</v>
      </c>
      <c r="D997" s="6">
        <v>8081.9440000000004</v>
      </c>
      <c r="E997" s="6">
        <v>973.08150000000001</v>
      </c>
    </row>
    <row r="998" spans="1:5" x14ac:dyDescent="0.25">
      <c r="A998" s="6">
        <v>1230.93</v>
      </c>
      <c r="B998" s="6">
        <v>2265.9609999999998</v>
      </c>
      <c r="D998" s="6">
        <v>9953.2289999999994</v>
      </c>
      <c r="E998" s="6">
        <v>845.98140000000001</v>
      </c>
    </row>
    <row r="999" spans="1:5" x14ac:dyDescent="0.25">
      <c r="A999" s="6">
        <v>981.04250000000002</v>
      </c>
      <c r="B999" s="6">
        <v>1514.825</v>
      </c>
      <c r="D999" s="6">
        <v>840.54840000000002</v>
      </c>
      <c r="E999" s="6">
        <v>894.30010000000004</v>
      </c>
    </row>
    <row r="1000" spans="1:5" x14ac:dyDescent="0.25">
      <c r="A1000" s="6">
        <v>1259.2360000000001</v>
      </c>
      <c r="B1000" s="6">
        <v>1419.62</v>
      </c>
      <c r="D1000" s="6">
        <v>1075.068</v>
      </c>
      <c r="E1000" s="6">
        <v>1352.472</v>
      </c>
    </row>
    <row r="1001" spans="1:5" x14ac:dyDescent="0.25">
      <c r="A1001" s="6">
        <v>1876.691</v>
      </c>
      <c r="B1001" s="6">
        <v>1940.0519999999999</v>
      </c>
      <c r="D1001" s="6">
        <v>854.03530000000001</v>
      </c>
      <c r="E1001" s="6">
        <v>767.89459999999997</v>
      </c>
    </row>
    <row r="1002" spans="1:5" x14ac:dyDescent="0.25">
      <c r="A1002" s="6">
        <v>872.85440000000006</v>
      </c>
      <c r="B1002" s="6">
        <v>1101.68</v>
      </c>
      <c r="D1002" s="6">
        <v>1276.7349999999999</v>
      </c>
      <c r="E1002" s="6">
        <v>986.71860000000004</v>
      </c>
    </row>
    <row r="1003" spans="1:5" x14ac:dyDescent="0.25">
      <c r="A1003" s="6">
        <v>1207.94</v>
      </c>
      <c r="B1003" s="6">
        <v>2162.4920000000002</v>
      </c>
      <c r="D1003" s="6">
        <v>1049.269</v>
      </c>
      <c r="E1003" s="6">
        <v>781.67510000000004</v>
      </c>
    </row>
    <row r="1004" spans="1:5" x14ac:dyDescent="0.25">
      <c r="A1004" s="6">
        <v>850.0539</v>
      </c>
      <c r="B1004" s="6">
        <v>1565.941</v>
      </c>
      <c r="D1004" s="6">
        <v>986.47230000000002</v>
      </c>
      <c r="E1004" s="6">
        <v>523.87049999999999</v>
      </c>
    </row>
    <row r="1005" spans="1:5" x14ac:dyDescent="0.25">
      <c r="A1005" s="6">
        <v>1754.1</v>
      </c>
      <c r="B1005" s="6">
        <v>3704.5970000000002</v>
      </c>
      <c r="D1005" s="6">
        <v>6787.5519999999997</v>
      </c>
      <c r="E1005" s="6">
        <v>1097.5</v>
      </c>
    </row>
    <row r="1006" spans="1:5" x14ac:dyDescent="0.25">
      <c r="A1006" s="6">
        <v>2098.4699999999998</v>
      </c>
      <c r="B1006" s="6">
        <v>1164.098</v>
      </c>
      <c r="D1006" s="6">
        <v>794.88319999999999</v>
      </c>
      <c r="E1006" s="6">
        <v>692.9289</v>
      </c>
    </row>
    <row r="1007" spans="1:5" x14ac:dyDescent="0.25">
      <c r="A1007" s="6">
        <v>1406.164</v>
      </c>
      <c r="B1007" s="6">
        <v>1853.175</v>
      </c>
      <c r="D1007" s="6">
        <v>12174.81</v>
      </c>
      <c r="E1007" s="6">
        <v>834.18470000000002</v>
      </c>
    </row>
    <row r="1008" spans="1:5" x14ac:dyDescent="0.25">
      <c r="A1008" s="6">
        <v>1071.461</v>
      </c>
      <c r="B1008" s="6">
        <v>833.18830000000003</v>
      </c>
      <c r="D1008" s="6">
        <v>2211.482</v>
      </c>
      <c r="E1008" s="6">
        <v>779.49099999999999</v>
      </c>
    </row>
    <row r="1009" spans="1:5" x14ac:dyDescent="0.25">
      <c r="A1009" s="6">
        <v>874.2604</v>
      </c>
      <c r="B1009" s="6">
        <v>892.33</v>
      </c>
      <c r="D1009" s="6">
        <v>765.42330000000004</v>
      </c>
      <c r="E1009" s="6">
        <v>701.42240000000004</v>
      </c>
    </row>
    <row r="1010" spans="1:5" x14ac:dyDescent="0.25">
      <c r="A1010" s="6">
        <v>695.81880000000001</v>
      </c>
      <c r="B1010" s="6">
        <v>1506.86</v>
      </c>
      <c r="D1010" s="6">
        <v>2068.759</v>
      </c>
      <c r="E1010" s="6">
        <v>796.96770000000004</v>
      </c>
    </row>
    <row r="1011" spans="1:5" x14ac:dyDescent="0.25">
      <c r="A1011" s="6">
        <v>999.61019999999996</v>
      </c>
      <c r="B1011" s="6">
        <v>1007.354</v>
      </c>
      <c r="D1011" s="6">
        <v>722.79470000000003</v>
      </c>
      <c r="E1011" s="6">
        <v>6165.3789999999999</v>
      </c>
    </row>
    <row r="1012" spans="1:5" x14ac:dyDescent="0.25">
      <c r="A1012" s="6">
        <v>767.55870000000004</v>
      </c>
      <c r="B1012" s="6">
        <v>2607.683</v>
      </c>
      <c r="D1012" s="6">
        <v>782.46109999999999</v>
      </c>
      <c r="E1012" s="6">
        <v>809.25800000000004</v>
      </c>
    </row>
    <row r="1013" spans="1:5" x14ac:dyDescent="0.25">
      <c r="A1013" s="6">
        <v>704.84259999999995</v>
      </c>
      <c r="B1013" s="6">
        <v>2457.098</v>
      </c>
      <c r="D1013" s="6">
        <v>9953.6389999999992</v>
      </c>
      <c r="E1013" s="6">
        <v>567.31150000000002</v>
      </c>
    </row>
    <row r="1014" spans="1:5" x14ac:dyDescent="0.25">
      <c r="A1014" s="6">
        <v>1209.6890000000001</v>
      </c>
      <c r="B1014" s="6">
        <v>1168.3800000000001</v>
      </c>
      <c r="D1014" s="6">
        <v>814.35919999999999</v>
      </c>
      <c r="E1014" s="6">
        <v>953.31590000000006</v>
      </c>
    </row>
    <row r="1015" spans="1:5" x14ac:dyDescent="0.25">
      <c r="A1015" s="6">
        <v>1331.8409999999999</v>
      </c>
      <c r="B1015" s="6">
        <v>1340.3040000000001</v>
      </c>
      <c r="D1015" s="6">
        <v>5826.87</v>
      </c>
      <c r="E1015" s="6">
        <v>870.07730000000004</v>
      </c>
    </row>
    <row r="1016" spans="1:5" x14ac:dyDescent="0.25">
      <c r="A1016" s="6">
        <v>1496.2460000000001</v>
      </c>
      <c r="B1016" s="6">
        <v>2052.6260000000002</v>
      </c>
      <c r="D1016" s="6">
        <v>987.19060000000002</v>
      </c>
      <c r="E1016" s="6">
        <v>663.9135</v>
      </c>
    </row>
    <row r="1017" spans="1:5" x14ac:dyDescent="0.25">
      <c r="A1017" s="6">
        <v>523.22609999999997</v>
      </c>
      <c r="B1017" s="6">
        <v>1344.704</v>
      </c>
      <c r="D1017" s="6">
        <v>1616</v>
      </c>
      <c r="E1017" s="6">
        <v>572.25160000000005</v>
      </c>
    </row>
    <row r="1018" spans="1:5" x14ac:dyDescent="0.25">
      <c r="A1018" s="6">
        <v>1116.0899999999999</v>
      </c>
      <c r="B1018" s="6">
        <v>2409.5639999999999</v>
      </c>
      <c r="D1018" s="6">
        <v>825.34209999999996</v>
      </c>
      <c r="E1018" s="6">
        <v>1001.789</v>
      </c>
    </row>
    <row r="1019" spans="1:5" x14ac:dyDescent="0.25">
      <c r="A1019" s="6">
        <v>890.61260000000004</v>
      </c>
      <c r="B1019" s="6">
        <v>1442.8989999999999</v>
      </c>
      <c r="D1019" s="6">
        <v>716.54629999999997</v>
      </c>
      <c r="E1019" s="6">
        <v>892.95050000000003</v>
      </c>
    </row>
    <row r="1020" spans="1:5" x14ac:dyDescent="0.25">
      <c r="A1020" s="6">
        <v>921.7183</v>
      </c>
      <c r="B1020" s="6">
        <v>1637.317</v>
      </c>
      <c r="D1020" s="6">
        <v>644.01909999999998</v>
      </c>
      <c r="E1020" s="6">
        <v>2276.712</v>
      </c>
    </row>
    <row r="1021" spans="1:5" x14ac:dyDescent="0.25">
      <c r="A1021" s="6">
        <v>911.78300000000002</v>
      </c>
      <c r="B1021" s="6">
        <v>2456.6309999999999</v>
      </c>
      <c r="D1021" s="6">
        <v>971.0729</v>
      </c>
      <c r="E1021" s="6">
        <v>975.1789</v>
      </c>
    </row>
    <row r="1022" spans="1:5" x14ac:dyDescent="0.25">
      <c r="A1022" s="6">
        <v>827</v>
      </c>
      <c r="B1022" s="6">
        <v>1877.422</v>
      </c>
      <c r="D1022" s="6">
        <v>791.79309999999998</v>
      </c>
      <c r="E1022" s="6">
        <v>332.75</v>
      </c>
    </row>
    <row r="1023" spans="1:5" x14ac:dyDescent="0.25">
      <c r="A1023" s="6">
        <v>1256.7660000000001</v>
      </c>
      <c r="B1023" s="6">
        <v>1285.4549999999999</v>
      </c>
      <c r="D1023" s="6">
        <v>1000.572</v>
      </c>
      <c r="E1023" s="6">
        <v>997.12030000000004</v>
      </c>
    </row>
    <row r="1024" spans="1:5" x14ac:dyDescent="0.25">
      <c r="A1024" s="6">
        <v>1007.56</v>
      </c>
      <c r="B1024" s="6">
        <v>1938.01</v>
      </c>
      <c r="D1024" s="6">
        <v>434.54219999999998</v>
      </c>
      <c r="E1024" s="6">
        <v>730.98940000000005</v>
      </c>
    </row>
    <row r="1025" spans="1:5" x14ac:dyDescent="0.25">
      <c r="A1025" s="6">
        <v>932.19539999999995</v>
      </c>
      <c r="B1025" s="6">
        <v>2006.8620000000001</v>
      </c>
      <c r="D1025" s="6">
        <v>1677.8610000000001</v>
      </c>
      <c r="E1025" s="6">
        <v>1799.2850000000001</v>
      </c>
    </row>
    <row r="1026" spans="1:5" x14ac:dyDescent="0.25">
      <c r="A1026" s="6">
        <v>769.80820000000006</v>
      </c>
      <c r="B1026" s="6">
        <v>2021.133</v>
      </c>
      <c r="D1026" s="6">
        <v>920.67880000000002</v>
      </c>
      <c r="E1026" s="6">
        <v>844.04849999999999</v>
      </c>
    </row>
    <row r="1027" spans="1:5" x14ac:dyDescent="0.25">
      <c r="A1027" s="6">
        <v>930.70060000000001</v>
      </c>
      <c r="B1027" s="6">
        <v>1296.107</v>
      </c>
      <c r="D1027" s="6">
        <v>584.62440000000004</v>
      </c>
      <c r="E1027" s="6">
        <v>867.98869999999999</v>
      </c>
    </row>
    <row r="1028" spans="1:5" x14ac:dyDescent="0.25">
      <c r="A1028" s="6">
        <v>1064.306</v>
      </c>
      <c r="B1028" s="6">
        <v>1298.2170000000001</v>
      </c>
      <c r="D1028" s="6">
        <v>1221.452</v>
      </c>
      <c r="E1028" s="6">
        <v>766.96929999999998</v>
      </c>
    </row>
    <row r="1029" spans="1:5" x14ac:dyDescent="0.25">
      <c r="A1029" s="6">
        <v>710.94719999999995</v>
      </c>
      <c r="B1029" s="6">
        <v>1615.645</v>
      </c>
      <c r="D1029" s="6">
        <v>837.1549</v>
      </c>
      <c r="E1029" s="6">
        <v>930.45039999999995</v>
      </c>
    </row>
    <row r="1030" spans="1:5" x14ac:dyDescent="0.25">
      <c r="A1030" s="6">
        <v>3324.7220000000002</v>
      </c>
      <c r="B1030" s="6">
        <v>1214.8810000000001</v>
      </c>
      <c r="D1030" s="6">
        <v>1651.6379999999999</v>
      </c>
      <c r="E1030" s="6">
        <v>1389.6030000000001</v>
      </c>
    </row>
    <row r="1031" spans="1:5" x14ac:dyDescent="0.25">
      <c r="A1031" s="6">
        <v>1543.0139999999999</v>
      </c>
      <c r="B1031" s="6">
        <v>1610.499</v>
      </c>
      <c r="D1031" s="6">
        <v>890.85540000000003</v>
      </c>
      <c r="E1031" s="6">
        <v>969.87810000000002</v>
      </c>
    </row>
    <row r="1032" spans="1:5" x14ac:dyDescent="0.25">
      <c r="A1032" s="6">
        <v>757.08669999999995</v>
      </c>
      <c r="B1032" s="6">
        <v>1399.3820000000001</v>
      </c>
      <c r="D1032" s="6">
        <v>4119.6170000000002</v>
      </c>
      <c r="E1032" s="6">
        <v>1091.3330000000001</v>
      </c>
    </row>
    <row r="1033" spans="1:5" x14ac:dyDescent="0.25">
      <c r="A1033" s="6">
        <v>1064.758</v>
      </c>
      <c r="B1033" s="6">
        <v>1647.0060000000001</v>
      </c>
      <c r="D1033" s="6">
        <v>890.32569999999998</v>
      </c>
      <c r="E1033" s="6">
        <v>643.92129999999997</v>
      </c>
    </row>
    <row r="1034" spans="1:5" x14ac:dyDescent="0.25">
      <c r="A1034" s="6">
        <v>935.3895</v>
      </c>
      <c r="B1034" s="6">
        <v>2526.5010000000002</v>
      </c>
      <c r="D1034" s="6">
        <v>921.93380000000002</v>
      </c>
      <c r="E1034" s="6">
        <v>1043.778</v>
      </c>
    </row>
    <row r="1035" spans="1:5" x14ac:dyDescent="0.25">
      <c r="A1035" s="6">
        <v>812.17259999999999</v>
      </c>
      <c r="B1035" s="6">
        <v>1264.4960000000001</v>
      </c>
      <c r="D1035" s="6">
        <v>1501.348</v>
      </c>
      <c r="E1035" s="6">
        <v>699.16980000000001</v>
      </c>
    </row>
    <row r="1036" spans="1:5" x14ac:dyDescent="0.25">
      <c r="A1036" s="6">
        <v>1578</v>
      </c>
      <c r="B1036" s="6">
        <v>1805.7650000000001</v>
      </c>
      <c r="D1036" s="6">
        <v>621.96619999999996</v>
      </c>
      <c r="E1036" s="6">
        <v>854.48069999999996</v>
      </c>
    </row>
    <row r="1037" spans="1:5" x14ac:dyDescent="0.25">
      <c r="A1037" s="6">
        <v>1073.4860000000001</v>
      </c>
      <c r="B1037" s="6">
        <v>969.23680000000002</v>
      </c>
      <c r="D1037" s="6">
        <v>709.5</v>
      </c>
      <c r="E1037" s="6">
        <v>813.48770000000002</v>
      </c>
    </row>
    <row r="1038" spans="1:5" x14ac:dyDescent="0.25">
      <c r="A1038" s="6">
        <v>1841.0940000000001</v>
      </c>
      <c r="B1038" s="6">
        <v>1322.28</v>
      </c>
      <c r="D1038" s="6">
        <v>825.22540000000004</v>
      </c>
      <c r="E1038" s="6">
        <v>751.66700000000003</v>
      </c>
    </row>
    <row r="1039" spans="1:5" x14ac:dyDescent="0.25">
      <c r="A1039" s="6">
        <v>1467.904</v>
      </c>
      <c r="B1039" s="6">
        <v>1392.1220000000001</v>
      </c>
      <c r="D1039" s="6">
        <v>653.2876</v>
      </c>
      <c r="E1039" s="6">
        <v>800.67150000000004</v>
      </c>
    </row>
    <row r="1040" spans="1:5" x14ac:dyDescent="0.25">
      <c r="A1040" s="6">
        <v>1680.0809999999999</v>
      </c>
      <c r="B1040" s="6">
        <v>1047.692</v>
      </c>
      <c r="D1040" s="6">
        <v>7725.741</v>
      </c>
      <c r="E1040" s="6">
        <v>555.41570000000002</v>
      </c>
    </row>
    <row r="1041" spans="1:5" x14ac:dyDescent="0.25">
      <c r="A1041" s="6">
        <v>1230.2840000000001</v>
      </c>
      <c r="B1041" s="6">
        <v>915.51</v>
      </c>
      <c r="D1041" s="6">
        <v>756.75649999999996</v>
      </c>
      <c r="E1041" s="6">
        <v>5354.0969999999998</v>
      </c>
    </row>
    <row r="1042" spans="1:5" x14ac:dyDescent="0.25">
      <c r="A1042" s="6">
        <v>1122.932</v>
      </c>
      <c r="B1042" s="6">
        <v>2333.6640000000002</v>
      </c>
      <c r="D1042" s="6">
        <v>644.47969999999998</v>
      </c>
      <c r="E1042" s="6">
        <v>933.01490000000001</v>
      </c>
    </row>
    <row r="1043" spans="1:5" x14ac:dyDescent="0.25">
      <c r="A1043" s="6">
        <v>5661.652</v>
      </c>
      <c r="B1043" s="6">
        <v>1448.481</v>
      </c>
      <c r="D1043" s="6">
        <v>609.53499999999997</v>
      </c>
      <c r="E1043" s="6">
        <v>998.72460000000001</v>
      </c>
    </row>
    <row r="1044" spans="1:5" x14ac:dyDescent="0.25">
      <c r="A1044" s="6">
        <v>521.28570000000002</v>
      </c>
      <c r="B1044" s="6">
        <v>2323.7739999999999</v>
      </c>
      <c r="D1044" s="6">
        <v>9963.5300000000007</v>
      </c>
      <c r="E1044" s="6">
        <v>790.09159999999997</v>
      </c>
    </row>
    <row r="1045" spans="1:5" x14ac:dyDescent="0.25">
      <c r="A1045" s="6">
        <v>833.50019999999995</v>
      </c>
      <c r="B1045" s="6">
        <v>1753.0139999999999</v>
      </c>
      <c r="D1045" s="6">
        <v>6418.067</v>
      </c>
      <c r="E1045" s="6">
        <v>707.84310000000005</v>
      </c>
    </row>
    <row r="1046" spans="1:5" x14ac:dyDescent="0.25">
      <c r="A1046" s="6">
        <v>811.67370000000005</v>
      </c>
      <c r="B1046" s="6">
        <v>1318.1320000000001</v>
      </c>
      <c r="D1046" s="6">
        <v>2285.2629999999999</v>
      </c>
      <c r="E1046" s="6">
        <v>867.32410000000004</v>
      </c>
    </row>
    <row r="1047" spans="1:5" x14ac:dyDescent="0.25">
      <c r="A1047" s="6">
        <v>871.0847</v>
      </c>
      <c r="B1047" s="6">
        <v>2129.364</v>
      </c>
      <c r="D1047" s="6">
        <v>1043.575</v>
      </c>
      <c r="E1047" s="6">
        <v>806.72950000000003</v>
      </c>
    </row>
    <row r="1048" spans="1:5" x14ac:dyDescent="0.25">
      <c r="A1048" s="6">
        <v>790.85810000000004</v>
      </c>
      <c r="B1048" s="6">
        <v>1809.7339999999999</v>
      </c>
      <c r="D1048" s="6">
        <v>599.37450000000001</v>
      </c>
      <c r="E1048" s="6">
        <v>5198.1180000000004</v>
      </c>
    </row>
    <row r="1049" spans="1:5" x14ac:dyDescent="0.25">
      <c r="A1049" s="6">
        <v>1881.6759999999999</v>
      </c>
      <c r="B1049" s="6">
        <v>1619.654</v>
      </c>
      <c r="D1049" s="6">
        <v>902.27980000000002</v>
      </c>
      <c r="E1049" s="6">
        <v>598.75890000000004</v>
      </c>
    </row>
    <row r="1050" spans="1:5" x14ac:dyDescent="0.25">
      <c r="A1050" s="6">
        <v>785.74360000000001</v>
      </c>
      <c r="B1050" s="6">
        <v>1738.751</v>
      </c>
      <c r="D1050" s="6">
        <v>333.2022</v>
      </c>
      <c r="E1050" s="6">
        <v>975.65110000000004</v>
      </c>
    </row>
    <row r="1051" spans="1:5" x14ac:dyDescent="0.25">
      <c r="A1051" s="6">
        <v>916.59569999999997</v>
      </c>
      <c r="B1051" s="6">
        <v>1055.3309999999999</v>
      </c>
      <c r="D1051" s="6">
        <v>10290.85</v>
      </c>
      <c r="E1051" s="6">
        <v>612.86519999999996</v>
      </c>
    </row>
    <row r="1052" spans="1:5" x14ac:dyDescent="0.25">
      <c r="A1052" s="6"/>
      <c r="B1052" s="6">
        <v>1696.921</v>
      </c>
      <c r="D1052" s="6">
        <v>7434.4080000000004</v>
      </c>
      <c r="E1052" s="6">
        <v>1250.7149999999999</v>
      </c>
    </row>
    <row r="1053" spans="1:5" x14ac:dyDescent="0.25">
      <c r="A1053" s="6"/>
      <c r="B1053" s="6">
        <v>959.62459999999999</v>
      </c>
      <c r="D1053" s="6">
        <v>985.12139999999999</v>
      </c>
      <c r="E1053" s="6">
        <v>690.29989999999998</v>
      </c>
    </row>
    <row r="1054" spans="1:5" x14ac:dyDescent="0.25">
      <c r="A1054" s="6"/>
      <c r="B1054" s="6">
        <v>1220.723</v>
      </c>
      <c r="D1054" s="6">
        <v>867.57489999999996</v>
      </c>
      <c r="E1054" s="6">
        <v>963.95650000000001</v>
      </c>
    </row>
    <row r="1055" spans="1:5" x14ac:dyDescent="0.25">
      <c r="A1055" s="6"/>
      <c r="B1055" s="6">
        <v>1352.9970000000001</v>
      </c>
      <c r="D1055" s="6">
        <v>735.7</v>
      </c>
      <c r="E1055" s="6">
        <v>390</v>
      </c>
    </row>
    <row r="1056" spans="1:5" x14ac:dyDescent="0.25">
      <c r="A1056" s="6"/>
      <c r="B1056" s="6">
        <v>964.55169999999998</v>
      </c>
      <c r="D1056" s="6">
        <v>904.27809999999999</v>
      </c>
      <c r="E1056" s="6">
        <v>700.16759999999999</v>
      </c>
    </row>
    <row r="1057" spans="1:5" x14ac:dyDescent="0.25">
      <c r="A1057" s="6"/>
      <c r="B1057" s="6">
        <v>1019.178</v>
      </c>
      <c r="D1057" s="6">
        <v>1038.306</v>
      </c>
      <c r="E1057" s="6">
        <v>685.35350000000005</v>
      </c>
    </row>
    <row r="1058" spans="1:5" x14ac:dyDescent="0.25">
      <c r="A1058" s="6"/>
      <c r="B1058" s="6">
        <v>907.00099999999998</v>
      </c>
      <c r="D1058" s="6">
        <v>738.31420000000003</v>
      </c>
      <c r="E1058" s="6">
        <v>4318.5240000000003</v>
      </c>
    </row>
    <row r="1059" spans="1:5" x14ac:dyDescent="0.25">
      <c r="A1059" s="6"/>
      <c r="B1059" s="6">
        <v>1023.21</v>
      </c>
      <c r="D1059" s="6">
        <v>714.25980000000004</v>
      </c>
      <c r="E1059" s="6">
        <v>634.88940000000002</v>
      </c>
    </row>
    <row r="1060" spans="1:5" x14ac:dyDescent="0.25">
      <c r="A1060" s="6"/>
      <c r="B1060" s="6">
        <v>1084.154</v>
      </c>
      <c r="D1060" s="6">
        <v>679.75699999999995</v>
      </c>
      <c r="E1060" s="6">
        <v>933.13379999999995</v>
      </c>
    </row>
    <row r="1061" spans="1:5" x14ac:dyDescent="0.25">
      <c r="A1061" s="6"/>
      <c r="B1061" s="6">
        <v>1181.162</v>
      </c>
      <c r="D1061" s="6">
        <v>725.43230000000005</v>
      </c>
      <c r="E1061" s="6">
        <v>534.0539</v>
      </c>
    </row>
    <row r="1062" spans="1:5" x14ac:dyDescent="0.25">
      <c r="A1062" s="6"/>
      <c r="B1062" s="6">
        <v>2201.8389999999999</v>
      </c>
      <c r="D1062" s="6">
        <v>629.94259999999997</v>
      </c>
      <c r="E1062" s="6">
        <v>834.11599999999999</v>
      </c>
    </row>
    <row r="1063" spans="1:5" x14ac:dyDescent="0.25">
      <c r="A1063" s="6"/>
      <c r="B1063" s="6">
        <v>2062.7869999999998</v>
      </c>
      <c r="D1063" s="6">
        <v>802.95849999999996</v>
      </c>
      <c r="E1063" s="6">
        <v>730.47749999999996</v>
      </c>
    </row>
    <row r="1064" spans="1:5" x14ac:dyDescent="0.25">
      <c r="A1064" s="6"/>
      <c r="B1064" s="6">
        <v>1991.4380000000001</v>
      </c>
      <c r="D1064" s="6">
        <v>779.47760000000005</v>
      </c>
      <c r="E1064" s="6">
        <v>882.90039999999999</v>
      </c>
    </row>
    <row r="1065" spans="1:5" x14ac:dyDescent="0.25">
      <c r="A1065" s="6"/>
      <c r="B1065" s="6">
        <v>1650.7429999999999</v>
      </c>
      <c r="D1065" s="6">
        <v>8103.4160000000002</v>
      </c>
      <c r="E1065" s="6">
        <v>1007.803</v>
      </c>
    </row>
    <row r="1066" spans="1:5" x14ac:dyDescent="0.25">
      <c r="A1066" s="6"/>
      <c r="B1066" s="6">
        <v>858.17700000000002</v>
      </c>
      <c r="D1066" s="6">
        <v>2786.2420000000002</v>
      </c>
      <c r="E1066" s="6">
        <v>463.2217</v>
      </c>
    </row>
    <row r="1067" spans="1:5" x14ac:dyDescent="0.25">
      <c r="A1067" s="6"/>
      <c r="B1067" s="6">
        <v>1375.405</v>
      </c>
      <c r="D1067" s="6">
        <v>638.52269999999999</v>
      </c>
      <c r="E1067" s="6">
        <v>663.13660000000004</v>
      </c>
    </row>
    <row r="1068" spans="1:5" x14ac:dyDescent="0.25">
      <c r="A1068" s="6"/>
      <c r="B1068" s="6">
        <v>146.1233</v>
      </c>
      <c r="D1068" s="6">
        <v>1132</v>
      </c>
      <c r="E1068" s="6">
        <v>609.03729999999996</v>
      </c>
    </row>
    <row r="1069" spans="1:5" x14ac:dyDescent="0.25">
      <c r="A1069" s="6"/>
      <c r="B1069" s="6">
        <v>616.33820000000003</v>
      </c>
      <c r="D1069" s="6">
        <v>724.27369999999996</v>
      </c>
      <c r="E1069" s="6">
        <v>2174.3110000000001</v>
      </c>
    </row>
    <row r="1070" spans="1:5" x14ac:dyDescent="0.25">
      <c r="A1070" s="6"/>
      <c r="B1070" s="6">
        <v>1808.6949999999999</v>
      </c>
      <c r="D1070" s="6">
        <v>655.04899999999998</v>
      </c>
      <c r="E1070" s="6">
        <v>1189.71</v>
      </c>
    </row>
    <row r="1071" spans="1:5" x14ac:dyDescent="0.25">
      <c r="A1071" s="6"/>
      <c r="B1071" s="6">
        <v>823.76530000000002</v>
      </c>
      <c r="D1071" s="6">
        <v>742.80439999999999</v>
      </c>
      <c r="E1071" s="6">
        <v>1385.528</v>
      </c>
    </row>
    <row r="1072" spans="1:5" x14ac:dyDescent="0.25">
      <c r="A1072" s="6"/>
      <c r="B1072" s="6">
        <v>2233.1379999999999</v>
      </c>
      <c r="D1072" s="6">
        <v>1758.5709999999999</v>
      </c>
      <c r="E1072" s="6">
        <v>823.12199999999996</v>
      </c>
    </row>
    <row r="1073" spans="1:5" x14ac:dyDescent="0.25">
      <c r="A1073" s="6"/>
      <c r="B1073" s="6">
        <v>1253.0540000000001</v>
      </c>
      <c r="D1073" s="6">
        <v>546.27880000000005</v>
      </c>
      <c r="E1073" s="6">
        <v>5448.4049999999997</v>
      </c>
    </row>
    <row r="1074" spans="1:5" x14ac:dyDescent="0.25">
      <c r="A1074" s="6"/>
      <c r="B1074" s="6">
        <v>2081.0740000000001</v>
      </c>
      <c r="D1074" s="6">
        <v>7539.4970000000003</v>
      </c>
      <c r="E1074" s="6">
        <v>715.08140000000003</v>
      </c>
    </row>
    <row r="1075" spans="1:5" x14ac:dyDescent="0.25">
      <c r="A1075" s="6"/>
      <c r="B1075" s="6">
        <v>1637.153</v>
      </c>
      <c r="D1075" s="6">
        <v>4147.1180000000004</v>
      </c>
      <c r="E1075" s="6">
        <v>568.75</v>
      </c>
    </row>
    <row r="1076" spans="1:5" x14ac:dyDescent="0.25">
      <c r="A1076" s="6"/>
      <c r="B1076" s="6">
        <v>3967.2550000000001</v>
      </c>
      <c r="D1076" s="6">
        <v>632.89139999999998</v>
      </c>
      <c r="E1076" s="6">
        <v>997.31219999999996</v>
      </c>
    </row>
    <row r="1077" spans="1:5" x14ac:dyDescent="0.25">
      <c r="A1077" s="6"/>
      <c r="B1077" s="6">
        <v>3677.7260000000001</v>
      </c>
      <c r="D1077" s="6">
        <v>537.76969999999994</v>
      </c>
      <c r="E1077" s="6">
        <v>772.33630000000005</v>
      </c>
    </row>
    <row r="1078" spans="1:5" x14ac:dyDescent="0.25">
      <c r="A1078" s="6"/>
      <c r="B1078" s="6">
        <v>2662.6480000000001</v>
      </c>
      <c r="D1078" s="6">
        <v>739.54830000000004</v>
      </c>
      <c r="E1078" s="6">
        <v>895.98149999999998</v>
      </c>
    </row>
    <row r="1079" spans="1:5" x14ac:dyDescent="0.25">
      <c r="A1079" s="6"/>
      <c r="B1079" s="6">
        <v>1840.855</v>
      </c>
      <c r="D1079" s="6">
        <v>990.55560000000003</v>
      </c>
      <c r="E1079" s="6">
        <v>955.7079</v>
      </c>
    </row>
    <row r="1080" spans="1:5" x14ac:dyDescent="0.25">
      <c r="A1080" s="6"/>
      <c r="B1080" s="6">
        <v>1598.1130000000001</v>
      </c>
      <c r="D1080" s="6">
        <v>2070.886</v>
      </c>
      <c r="E1080" s="6">
        <v>1481.7059999999999</v>
      </c>
    </row>
    <row r="1081" spans="1:5" x14ac:dyDescent="0.25">
      <c r="A1081" s="6"/>
      <c r="B1081" s="6">
        <v>3540.201</v>
      </c>
      <c r="D1081" s="6">
        <v>901.88070000000005</v>
      </c>
      <c r="E1081" s="6">
        <v>759.33420000000001</v>
      </c>
    </row>
    <row r="1082" spans="1:5" x14ac:dyDescent="0.25">
      <c r="A1082" s="6"/>
      <c r="B1082" s="6">
        <v>1262.894</v>
      </c>
      <c r="D1082" s="6">
        <v>925.21429999999998</v>
      </c>
      <c r="E1082" s="6">
        <v>686</v>
      </c>
    </row>
    <row r="1083" spans="1:5" x14ac:dyDescent="0.25">
      <c r="A1083" s="6"/>
      <c r="B1083" s="6">
        <v>2673.3</v>
      </c>
      <c r="D1083" s="6">
        <v>1190.538</v>
      </c>
      <c r="E1083" s="6">
        <v>621.80359999999996</v>
      </c>
    </row>
    <row r="1084" spans="1:5" x14ac:dyDescent="0.25">
      <c r="A1084" s="6"/>
      <c r="B1084" s="6">
        <v>1368.722</v>
      </c>
      <c r="D1084" s="6">
        <v>678.9597</v>
      </c>
      <c r="E1084" s="6">
        <v>1521.7090000000001</v>
      </c>
    </row>
    <row r="1085" spans="1:5" x14ac:dyDescent="0.25">
      <c r="A1085" s="6"/>
      <c r="B1085" s="6">
        <v>1353.6</v>
      </c>
      <c r="D1085" s="6">
        <v>853.5</v>
      </c>
      <c r="E1085" s="6">
        <v>844.13469999999995</v>
      </c>
    </row>
    <row r="1086" spans="1:5" x14ac:dyDescent="0.25">
      <c r="A1086" s="6"/>
      <c r="B1086" s="6">
        <v>1315.914</v>
      </c>
      <c r="D1086" s="6">
        <v>971.44299999999998</v>
      </c>
      <c r="E1086" s="6">
        <v>761.22990000000004</v>
      </c>
    </row>
    <row r="1087" spans="1:5" x14ac:dyDescent="0.25">
      <c r="A1087" s="6"/>
      <c r="B1087" s="6">
        <v>1002.693</v>
      </c>
      <c r="D1087" s="6">
        <v>2736.1660000000002</v>
      </c>
      <c r="E1087" s="6">
        <v>1140</v>
      </c>
    </row>
    <row r="1088" spans="1:5" x14ac:dyDescent="0.25">
      <c r="A1088" s="6"/>
      <c r="B1088" s="6">
        <v>2214.4769999999999</v>
      </c>
      <c r="D1088" s="6">
        <v>4079.5</v>
      </c>
      <c r="E1088" s="6">
        <v>650.95219999999995</v>
      </c>
    </row>
    <row r="1089" spans="1:5" x14ac:dyDescent="0.25">
      <c r="A1089" s="6"/>
      <c r="B1089" s="6">
        <v>3640.7730000000001</v>
      </c>
      <c r="D1089" s="6">
        <v>544.94100000000003</v>
      </c>
      <c r="E1089" s="6">
        <v>626.1037</v>
      </c>
    </row>
    <row r="1090" spans="1:5" x14ac:dyDescent="0.25">
      <c r="A1090" s="6"/>
      <c r="B1090" s="6">
        <v>714.82910000000004</v>
      </c>
      <c r="D1090" s="6">
        <v>543.01160000000004</v>
      </c>
      <c r="E1090" s="6">
        <v>1021.004</v>
      </c>
    </row>
    <row r="1091" spans="1:5" x14ac:dyDescent="0.25">
      <c r="A1091" s="6"/>
      <c r="B1091" s="6">
        <v>2112.9360000000001</v>
      </c>
      <c r="D1091" s="6">
        <v>738.2645</v>
      </c>
      <c r="E1091" s="6">
        <v>5000.6949999999997</v>
      </c>
    </row>
    <row r="1092" spans="1:5" x14ac:dyDescent="0.25">
      <c r="A1092" s="6"/>
      <c r="B1092" s="6">
        <v>1657.691</v>
      </c>
      <c r="D1092" s="6">
        <v>7059.9690000000001</v>
      </c>
      <c r="E1092" s="6">
        <v>612.96540000000005</v>
      </c>
    </row>
    <row r="1093" spans="1:5" x14ac:dyDescent="0.25">
      <c r="A1093" s="6"/>
      <c r="B1093" s="6">
        <v>2694.2910000000002</v>
      </c>
      <c r="D1093" s="6">
        <v>738.5915</v>
      </c>
      <c r="E1093" s="6">
        <v>1075.9970000000001</v>
      </c>
    </row>
    <row r="1094" spans="1:5" x14ac:dyDescent="0.25">
      <c r="A1094" s="6"/>
      <c r="B1094" s="6">
        <v>1544.261</v>
      </c>
      <c r="D1094" s="6">
        <v>807.53380000000004</v>
      </c>
      <c r="E1094" s="6">
        <v>811.76440000000002</v>
      </c>
    </row>
    <row r="1095" spans="1:5" x14ac:dyDescent="0.25">
      <c r="A1095" s="6"/>
      <c r="B1095" s="6">
        <v>1732.915</v>
      </c>
      <c r="D1095" s="6">
        <v>783.53589999999997</v>
      </c>
      <c r="E1095" s="6">
        <v>639.60270000000003</v>
      </c>
    </row>
    <row r="1096" spans="1:5" x14ac:dyDescent="0.25">
      <c r="A1096" s="6"/>
      <c r="B1096" s="6">
        <v>1112.6479999999999</v>
      </c>
      <c r="D1096" s="6">
        <v>997.30870000000004</v>
      </c>
      <c r="E1096" s="6">
        <v>841.35540000000003</v>
      </c>
    </row>
    <row r="1097" spans="1:5" x14ac:dyDescent="0.25">
      <c r="A1097" s="6"/>
      <c r="B1097" s="6">
        <v>1896.0429999999999</v>
      </c>
      <c r="D1097" s="6">
        <v>1013.4640000000001</v>
      </c>
      <c r="E1097" s="6">
        <v>2323.5279999999998</v>
      </c>
    </row>
    <row r="1098" spans="1:5" x14ac:dyDescent="0.25">
      <c r="A1098" s="6"/>
      <c r="B1098" s="6">
        <v>1138.692</v>
      </c>
      <c r="D1098" s="6">
        <v>822.04650000000004</v>
      </c>
      <c r="E1098" s="6">
        <v>911.98910000000001</v>
      </c>
    </row>
    <row r="1099" spans="1:5" x14ac:dyDescent="0.25">
      <c r="A1099" s="6"/>
      <c r="B1099" s="6">
        <v>1255.241</v>
      </c>
      <c r="D1099" s="6">
        <v>591.95079999999996</v>
      </c>
      <c r="E1099" s="6">
        <v>2531.6370000000002</v>
      </c>
    </row>
    <row r="1100" spans="1:5" x14ac:dyDescent="0.25">
      <c r="A1100" s="6"/>
      <c r="B1100" s="6">
        <v>2098.9059999999999</v>
      </c>
      <c r="D1100" s="6">
        <v>995.3021</v>
      </c>
      <c r="E1100" s="6">
        <v>733.09010000000001</v>
      </c>
    </row>
    <row r="1101" spans="1:5" x14ac:dyDescent="0.25">
      <c r="A1101" s="6"/>
      <c r="B1101" s="6">
        <v>1473.884</v>
      </c>
      <c r="D1101" s="6">
        <v>1064.825</v>
      </c>
      <c r="E1101" s="6">
        <v>514.14620000000002</v>
      </c>
    </row>
    <row r="1102" spans="1:5" x14ac:dyDescent="0.25">
      <c r="A1102" s="6"/>
      <c r="B1102" s="6">
        <v>953.46619999999996</v>
      </c>
      <c r="D1102" s="6">
        <v>592.75429999999994</v>
      </c>
      <c r="E1102" s="6">
        <v>982.78679999999997</v>
      </c>
    </row>
    <row r="1103" spans="1:5" x14ac:dyDescent="0.25">
      <c r="A1103" s="6"/>
      <c r="B1103" s="6">
        <v>1778.576</v>
      </c>
      <c r="D1103" s="6">
        <v>956.56470000000002</v>
      </c>
      <c r="E1103" s="6">
        <v>1210.153</v>
      </c>
    </row>
    <row r="1104" spans="1:5" x14ac:dyDescent="0.25">
      <c r="A1104" s="6"/>
      <c r="B1104" s="6">
        <v>1920.6990000000001</v>
      </c>
      <c r="D1104" s="6">
        <v>998.8732</v>
      </c>
      <c r="E1104" s="6">
        <v>1203.991</v>
      </c>
    </row>
    <row r="1105" spans="1:5" x14ac:dyDescent="0.25">
      <c r="A1105" s="6"/>
      <c r="B1105" s="6">
        <v>920.13199999999995</v>
      </c>
      <c r="D1105" s="6">
        <v>632.40110000000004</v>
      </c>
      <c r="E1105" s="6">
        <v>286.10379999999998</v>
      </c>
    </row>
    <row r="1106" spans="1:5" x14ac:dyDescent="0.25">
      <c r="A1106" s="6"/>
      <c r="B1106" s="6">
        <v>1227.259</v>
      </c>
      <c r="D1106" s="6">
        <v>865</v>
      </c>
      <c r="E1106" s="6">
        <v>783.58280000000002</v>
      </c>
    </row>
    <row r="1107" spans="1:5" x14ac:dyDescent="0.25">
      <c r="A1107" s="6"/>
      <c r="B1107" s="6">
        <v>1066.9939999999999</v>
      </c>
      <c r="D1107" s="6">
        <v>1396.125</v>
      </c>
      <c r="E1107" s="6">
        <v>746.29430000000002</v>
      </c>
    </row>
    <row r="1108" spans="1:5" x14ac:dyDescent="0.25">
      <c r="A1108" s="6"/>
      <c r="B1108" s="6">
        <v>863.74009999999998</v>
      </c>
      <c r="D1108" s="6">
        <v>14128.97</v>
      </c>
      <c r="E1108" s="6">
        <v>770.13499999999999</v>
      </c>
    </row>
    <row r="1109" spans="1:5" x14ac:dyDescent="0.25">
      <c r="A1109" s="6"/>
      <c r="B1109" s="6">
        <v>495.1053</v>
      </c>
      <c r="D1109" s="6">
        <v>1029.4179999999999</v>
      </c>
      <c r="E1109" s="6">
        <v>3644.21</v>
      </c>
    </row>
    <row r="1110" spans="1:5" x14ac:dyDescent="0.25">
      <c r="A1110" s="6"/>
      <c r="B1110" s="6">
        <v>940.79179999999997</v>
      </c>
      <c r="D1110" s="6">
        <v>5663.08</v>
      </c>
      <c r="E1110" s="6">
        <v>794.98109999999997</v>
      </c>
    </row>
    <row r="1111" spans="1:5" x14ac:dyDescent="0.25">
      <c r="A1111" s="6"/>
      <c r="B1111" s="6">
        <v>1529.502</v>
      </c>
      <c r="D1111" s="6">
        <v>791.7509</v>
      </c>
      <c r="E1111" s="6">
        <v>852.96770000000004</v>
      </c>
    </row>
    <row r="1112" spans="1:5" x14ac:dyDescent="0.25">
      <c r="A1112" s="6"/>
      <c r="B1112" s="6">
        <v>3943.8220000000001</v>
      </c>
      <c r="D1112" s="6">
        <v>762.0421</v>
      </c>
      <c r="E1112" s="6">
        <v>639.55899999999997</v>
      </c>
    </row>
    <row r="1113" spans="1:5" x14ac:dyDescent="0.25">
      <c r="A1113" s="6"/>
      <c r="B1113" s="6">
        <v>1314.0050000000001</v>
      </c>
      <c r="D1113" s="6">
        <v>10759.33</v>
      </c>
      <c r="E1113" s="6">
        <v>709.93179999999995</v>
      </c>
    </row>
    <row r="1114" spans="1:5" x14ac:dyDescent="0.25">
      <c r="A1114" s="6"/>
      <c r="B1114" s="6">
        <v>697.76949999999999</v>
      </c>
      <c r="D1114" s="6">
        <v>715.66300000000001</v>
      </c>
      <c r="E1114" s="6">
        <v>685.1395</v>
      </c>
    </row>
    <row r="1115" spans="1:5" x14ac:dyDescent="0.25">
      <c r="A1115" s="6"/>
      <c r="B1115" s="6">
        <v>1055.1189999999999</v>
      </c>
      <c r="D1115" s="6">
        <v>935.4579</v>
      </c>
      <c r="E1115" s="6">
        <v>659.30719999999997</v>
      </c>
    </row>
    <row r="1116" spans="1:5" x14ac:dyDescent="0.25">
      <c r="A1116" s="6"/>
      <c r="B1116" s="6">
        <v>1139.1859999999999</v>
      </c>
      <c r="D1116" s="6">
        <v>666.61389999999994</v>
      </c>
      <c r="E1116" s="6">
        <v>716.36980000000005</v>
      </c>
    </row>
    <row r="1117" spans="1:5" x14ac:dyDescent="0.25">
      <c r="A1117" s="6"/>
      <c r="B1117" s="6">
        <v>690.38120000000004</v>
      </c>
      <c r="D1117" s="6">
        <v>6814.7340000000004</v>
      </c>
      <c r="E1117" s="6">
        <v>928.08500000000004</v>
      </c>
    </row>
    <row r="1118" spans="1:5" x14ac:dyDescent="0.25">
      <c r="A1118" s="6"/>
      <c r="B1118" s="6">
        <v>3200.837</v>
      </c>
      <c r="D1118" s="6">
        <v>1897.703</v>
      </c>
      <c r="E1118" s="6">
        <v>532.85630000000003</v>
      </c>
    </row>
    <row r="1119" spans="1:5" x14ac:dyDescent="0.25">
      <c r="A1119" s="6"/>
      <c r="B1119" s="6">
        <v>1001.237</v>
      </c>
      <c r="D1119" s="6">
        <v>450.404</v>
      </c>
      <c r="E1119" s="6">
        <v>2763.0520000000001</v>
      </c>
    </row>
    <row r="1120" spans="1:5" x14ac:dyDescent="0.25">
      <c r="A1120" s="6"/>
      <c r="B1120" s="6">
        <v>1095.817</v>
      </c>
      <c r="D1120" s="6">
        <v>1060.2829999999999</v>
      </c>
      <c r="E1120" s="6">
        <v>857.33399999999995</v>
      </c>
    </row>
    <row r="1121" spans="1:5" x14ac:dyDescent="0.25">
      <c r="A1121" s="6"/>
      <c r="B1121" s="6">
        <v>740.17750000000001</v>
      </c>
      <c r="D1121" s="6">
        <v>712.22280000000001</v>
      </c>
      <c r="E1121" s="6">
        <v>859.55399999999997</v>
      </c>
    </row>
    <row r="1122" spans="1:5" x14ac:dyDescent="0.25">
      <c r="A1122" s="6"/>
      <c r="B1122" s="6">
        <v>2199.2910000000002</v>
      </c>
      <c r="D1122" s="6">
        <v>3072.058</v>
      </c>
      <c r="E1122" s="6">
        <v>804.58979999999997</v>
      </c>
    </row>
    <row r="1123" spans="1:5" x14ac:dyDescent="0.25">
      <c r="A1123" s="6"/>
      <c r="B1123" s="6">
        <v>1043.1569999999999</v>
      </c>
      <c r="D1123" s="6">
        <v>763.26419999999996</v>
      </c>
      <c r="E1123" s="6">
        <v>518.13649999999996</v>
      </c>
    </row>
    <row r="1124" spans="1:5" x14ac:dyDescent="0.25">
      <c r="A1124" s="6"/>
      <c r="B1124" s="6">
        <v>2214.1979999999999</v>
      </c>
      <c r="D1124" s="6">
        <v>8505.2070000000003</v>
      </c>
      <c r="E1124" s="6">
        <v>6958.0020000000004</v>
      </c>
    </row>
    <row r="1125" spans="1:5" x14ac:dyDescent="0.25">
      <c r="A1125" s="6"/>
      <c r="B1125" s="6">
        <v>951.56370000000004</v>
      </c>
      <c r="D1125" s="6">
        <v>6169.3329999999996</v>
      </c>
      <c r="E1125" s="6">
        <v>730.94979999999998</v>
      </c>
    </row>
    <row r="1126" spans="1:5" x14ac:dyDescent="0.25">
      <c r="A1126" s="6"/>
      <c r="B1126" s="6">
        <v>4925.1180000000004</v>
      </c>
      <c r="D1126" s="6">
        <v>1054.989</v>
      </c>
      <c r="E1126" s="6">
        <v>767.38570000000004</v>
      </c>
    </row>
    <row r="1127" spans="1:5" x14ac:dyDescent="0.25">
      <c r="A1127" s="6"/>
      <c r="B1127" s="6">
        <v>2960.35</v>
      </c>
      <c r="D1127" s="6">
        <v>1750.7529999999999</v>
      </c>
      <c r="E1127" s="6">
        <v>862.95929999999998</v>
      </c>
    </row>
    <row r="1128" spans="1:5" x14ac:dyDescent="0.25">
      <c r="A1128" s="6"/>
      <c r="B1128" s="6">
        <v>739.99649999999997</v>
      </c>
      <c r="D1128" s="6">
        <v>5109.2070000000003</v>
      </c>
      <c r="E1128" s="6">
        <v>980.64329999999995</v>
      </c>
    </row>
    <row r="1129" spans="1:5" x14ac:dyDescent="0.25">
      <c r="A1129" s="6"/>
      <c r="B1129" s="6">
        <v>631.52599999999995</v>
      </c>
      <c r="D1129" s="6">
        <v>3854.7579999999998</v>
      </c>
      <c r="E1129" s="6">
        <v>717.24720000000002</v>
      </c>
    </row>
    <row r="1130" spans="1:5" x14ac:dyDescent="0.25">
      <c r="A1130" s="6"/>
      <c r="B1130" s="6">
        <v>3833.7570000000001</v>
      </c>
      <c r="D1130" s="6">
        <v>529.49739999999997</v>
      </c>
      <c r="E1130" s="6">
        <v>841.87660000000005</v>
      </c>
    </row>
    <row r="1131" spans="1:5" x14ac:dyDescent="0.25">
      <c r="A1131" s="6"/>
      <c r="B1131" s="6">
        <v>842.03240000000005</v>
      </c>
      <c r="D1131" s="6">
        <v>615.9452</v>
      </c>
      <c r="E1131" s="6">
        <v>740.16759999999999</v>
      </c>
    </row>
    <row r="1132" spans="1:5" x14ac:dyDescent="0.25">
      <c r="A1132" s="6"/>
      <c r="B1132" s="6">
        <v>1802.595</v>
      </c>
      <c r="D1132" s="6">
        <v>1117.7080000000001</v>
      </c>
      <c r="E1132" s="6">
        <v>1085.4369999999999</v>
      </c>
    </row>
    <row r="1133" spans="1:5" x14ac:dyDescent="0.25">
      <c r="A1133" s="6"/>
      <c r="B1133" s="6">
        <v>2058.8119999999999</v>
      </c>
      <c r="D1133" s="6">
        <v>7765.8909999999996</v>
      </c>
      <c r="E1133" s="6">
        <v>840.46420000000001</v>
      </c>
    </row>
    <row r="1134" spans="1:5" x14ac:dyDescent="0.25">
      <c r="A1134" s="6"/>
      <c r="B1134" s="6">
        <v>1136.5</v>
      </c>
      <c r="D1134" s="6">
        <v>3215.268</v>
      </c>
      <c r="E1134" s="6">
        <v>695.77809999999999</v>
      </c>
    </row>
    <row r="1135" spans="1:5" x14ac:dyDescent="0.25">
      <c r="A1135" s="6"/>
      <c r="B1135" s="6">
        <v>671.2047</v>
      </c>
      <c r="D1135" s="6">
        <v>879.56700000000001</v>
      </c>
      <c r="E1135" s="6">
        <v>791.15599999999995</v>
      </c>
    </row>
    <row r="1136" spans="1:5" x14ac:dyDescent="0.25">
      <c r="A1136" s="6"/>
      <c r="B1136" s="6">
        <v>1900.3009999999999</v>
      </c>
      <c r="D1136" s="6">
        <v>1647.722</v>
      </c>
      <c r="E1136" s="6">
        <v>1563.5</v>
      </c>
    </row>
    <row r="1137" spans="1:5" x14ac:dyDescent="0.25">
      <c r="A1137" s="6"/>
      <c r="B1137" s="6">
        <v>989.93799999999999</v>
      </c>
      <c r="D1137" s="6">
        <v>740.45540000000005</v>
      </c>
      <c r="E1137" s="6">
        <v>1221.47</v>
      </c>
    </row>
    <row r="1138" spans="1:5" x14ac:dyDescent="0.25">
      <c r="A1138" s="6"/>
      <c r="B1138" s="6">
        <v>1348.0440000000001</v>
      </c>
      <c r="D1138" s="6">
        <v>4438.8590000000004</v>
      </c>
      <c r="E1138" s="6">
        <v>582.91060000000004</v>
      </c>
    </row>
    <row r="1139" spans="1:5" x14ac:dyDescent="0.25">
      <c r="A1139" s="6"/>
      <c r="B1139" s="6">
        <v>1765.7170000000001</v>
      </c>
      <c r="D1139" s="6">
        <v>925.52430000000004</v>
      </c>
      <c r="E1139" s="6">
        <v>321.9067</v>
      </c>
    </row>
    <row r="1140" spans="1:5" x14ac:dyDescent="0.25">
      <c r="A1140" s="6"/>
      <c r="B1140" s="6">
        <v>862.61530000000005</v>
      </c>
      <c r="D1140" s="6">
        <v>1551.385</v>
      </c>
      <c r="E1140" s="6">
        <v>955.96569999999997</v>
      </c>
    </row>
    <row r="1141" spans="1:5" x14ac:dyDescent="0.25">
      <c r="D1141" s="6">
        <v>462.69619999999998</v>
      </c>
      <c r="E1141" s="6">
        <v>684.19899999999996</v>
      </c>
    </row>
    <row r="1142" spans="1:5" x14ac:dyDescent="0.25">
      <c r="D1142" s="6">
        <v>1196.277</v>
      </c>
      <c r="E1142" s="6">
        <v>681.91179999999997</v>
      </c>
    </row>
    <row r="1143" spans="1:5" x14ac:dyDescent="0.25">
      <c r="D1143" s="6">
        <v>640.60530000000006</v>
      </c>
      <c r="E1143" s="6">
        <v>824.31719999999996</v>
      </c>
    </row>
    <row r="1144" spans="1:5" x14ac:dyDescent="0.25">
      <c r="D1144" s="6">
        <v>891.51750000000004</v>
      </c>
      <c r="E1144" s="6">
        <v>1193.9459999999999</v>
      </c>
    </row>
    <row r="1145" spans="1:5" x14ac:dyDescent="0.25">
      <c r="D1145" s="6">
        <v>661.53279999999995</v>
      </c>
      <c r="E1145" s="6">
        <v>757.32550000000003</v>
      </c>
    </row>
    <row r="1146" spans="1:5" x14ac:dyDescent="0.25">
      <c r="D1146" s="6">
        <v>716.33420000000001</v>
      </c>
      <c r="E1146" s="6">
        <v>5126.2420000000002</v>
      </c>
    </row>
    <row r="1147" spans="1:5" x14ac:dyDescent="0.25">
      <c r="D1147" s="6">
        <v>698.88959999999997</v>
      </c>
      <c r="E1147" s="6">
        <v>1803.5830000000001</v>
      </c>
    </row>
    <row r="1148" spans="1:5" x14ac:dyDescent="0.25">
      <c r="D1148" s="6">
        <v>779.50720000000001</v>
      </c>
      <c r="E1148" s="6">
        <v>785.85320000000002</v>
      </c>
    </row>
    <row r="1149" spans="1:5" x14ac:dyDescent="0.25">
      <c r="D1149" s="6">
        <v>1057.212</v>
      </c>
      <c r="E1149" s="6">
        <v>782.53459999999995</v>
      </c>
    </row>
    <row r="1150" spans="1:5" x14ac:dyDescent="0.25">
      <c r="D1150" s="6">
        <v>815.95759999999996</v>
      </c>
      <c r="E1150" s="6">
        <v>688.06579999999997</v>
      </c>
    </row>
    <row r="1151" spans="1:5" x14ac:dyDescent="0.25">
      <c r="D1151" s="6">
        <v>826.02829999999994</v>
      </c>
      <c r="E1151" s="6">
        <v>909.52020000000005</v>
      </c>
    </row>
    <row r="1152" spans="1:5" x14ac:dyDescent="0.25">
      <c r="D1152" s="6">
        <v>699.7799</v>
      </c>
      <c r="E1152" s="6">
        <v>755.65750000000003</v>
      </c>
    </row>
    <row r="1153" spans="4:5" x14ac:dyDescent="0.25">
      <c r="D1153" s="6">
        <v>851.46609999999998</v>
      </c>
      <c r="E1153" s="6">
        <v>702.19529999999997</v>
      </c>
    </row>
    <row r="1154" spans="4:5" x14ac:dyDescent="0.25">
      <c r="D1154" s="6">
        <v>9862.4619999999995</v>
      </c>
      <c r="E1154" s="6">
        <v>839.6037</v>
      </c>
    </row>
    <row r="1155" spans="4:5" x14ac:dyDescent="0.25">
      <c r="D1155" s="6">
        <v>1472.758</v>
      </c>
      <c r="E1155" s="6">
        <v>881.59490000000005</v>
      </c>
    </row>
    <row r="1156" spans="4:5" x14ac:dyDescent="0.25">
      <c r="D1156" s="6">
        <v>855.86720000000003</v>
      </c>
      <c r="E1156" s="6">
        <v>1062.0129999999999</v>
      </c>
    </row>
    <row r="1157" spans="4:5" x14ac:dyDescent="0.25">
      <c r="D1157" s="6">
        <v>668.48180000000002</v>
      </c>
      <c r="E1157" s="6">
        <v>785.75609999999995</v>
      </c>
    </row>
    <row r="1158" spans="4:5" x14ac:dyDescent="0.25">
      <c r="D1158" s="6">
        <v>9226.6620000000003</v>
      </c>
      <c r="E1158" s="6">
        <v>623.86289999999997</v>
      </c>
    </row>
    <row r="1159" spans="4:5" x14ac:dyDescent="0.25">
      <c r="D1159" s="6">
        <v>10165.5</v>
      </c>
      <c r="E1159" s="6">
        <v>763.57119999999998</v>
      </c>
    </row>
    <row r="1160" spans="4:5" x14ac:dyDescent="0.25">
      <c r="D1160" s="6">
        <v>3304.3330000000001</v>
      </c>
      <c r="E1160" s="6">
        <v>770.88840000000005</v>
      </c>
    </row>
    <row r="1161" spans="4:5" x14ac:dyDescent="0.25">
      <c r="D1161" s="6">
        <v>705.46600000000001</v>
      </c>
      <c r="E1161" s="6">
        <v>631.37159999999994</v>
      </c>
    </row>
    <row r="1162" spans="4:5" x14ac:dyDescent="0.25">
      <c r="D1162" s="6">
        <v>732.81389999999999</v>
      </c>
      <c r="E1162" s="6">
        <v>482.00729999999999</v>
      </c>
    </row>
    <row r="1163" spans="4:5" x14ac:dyDescent="0.25">
      <c r="D1163" s="6">
        <v>917.93039999999996</v>
      </c>
      <c r="E1163" s="6">
        <v>835.13170000000002</v>
      </c>
    </row>
    <row r="1164" spans="4:5" x14ac:dyDescent="0.25">
      <c r="D1164" s="6">
        <v>783.35799999999995</v>
      </c>
      <c r="E1164" s="6">
        <v>679.90179999999998</v>
      </c>
    </row>
    <row r="1165" spans="4:5" x14ac:dyDescent="0.25">
      <c r="D1165" s="6">
        <v>926.52660000000003</v>
      </c>
      <c r="E1165" s="6">
        <v>598.41020000000003</v>
      </c>
    </row>
    <row r="1166" spans="4:5" x14ac:dyDescent="0.25">
      <c r="D1166" s="6">
        <v>1007.086</v>
      </c>
      <c r="E1166" s="6">
        <v>10111.77</v>
      </c>
    </row>
    <row r="1167" spans="4:5" x14ac:dyDescent="0.25">
      <c r="D1167" s="6">
        <v>6064.8310000000001</v>
      </c>
      <c r="E1167" s="6">
        <v>1065.6110000000001</v>
      </c>
    </row>
    <row r="1168" spans="4:5" x14ac:dyDescent="0.25">
      <c r="D1168" s="6">
        <v>4744.8680000000004</v>
      </c>
      <c r="E1168" s="6">
        <v>3613.2660000000001</v>
      </c>
    </row>
    <row r="1169" spans="4:5" x14ac:dyDescent="0.25">
      <c r="D1169" s="6">
        <v>963.56039999999996</v>
      </c>
      <c r="E1169" s="6">
        <v>1128.0619999999999</v>
      </c>
    </row>
    <row r="1170" spans="4:5" x14ac:dyDescent="0.25">
      <c r="D1170" s="6">
        <v>774.97410000000002</v>
      </c>
      <c r="E1170" s="6">
        <v>724.01869999999997</v>
      </c>
    </row>
    <row r="1171" spans="4:5" x14ac:dyDescent="0.25">
      <c r="D1171" s="6">
        <v>897.42449999999997</v>
      </c>
      <c r="E1171" s="6">
        <v>839.64480000000003</v>
      </c>
    </row>
    <row r="1172" spans="4:5" x14ac:dyDescent="0.25">
      <c r="D1172" s="6">
        <v>1121.7370000000001</v>
      </c>
      <c r="E1172" s="6">
        <v>5755.848</v>
      </c>
    </row>
    <row r="1173" spans="4:5" x14ac:dyDescent="0.25">
      <c r="D1173" s="6">
        <v>581.90380000000005</v>
      </c>
      <c r="E1173" s="6">
        <v>901.98879999999997</v>
      </c>
    </row>
    <row r="1174" spans="4:5" x14ac:dyDescent="0.25">
      <c r="D1174" s="6">
        <v>785.47839999999997</v>
      </c>
      <c r="E1174" s="6">
        <v>599.58489999999995</v>
      </c>
    </row>
    <row r="1175" spans="4:5" x14ac:dyDescent="0.25">
      <c r="D1175" s="6">
        <v>1564.2059999999999</v>
      </c>
      <c r="E1175" s="6">
        <v>709.59939999999995</v>
      </c>
    </row>
    <row r="1176" spans="4:5" x14ac:dyDescent="0.25">
      <c r="D1176" s="6">
        <v>4916.96</v>
      </c>
      <c r="E1176" s="6">
        <v>754.74090000000001</v>
      </c>
    </row>
    <row r="1177" spans="4:5" x14ac:dyDescent="0.25">
      <c r="D1177" s="6">
        <v>683.25</v>
      </c>
      <c r="E1177" s="6">
        <v>896.19749999999999</v>
      </c>
    </row>
    <row r="1178" spans="4:5" x14ac:dyDescent="0.25">
      <c r="D1178" s="6">
        <v>711.14800000000002</v>
      </c>
      <c r="E1178" s="6">
        <v>896.19389999999999</v>
      </c>
    </row>
    <row r="1179" spans="4:5" x14ac:dyDescent="0.25">
      <c r="D1179" s="6">
        <v>1087.231</v>
      </c>
      <c r="E1179" s="6">
        <v>5569.5469999999996</v>
      </c>
    </row>
    <row r="1180" spans="4:5" x14ac:dyDescent="0.25">
      <c r="D1180" s="6">
        <v>988.09400000000005</v>
      </c>
      <c r="E1180" s="6">
        <v>629.57410000000004</v>
      </c>
    </row>
    <row r="1181" spans="4:5" x14ac:dyDescent="0.25">
      <c r="D1181" s="6">
        <v>583.42960000000005</v>
      </c>
      <c r="E1181" s="6">
        <v>790.52940000000001</v>
      </c>
    </row>
    <row r="1182" spans="4:5" x14ac:dyDescent="0.25">
      <c r="D1182" s="6">
        <v>590.87609999999995</v>
      </c>
      <c r="E1182" s="6">
        <v>1303.7550000000001</v>
      </c>
    </row>
    <row r="1183" spans="4:5" x14ac:dyDescent="0.25">
      <c r="D1183" s="6">
        <v>750.30820000000006</v>
      </c>
      <c r="E1183" s="6">
        <v>675.82529999999997</v>
      </c>
    </row>
    <row r="1184" spans="4:5" x14ac:dyDescent="0.25">
      <c r="D1184" s="6">
        <v>1259.211</v>
      </c>
      <c r="E1184" s="6">
        <v>6253.0290000000005</v>
      </c>
    </row>
    <row r="1185" spans="4:5" x14ac:dyDescent="0.25">
      <c r="D1185" s="6">
        <v>908.03189999999995</v>
      </c>
      <c r="E1185" s="6">
        <v>756.35270000000003</v>
      </c>
    </row>
    <row r="1186" spans="4:5" x14ac:dyDescent="0.25">
      <c r="D1186" s="6">
        <v>667.32489999999996</v>
      </c>
      <c r="E1186" s="6">
        <v>2326.4479999999999</v>
      </c>
    </row>
    <row r="1187" spans="4:5" x14ac:dyDescent="0.25">
      <c r="D1187" s="6">
        <v>1168.45</v>
      </c>
      <c r="E1187" s="6">
        <v>735.8655</v>
      </c>
    </row>
    <row r="1188" spans="4:5" x14ac:dyDescent="0.25">
      <c r="D1188" s="6">
        <v>1034.7650000000001</v>
      </c>
      <c r="E1188" s="6">
        <v>575.20709999999997</v>
      </c>
    </row>
    <row r="1189" spans="4:5" x14ac:dyDescent="0.25">
      <c r="D1189" s="6">
        <v>723.7</v>
      </c>
      <c r="E1189" s="6">
        <v>719.0258</v>
      </c>
    </row>
    <row r="1190" spans="4:5" x14ac:dyDescent="0.25">
      <c r="D1190" s="6">
        <v>2307.6089999999999</v>
      </c>
      <c r="E1190" s="6">
        <v>912.22659999999996</v>
      </c>
    </row>
    <row r="1191" spans="4:5" x14ac:dyDescent="0.25">
      <c r="D1191" s="6">
        <v>2326.7429999999999</v>
      </c>
      <c r="E1191" s="6">
        <v>719.68870000000004</v>
      </c>
    </row>
    <row r="1192" spans="4:5" x14ac:dyDescent="0.25">
      <c r="D1192" s="6">
        <v>2797.808</v>
      </c>
      <c r="E1192" s="6">
        <v>997.43529999999998</v>
      </c>
    </row>
    <row r="1193" spans="4:5" x14ac:dyDescent="0.25">
      <c r="D1193" s="6">
        <v>3569.373</v>
      </c>
      <c r="E1193" s="6">
        <v>1042.067</v>
      </c>
    </row>
    <row r="1194" spans="4:5" x14ac:dyDescent="0.25">
      <c r="D1194" s="6">
        <v>484.26159999999999</v>
      </c>
      <c r="E1194" s="6">
        <v>755.31050000000005</v>
      </c>
    </row>
    <row r="1195" spans="4:5" x14ac:dyDescent="0.25">
      <c r="D1195" s="6">
        <v>571.92690000000005</v>
      </c>
      <c r="E1195" s="6">
        <v>680.35709999999995</v>
      </c>
    </row>
    <row r="1196" spans="4:5" x14ac:dyDescent="0.25">
      <c r="D1196" s="6">
        <v>965.59879999999998</v>
      </c>
      <c r="E1196" s="6">
        <v>695.42420000000004</v>
      </c>
    </row>
    <row r="1197" spans="4:5" x14ac:dyDescent="0.25">
      <c r="D1197" s="6">
        <v>4667.9189999999999</v>
      </c>
      <c r="E1197" s="6">
        <v>692.79070000000002</v>
      </c>
    </row>
    <row r="1198" spans="4:5" x14ac:dyDescent="0.25">
      <c r="D1198" s="6">
        <v>819.2903</v>
      </c>
      <c r="E1198" s="6">
        <v>773.75</v>
      </c>
    </row>
    <row r="1199" spans="4:5" x14ac:dyDescent="0.25">
      <c r="D1199" s="6">
        <v>942.35310000000004</v>
      </c>
      <c r="E1199" s="6">
        <v>841.37800000000004</v>
      </c>
    </row>
    <row r="1200" spans="4:5" x14ac:dyDescent="0.25">
      <c r="D1200" s="6">
        <v>669.84289999999999</v>
      </c>
      <c r="E1200" s="6">
        <v>596.77110000000005</v>
      </c>
    </row>
    <row r="1201" spans="4:5" x14ac:dyDescent="0.25">
      <c r="D1201" s="6">
        <v>1022.992</v>
      </c>
      <c r="E1201" s="6">
        <v>1001.826</v>
      </c>
    </row>
    <row r="1202" spans="4:5" x14ac:dyDescent="0.25">
      <c r="D1202" s="6">
        <v>8334.1769999999997</v>
      </c>
      <c r="E1202" s="6">
        <v>714.47339999999997</v>
      </c>
    </row>
    <row r="1203" spans="4:5" x14ac:dyDescent="0.25">
      <c r="D1203" s="6">
        <v>671.90179999999998</v>
      </c>
      <c r="E1203" s="6">
        <v>797.18460000000005</v>
      </c>
    </row>
    <row r="1204" spans="4:5" x14ac:dyDescent="0.25">
      <c r="D1204" s="6">
        <v>972.17070000000001</v>
      </c>
      <c r="E1204" s="6">
        <v>301.5</v>
      </c>
    </row>
    <row r="1205" spans="4:5" x14ac:dyDescent="0.25">
      <c r="D1205" s="6">
        <v>642.21339999999998</v>
      </c>
      <c r="E1205" s="6">
        <v>595.07590000000005</v>
      </c>
    </row>
    <row r="1206" spans="4:5" x14ac:dyDescent="0.25">
      <c r="D1206" s="6">
        <v>823.81320000000005</v>
      </c>
      <c r="E1206" s="6">
        <v>8537.4</v>
      </c>
    </row>
    <row r="1207" spans="4:5" x14ac:dyDescent="0.25">
      <c r="D1207" s="6">
        <v>888.53520000000003</v>
      </c>
      <c r="E1207" s="6">
        <v>1929.1590000000001</v>
      </c>
    </row>
    <row r="1208" spans="4:5" x14ac:dyDescent="0.25">
      <c r="D1208" s="6">
        <v>548.21180000000004</v>
      </c>
      <c r="E1208" s="6">
        <v>2157.663</v>
      </c>
    </row>
    <row r="1209" spans="4:5" x14ac:dyDescent="0.25">
      <c r="D1209" s="6">
        <v>763.59019999999998</v>
      </c>
      <c r="E1209" s="6">
        <v>725.92669999999998</v>
      </c>
    </row>
    <row r="1210" spans="4:5" x14ac:dyDescent="0.25">
      <c r="D1210" s="6">
        <v>7292.902</v>
      </c>
      <c r="E1210" s="6">
        <v>677.42939999999999</v>
      </c>
    </row>
    <row r="1211" spans="4:5" x14ac:dyDescent="0.25">
      <c r="D1211" s="6">
        <v>9546.4279999999999</v>
      </c>
      <c r="E1211" s="6">
        <v>1171.556</v>
      </c>
    </row>
    <row r="1212" spans="4:5" x14ac:dyDescent="0.25">
      <c r="D1212" s="6">
        <v>1464.529</v>
      </c>
      <c r="E1212" s="6">
        <v>1596.19</v>
      </c>
    </row>
    <row r="1213" spans="4:5" x14ac:dyDescent="0.25">
      <c r="D1213" s="6">
        <v>782.47919999999999</v>
      </c>
      <c r="E1213" s="6">
        <v>734.7944</v>
      </c>
    </row>
    <row r="1214" spans="4:5" x14ac:dyDescent="0.25">
      <c r="D1214" s="6">
        <v>3157.538</v>
      </c>
      <c r="E1214" s="6">
        <v>700.5222</v>
      </c>
    </row>
    <row r="1215" spans="4:5" x14ac:dyDescent="0.25">
      <c r="D1215" s="6">
        <v>743.11389999999994</v>
      </c>
      <c r="E1215" s="6">
        <v>767.75340000000006</v>
      </c>
    </row>
    <row r="1216" spans="4:5" x14ac:dyDescent="0.25">
      <c r="D1216" s="6">
        <v>1081.9749999999999</v>
      </c>
      <c r="E1216" s="6">
        <v>9524.0529999999999</v>
      </c>
    </row>
    <row r="1217" spans="4:5" x14ac:dyDescent="0.25">
      <c r="D1217" s="6">
        <v>820.41639999999995</v>
      </c>
      <c r="E1217" s="6">
        <v>1370.914</v>
      </c>
    </row>
    <row r="1218" spans="4:5" x14ac:dyDescent="0.25">
      <c r="D1218" s="6">
        <v>717.38930000000005</v>
      </c>
      <c r="E1218" s="6">
        <v>3254.855</v>
      </c>
    </row>
    <row r="1219" spans="4:5" x14ac:dyDescent="0.25">
      <c r="D1219" s="6">
        <v>6561.701</v>
      </c>
      <c r="E1219" s="6">
        <v>747.56140000000005</v>
      </c>
    </row>
    <row r="1220" spans="4:5" x14ac:dyDescent="0.25">
      <c r="D1220" s="6">
        <v>6112.9340000000002</v>
      </c>
      <c r="E1220" s="6">
        <v>927.43209999999999</v>
      </c>
    </row>
    <row r="1221" spans="4:5" x14ac:dyDescent="0.25">
      <c r="D1221" s="6">
        <v>900.48990000000003</v>
      </c>
      <c r="E1221" s="6">
        <v>865.3673</v>
      </c>
    </row>
    <row r="1222" spans="4:5" x14ac:dyDescent="0.25">
      <c r="D1222" s="6">
        <v>1198.9639999999999</v>
      </c>
      <c r="E1222" s="6">
        <v>4082.5</v>
      </c>
    </row>
    <row r="1223" spans="4:5" x14ac:dyDescent="0.25">
      <c r="D1223" s="6">
        <v>1114.7349999999999</v>
      </c>
      <c r="E1223" s="6">
        <v>800.32010000000002</v>
      </c>
    </row>
    <row r="1224" spans="4:5" x14ac:dyDescent="0.25">
      <c r="D1224" s="6">
        <v>852.2527</v>
      </c>
      <c r="E1224" s="6">
        <v>6694.9830000000002</v>
      </c>
    </row>
    <row r="1225" spans="4:5" x14ac:dyDescent="0.25">
      <c r="D1225" s="6">
        <v>711.86170000000004</v>
      </c>
      <c r="E1225" s="6">
        <v>1019.561</v>
      </c>
    </row>
    <row r="1226" spans="4:5" x14ac:dyDescent="0.25">
      <c r="D1226" s="6">
        <v>708.71209999999996</v>
      </c>
      <c r="E1226" s="6">
        <v>674.94870000000003</v>
      </c>
    </row>
    <row r="1227" spans="4:5" x14ac:dyDescent="0.25">
      <c r="D1227" s="6">
        <v>696.66300000000001</v>
      </c>
      <c r="E1227" s="6">
        <v>9109.2630000000008</v>
      </c>
    </row>
    <row r="1228" spans="4:5" x14ac:dyDescent="0.25">
      <c r="D1228" s="6">
        <v>695.8175</v>
      </c>
      <c r="E1228" s="6">
        <v>1457</v>
      </c>
    </row>
    <row r="1229" spans="4:5" x14ac:dyDescent="0.25">
      <c r="D1229" s="6">
        <v>1014.848</v>
      </c>
      <c r="E1229" s="6">
        <v>937.98910000000001</v>
      </c>
    </row>
    <row r="1230" spans="4:5" x14ac:dyDescent="0.25">
      <c r="D1230" s="6">
        <v>895.90440000000001</v>
      </c>
      <c r="E1230" s="6">
        <v>9386.0630000000001</v>
      </c>
    </row>
    <row r="1231" spans="4:5" x14ac:dyDescent="0.25">
      <c r="D1231" s="6">
        <v>6483.78</v>
      </c>
      <c r="E1231" s="6">
        <v>1129.3989999999999</v>
      </c>
    </row>
    <row r="1232" spans="4:5" x14ac:dyDescent="0.25">
      <c r="D1232" s="6">
        <v>851.20870000000002</v>
      </c>
      <c r="E1232" s="6">
        <v>962.58330000000001</v>
      </c>
    </row>
    <row r="1233" spans="4:5" x14ac:dyDescent="0.25">
      <c r="D1233" s="6">
        <v>678.13850000000002</v>
      </c>
      <c r="E1233" s="6">
        <v>901.59249999999997</v>
      </c>
    </row>
    <row r="1234" spans="4:5" x14ac:dyDescent="0.25">
      <c r="D1234" s="6">
        <v>875.60490000000004</v>
      </c>
      <c r="E1234" s="6">
        <v>681.40689999999995</v>
      </c>
    </row>
    <row r="1235" spans="4:5" x14ac:dyDescent="0.25">
      <c r="D1235" s="6">
        <v>480.1832</v>
      </c>
      <c r="E1235" s="6">
        <v>274.31869999999998</v>
      </c>
    </row>
    <row r="1236" spans="4:5" x14ac:dyDescent="0.25">
      <c r="D1236" s="6">
        <v>772.5</v>
      </c>
      <c r="E1236" s="6">
        <v>805.48990000000003</v>
      </c>
    </row>
    <row r="1237" spans="4:5" x14ac:dyDescent="0.25">
      <c r="D1237" s="6">
        <v>926.28570000000002</v>
      </c>
      <c r="E1237" s="6">
        <v>548.76499999999999</v>
      </c>
    </row>
    <row r="1238" spans="4:5" x14ac:dyDescent="0.25">
      <c r="D1238" s="6">
        <v>583.77930000000003</v>
      </c>
      <c r="E1238" s="6">
        <v>736.47749999999996</v>
      </c>
    </row>
    <row r="1239" spans="4:5" x14ac:dyDescent="0.25">
      <c r="D1239" s="6">
        <v>886.6902</v>
      </c>
      <c r="E1239" s="6">
        <v>4842.4470000000001</v>
      </c>
    </row>
    <row r="1240" spans="4:5" x14ac:dyDescent="0.25">
      <c r="D1240" s="6">
        <v>728.17340000000002</v>
      </c>
      <c r="E1240" s="6">
        <v>805.26030000000003</v>
      </c>
    </row>
    <row r="1241" spans="4:5" x14ac:dyDescent="0.25">
      <c r="D1241" s="6">
        <v>8976.2579999999998</v>
      </c>
      <c r="E1241" s="6">
        <v>918.26</v>
      </c>
    </row>
    <row r="1242" spans="4:5" x14ac:dyDescent="0.25">
      <c r="D1242" s="6">
        <v>993.35440000000006</v>
      </c>
      <c r="E1242" s="6">
        <v>686.20429999999999</v>
      </c>
    </row>
    <row r="1243" spans="4:5" x14ac:dyDescent="0.25">
      <c r="D1243" s="6">
        <v>657.48339999999996</v>
      </c>
      <c r="E1243" s="6">
        <v>5226.3149999999996</v>
      </c>
    </row>
    <row r="1244" spans="4:5" x14ac:dyDescent="0.25">
      <c r="D1244" s="6">
        <v>914.00639999999999</v>
      </c>
      <c r="E1244" s="6">
        <v>788.5086</v>
      </c>
    </row>
    <row r="1245" spans="4:5" x14ac:dyDescent="0.25">
      <c r="D1245" s="6">
        <v>764.66780000000006</v>
      </c>
      <c r="E1245" s="6">
        <v>826.70500000000004</v>
      </c>
    </row>
    <row r="1246" spans="4:5" x14ac:dyDescent="0.25">
      <c r="D1246" s="6">
        <v>1584.067</v>
      </c>
      <c r="E1246" s="6">
        <v>2971.66</v>
      </c>
    </row>
    <row r="1247" spans="4:5" x14ac:dyDescent="0.25">
      <c r="D1247" s="6">
        <v>748.86500000000001</v>
      </c>
      <c r="E1247" s="6">
        <v>774.38599999999997</v>
      </c>
    </row>
    <row r="1248" spans="4:5" x14ac:dyDescent="0.25">
      <c r="D1248" s="6">
        <v>6707.5770000000002</v>
      </c>
      <c r="E1248" s="6">
        <v>645.14319999999998</v>
      </c>
    </row>
    <row r="1249" spans="4:5" x14ac:dyDescent="0.25">
      <c r="D1249" s="6">
        <v>6876.7969999999996</v>
      </c>
      <c r="E1249" s="6">
        <v>1078.502</v>
      </c>
    </row>
    <row r="1250" spans="4:5" x14ac:dyDescent="0.25">
      <c r="D1250" s="6">
        <v>960.21079999999995</v>
      </c>
      <c r="E1250" s="6">
        <v>1495.059</v>
      </c>
    </row>
    <row r="1251" spans="4:5" x14ac:dyDescent="0.25">
      <c r="D1251" s="6">
        <v>964.91970000000003</v>
      </c>
      <c r="E1251" s="6">
        <v>772.69079999999997</v>
      </c>
    </row>
    <row r="1252" spans="4:5" x14ac:dyDescent="0.25">
      <c r="D1252" s="6">
        <v>748.39850000000001</v>
      </c>
      <c r="E1252" s="6">
        <v>7146.0140000000001</v>
      </c>
    </row>
    <row r="1253" spans="4:5" x14ac:dyDescent="0.25">
      <c r="D1253" s="6">
        <v>785.09910000000002</v>
      </c>
      <c r="E1253" s="6">
        <v>566.57510000000002</v>
      </c>
    </row>
    <row r="1254" spans="4:5" x14ac:dyDescent="0.25">
      <c r="D1254" s="6">
        <v>862.78459999999995</v>
      </c>
      <c r="E1254" s="6">
        <v>1171.6669999999999</v>
      </c>
    </row>
    <row r="1255" spans="4:5" x14ac:dyDescent="0.25">
      <c r="D1255" s="6">
        <v>779.80830000000003</v>
      </c>
      <c r="E1255" s="6">
        <v>6727.5990000000002</v>
      </c>
    </row>
    <row r="1256" spans="4:5" x14ac:dyDescent="0.25">
      <c r="D1256" s="6">
        <v>1512.82</v>
      </c>
      <c r="E1256" s="6">
        <v>828.59379999999999</v>
      </c>
    </row>
    <row r="1257" spans="4:5" x14ac:dyDescent="0.25">
      <c r="D1257" s="6">
        <v>795.03830000000005</v>
      </c>
      <c r="E1257" s="6">
        <v>920.1422</v>
      </c>
    </row>
    <row r="1258" spans="4:5" x14ac:dyDescent="0.25">
      <c r="D1258" s="6">
        <v>812.95399999999995</v>
      </c>
      <c r="E1258" s="6">
        <v>1638.5989999999999</v>
      </c>
    </row>
    <row r="1259" spans="4:5" x14ac:dyDescent="0.25">
      <c r="D1259" s="6">
        <v>1493.5989999999999</v>
      </c>
      <c r="E1259" s="6">
        <v>875.03279999999995</v>
      </c>
    </row>
    <row r="1260" spans="4:5" x14ac:dyDescent="0.25">
      <c r="D1260" s="6">
        <v>994.26940000000002</v>
      </c>
      <c r="E1260" s="6">
        <v>801.72640000000001</v>
      </c>
    </row>
    <row r="1261" spans="4:5" x14ac:dyDescent="0.25">
      <c r="D1261" s="6">
        <v>832.70209999999997</v>
      </c>
      <c r="E1261" s="6">
        <v>729.70519999999999</v>
      </c>
    </row>
    <row r="1262" spans="4:5" x14ac:dyDescent="0.25">
      <c r="D1262" s="6">
        <v>1112.9090000000001</v>
      </c>
      <c r="E1262" s="6">
        <v>5666.4610000000002</v>
      </c>
    </row>
    <row r="1263" spans="4:5" x14ac:dyDescent="0.25">
      <c r="D1263" s="6">
        <v>1333.693</v>
      </c>
      <c r="E1263" s="6">
        <v>5404.4030000000002</v>
      </c>
    </row>
    <row r="1264" spans="4:5" x14ac:dyDescent="0.25">
      <c r="D1264" s="6">
        <v>933.12630000000001</v>
      </c>
      <c r="E1264" s="6">
        <v>6857.4459999999999</v>
      </c>
    </row>
    <row r="1265" spans="4:5" x14ac:dyDescent="0.25">
      <c r="D1265" s="6">
        <v>1063.355</v>
      </c>
      <c r="E1265" s="6">
        <v>760.72979999999995</v>
      </c>
    </row>
    <row r="1266" spans="4:5" x14ac:dyDescent="0.25">
      <c r="D1266" s="6">
        <v>441.62029999999999</v>
      </c>
      <c r="E1266" s="6">
        <v>518.75840000000005</v>
      </c>
    </row>
    <row r="1267" spans="4:5" x14ac:dyDescent="0.25">
      <c r="D1267" s="6">
        <v>5208.7169999999996</v>
      </c>
      <c r="E1267" s="6">
        <v>748.95519999999999</v>
      </c>
    </row>
    <row r="1268" spans="4:5" x14ac:dyDescent="0.25">
      <c r="D1268" s="6">
        <v>6369.5709999999999</v>
      </c>
      <c r="E1268" s="6">
        <v>798.21609999999998</v>
      </c>
    </row>
    <row r="1269" spans="4:5" x14ac:dyDescent="0.25">
      <c r="D1269" s="6">
        <v>1144.297</v>
      </c>
      <c r="E1269" s="6">
        <v>660.27949999999998</v>
      </c>
    </row>
    <row r="1270" spans="4:5" x14ac:dyDescent="0.25">
      <c r="D1270" s="6">
        <v>5558.2370000000001</v>
      </c>
      <c r="E1270" s="6">
        <v>1135.075</v>
      </c>
    </row>
    <row r="1271" spans="4:5" x14ac:dyDescent="0.25">
      <c r="D1271" s="6">
        <v>769.87739999999997</v>
      </c>
      <c r="E1271" s="6">
        <v>723.45669999999996</v>
      </c>
    </row>
    <row r="1272" spans="4:5" x14ac:dyDescent="0.25">
      <c r="D1272" s="6">
        <v>4372.8850000000002</v>
      </c>
      <c r="E1272" s="6">
        <v>916.75</v>
      </c>
    </row>
    <row r="1273" spans="4:5" x14ac:dyDescent="0.25">
      <c r="D1273" s="6">
        <v>1174.152</v>
      </c>
      <c r="E1273" s="6">
        <v>1675.0940000000001</v>
      </c>
    </row>
    <row r="1274" spans="4:5" x14ac:dyDescent="0.25">
      <c r="D1274" s="6">
        <v>979.0616</v>
      </c>
      <c r="E1274" s="6">
        <v>817.84690000000001</v>
      </c>
    </row>
    <row r="1275" spans="4:5" x14ac:dyDescent="0.25">
      <c r="D1275" s="6">
        <v>905.99749999999995</v>
      </c>
      <c r="E1275" s="6">
        <v>778.51049999999998</v>
      </c>
    </row>
    <row r="1276" spans="4:5" x14ac:dyDescent="0.25">
      <c r="D1276" s="6">
        <v>981.11770000000001</v>
      </c>
      <c r="E1276" s="6">
        <v>634.84460000000001</v>
      </c>
    </row>
    <row r="1277" spans="4:5" x14ac:dyDescent="0.25">
      <c r="D1277" s="6">
        <v>7070.2169999999996</v>
      </c>
      <c r="E1277" s="6">
        <v>4984.049</v>
      </c>
    </row>
    <row r="1278" spans="4:5" x14ac:dyDescent="0.25">
      <c r="D1278" s="6">
        <v>537.36239999999998</v>
      </c>
      <c r="E1278" s="6">
        <v>710.5</v>
      </c>
    </row>
    <row r="1279" spans="4:5" x14ac:dyDescent="0.25">
      <c r="D1279" s="6">
        <v>907.4855</v>
      </c>
      <c r="E1279" s="6">
        <v>1102.31</v>
      </c>
    </row>
    <row r="1280" spans="4:5" x14ac:dyDescent="0.25">
      <c r="D1280" s="6">
        <v>1875.462</v>
      </c>
      <c r="E1280" s="6">
        <v>737.13720000000001</v>
      </c>
    </row>
    <row r="1281" spans="4:5" x14ac:dyDescent="0.25">
      <c r="D1281" s="6">
        <v>8304.6219999999994</v>
      </c>
      <c r="E1281" s="6">
        <v>1002.683</v>
      </c>
    </row>
    <row r="1282" spans="4:5" x14ac:dyDescent="0.25">
      <c r="D1282" s="6">
        <v>1099.7260000000001</v>
      </c>
      <c r="E1282" s="6">
        <v>915.30759999999998</v>
      </c>
    </row>
    <row r="1283" spans="4:5" x14ac:dyDescent="0.25">
      <c r="D1283" s="6">
        <v>626.26430000000005</v>
      </c>
      <c r="E1283" s="6">
        <v>6065.8059999999996</v>
      </c>
    </row>
    <row r="1284" spans="4:5" x14ac:dyDescent="0.25">
      <c r="D1284" s="6">
        <v>1112.7080000000001</v>
      </c>
      <c r="E1284" s="6">
        <v>1136.163</v>
      </c>
    </row>
    <row r="1285" spans="4:5" x14ac:dyDescent="0.25">
      <c r="D1285" s="6">
        <v>713.05700000000002</v>
      </c>
      <c r="E1285" s="6">
        <v>707.803</v>
      </c>
    </row>
    <row r="1286" spans="4:5" x14ac:dyDescent="0.25">
      <c r="D1286" s="6">
        <v>841.58579999999995</v>
      </c>
      <c r="E1286" s="6">
        <v>588.18640000000005</v>
      </c>
    </row>
    <row r="1287" spans="4:5" x14ac:dyDescent="0.25">
      <c r="D1287" s="6">
        <v>824.73779999999999</v>
      </c>
      <c r="E1287" s="6">
        <v>986.92399999999998</v>
      </c>
    </row>
    <row r="1288" spans="4:5" x14ac:dyDescent="0.25">
      <c r="D1288" s="6">
        <v>622.5</v>
      </c>
      <c r="E1288" s="6">
        <v>2155.9940000000001</v>
      </c>
    </row>
    <row r="1289" spans="4:5" x14ac:dyDescent="0.25">
      <c r="D1289" s="6">
        <v>4074.4290000000001</v>
      </c>
      <c r="E1289" s="6">
        <v>1322.059</v>
      </c>
    </row>
    <row r="1290" spans="4:5" x14ac:dyDescent="0.25">
      <c r="D1290" s="6">
        <v>1294.5809999999999</v>
      </c>
      <c r="E1290" s="6">
        <v>1003.2190000000001</v>
      </c>
    </row>
    <row r="1291" spans="4:5" x14ac:dyDescent="0.25">
      <c r="D1291" s="6">
        <v>750.375</v>
      </c>
      <c r="E1291" s="6">
        <v>619.80529999999999</v>
      </c>
    </row>
    <row r="1292" spans="4:5" x14ac:dyDescent="0.25">
      <c r="D1292" s="6">
        <v>919.62869999999998</v>
      </c>
      <c r="E1292" s="6">
        <v>1219.607</v>
      </c>
    </row>
    <row r="1293" spans="4:5" x14ac:dyDescent="0.25">
      <c r="D1293" s="6">
        <v>906.85990000000004</v>
      </c>
      <c r="E1293" s="6">
        <v>789.84209999999996</v>
      </c>
    </row>
    <row r="1294" spans="4:5" x14ac:dyDescent="0.25">
      <c r="D1294" s="6">
        <v>583.23749999999995</v>
      </c>
      <c r="E1294" s="6">
        <v>549.50699999999995</v>
      </c>
    </row>
    <row r="1295" spans="4:5" x14ac:dyDescent="0.25">
      <c r="D1295" s="6">
        <v>3007.087</v>
      </c>
      <c r="E1295" s="6">
        <v>787.08849999999995</v>
      </c>
    </row>
    <row r="1296" spans="4:5" x14ac:dyDescent="0.25">
      <c r="D1296" s="6">
        <v>2209.643</v>
      </c>
      <c r="E1296" s="6">
        <v>1111.9929999999999</v>
      </c>
    </row>
    <row r="1297" spans="4:5" x14ac:dyDescent="0.25">
      <c r="D1297" s="6">
        <v>1964.6690000000001</v>
      </c>
      <c r="E1297" s="6">
        <v>738.19709999999998</v>
      </c>
    </row>
    <row r="1298" spans="4:5" x14ac:dyDescent="0.25">
      <c r="D1298" s="6">
        <v>2312.2579999999998</v>
      </c>
      <c r="E1298" s="6">
        <v>1598.0419999999999</v>
      </c>
    </row>
    <row r="1299" spans="4:5" x14ac:dyDescent="0.25">
      <c r="D1299" s="6">
        <v>6562.3680000000004</v>
      </c>
      <c r="E1299" s="6">
        <v>784.75469999999996</v>
      </c>
    </row>
    <row r="1300" spans="4:5" x14ac:dyDescent="0.25">
      <c r="D1300" s="6">
        <v>1072.903</v>
      </c>
      <c r="E1300" s="6">
        <v>691.39290000000005</v>
      </c>
    </row>
    <row r="1301" spans="4:5" x14ac:dyDescent="0.25">
      <c r="D1301" s="6">
        <v>925.70090000000005</v>
      </c>
      <c r="E1301" s="6">
        <v>2048.3829999999998</v>
      </c>
    </row>
    <row r="1302" spans="4:5" x14ac:dyDescent="0.25">
      <c r="D1302" s="6">
        <v>739.38729999999998</v>
      </c>
      <c r="E1302" s="6">
        <v>777.91830000000004</v>
      </c>
    </row>
    <row r="1303" spans="4:5" x14ac:dyDescent="0.25">
      <c r="D1303" s="6">
        <v>661.2079</v>
      </c>
      <c r="E1303" s="6">
        <v>737.85709999999995</v>
      </c>
    </row>
    <row r="1304" spans="4:5" x14ac:dyDescent="0.25">
      <c r="D1304" s="6">
        <v>955.34829999999999</v>
      </c>
      <c r="E1304" s="6">
        <v>868.97400000000005</v>
      </c>
    </row>
    <row r="1305" spans="4:5" x14ac:dyDescent="0.25">
      <c r="D1305" s="6">
        <v>744.64340000000004</v>
      </c>
      <c r="E1305" s="6">
        <v>603.6</v>
      </c>
    </row>
    <row r="1306" spans="4:5" x14ac:dyDescent="0.25">
      <c r="D1306" s="6">
        <v>1143.7449999999999</v>
      </c>
      <c r="E1306" s="6">
        <v>809.0729</v>
      </c>
    </row>
    <row r="1307" spans="4:5" x14ac:dyDescent="0.25">
      <c r="D1307" s="6">
        <v>1070.204</v>
      </c>
      <c r="E1307" s="6">
        <v>671.60950000000003</v>
      </c>
    </row>
    <row r="1308" spans="4:5" x14ac:dyDescent="0.25">
      <c r="D1308" s="6">
        <v>1363.2670000000001</v>
      </c>
      <c r="E1308" s="6">
        <v>971.29039999999998</v>
      </c>
    </row>
    <row r="1309" spans="4:5" x14ac:dyDescent="0.25">
      <c r="D1309" s="6">
        <v>6490.5029999999997</v>
      </c>
      <c r="E1309" s="6">
        <v>5853.8180000000002</v>
      </c>
    </row>
    <row r="1310" spans="4:5" x14ac:dyDescent="0.25">
      <c r="D1310" s="6">
        <v>945.23659999999995</v>
      </c>
      <c r="E1310" s="6">
        <v>635.88250000000005</v>
      </c>
    </row>
    <row r="1311" spans="4:5" x14ac:dyDescent="0.25">
      <c r="D1311" s="6">
        <v>728.83849999999995</v>
      </c>
      <c r="E1311" s="6">
        <v>777.45159999999998</v>
      </c>
    </row>
    <row r="1312" spans="4:5" x14ac:dyDescent="0.25">
      <c r="D1312" s="6">
        <v>828.77509999999995</v>
      </c>
      <c r="E1312" s="6">
        <v>6712.25</v>
      </c>
    </row>
    <row r="1313" spans="4:5" x14ac:dyDescent="0.25">
      <c r="D1313" s="6">
        <v>913.41409999999996</v>
      </c>
      <c r="E1313" s="6">
        <v>706.1318</v>
      </c>
    </row>
    <row r="1314" spans="4:5" x14ac:dyDescent="0.25">
      <c r="D1314" s="6">
        <v>1415.7460000000001</v>
      </c>
      <c r="E1314" s="6">
        <v>1776.8130000000001</v>
      </c>
    </row>
    <row r="1315" spans="4:5" x14ac:dyDescent="0.25">
      <c r="D1315" s="6">
        <v>784.09450000000004</v>
      </c>
      <c r="E1315" s="6">
        <v>451.11900000000003</v>
      </c>
    </row>
    <row r="1316" spans="4:5" x14ac:dyDescent="0.25">
      <c r="D1316" s="6">
        <v>1686.1379999999999</v>
      </c>
      <c r="E1316" s="6">
        <v>676.36009999999999</v>
      </c>
    </row>
    <row r="1317" spans="4:5" x14ac:dyDescent="0.25">
      <c r="D1317" s="6">
        <v>719.90409999999997</v>
      </c>
      <c r="E1317" s="6">
        <v>4445.1390000000001</v>
      </c>
    </row>
    <row r="1318" spans="4:5" x14ac:dyDescent="0.25">
      <c r="D1318" s="6">
        <v>897.81020000000001</v>
      </c>
      <c r="E1318" s="6">
        <v>759.71379999999999</v>
      </c>
    </row>
    <row r="1319" spans="4:5" x14ac:dyDescent="0.25">
      <c r="D1319" s="6">
        <v>13733.98</v>
      </c>
      <c r="E1319" s="6">
        <v>757.67309999999998</v>
      </c>
    </row>
    <row r="1320" spans="4:5" x14ac:dyDescent="0.25">
      <c r="D1320" s="6">
        <v>777.42859999999996</v>
      </c>
      <c r="E1320" s="6">
        <v>764.75030000000004</v>
      </c>
    </row>
    <row r="1321" spans="4:5" x14ac:dyDescent="0.25">
      <c r="D1321" s="6">
        <v>450.13200000000001</v>
      </c>
      <c r="E1321" s="6">
        <v>926.6327</v>
      </c>
    </row>
    <row r="1322" spans="4:5" x14ac:dyDescent="0.25">
      <c r="D1322" s="6">
        <v>10153.969999999999</v>
      </c>
      <c r="E1322" s="6">
        <v>1258.385</v>
      </c>
    </row>
    <row r="1323" spans="4:5" x14ac:dyDescent="0.25">
      <c r="D1323" s="6">
        <v>1572.1690000000001</v>
      </c>
      <c r="E1323" s="6">
        <v>945.61659999999995</v>
      </c>
    </row>
    <row r="1324" spans="4:5" x14ac:dyDescent="0.25">
      <c r="D1324" s="6">
        <v>1056.9570000000001</v>
      </c>
      <c r="E1324" s="6">
        <v>6000.6540000000005</v>
      </c>
    </row>
    <row r="1325" spans="4:5" x14ac:dyDescent="0.25">
      <c r="D1325" s="6">
        <v>7483.7259999999997</v>
      </c>
      <c r="E1325" s="6">
        <v>846.75</v>
      </c>
    </row>
    <row r="1326" spans="4:5" x14ac:dyDescent="0.25">
      <c r="D1326" s="6">
        <v>6490.5940000000001</v>
      </c>
      <c r="E1326" s="6">
        <v>859.89499999999998</v>
      </c>
    </row>
    <row r="1327" spans="4:5" x14ac:dyDescent="0.25">
      <c r="D1327" s="6">
        <v>606.15300000000002</v>
      </c>
      <c r="E1327" s="6">
        <v>523.18110000000001</v>
      </c>
    </row>
    <row r="1328" spans="4:5" x14ac:dyDescent="0.25">
      <c r="D1328" s="6">
        <v>3660.91</v>
      </c>
      <c r="E1328" s="6">
        <v>975.72900000000004</v>
      </c>
    </row>
    <row r="1329" spans="4:5" x14ac:dyDescent="0.25">
      <c r="D1329" s="6">
        <v>868.01829999999995</v>
      </c>
      <c r="E1329" s="6">
        <v>750.17870000000005</v>
      </c>
    </row>
    <row r="1330" spans="4:5" x14ac:dyDescent="0.25">
      <c r="D1330" s="6">
        <v>865.72720000000004</v>
      </c>
      <c r="E1330" s="6">
        <v>795.67290000000003</v>
      </c>
    </row>
    <row r="1331" spans="4:5" x14ac:dyDescent="0.25">
      <c r="D1331" s="6">
        <v>600.22490000000005</v>
      </c>
      <c r="E1331" s="6">
        <v>953.30340000000001</v>
      </c>
    </row>
    <row r="1332" spans="4:5" x14ac:dyDescent="0.25">
      <c r="D1332" s="6">
        <v>4219.7870000000003</v>
      </c>
      <c r="E1332" s="6">
        <v>684.54939999999999</v>
      </c>
    </row>
    <row r="1333" spans="4:5" x14ac:dyDescent="0.25">
      <c r="D1333" s="6">
        <v>666.86479999999995</v>
      </c>
      <c r="E1333" s="6">
        <v>853.22619999999995</v>
      </c>
    </row>
    <row r="1334" spans="4:5" x14ac:dyDescent="0.25">
      <c r="D1334" s="6">
        <v>7717.3810000000003</v>
      </c>
      <c r="E1334" s="6">
        <v>874.89919999999995</v>
      </c>
    </row>
    <row r="1335" spans="4:5" x14ac:dyDescent="0.25">
      <c r="D1335" s="6">
        <v>1014.754</v>
      </c>
      <c r="E1335" s="6">
        <v>12629.96</v>
      </c>
    </row>
    <row r="1336" spans="4:5" x14ac:dyDescent="0.25">
      <c r="D1336" s="6">
        <v>1312.498</v>
      </c>
      <c r="E1336" s="6">
        <v>870.41830000000004</v>
      </c>
    </row>
    <row r="1337" spans="4:5" x14ac:dyDescent="0.25">
      <c r="D1337" s="6">
        <v>2229.7689999999998</v>
      </c>
      <c r="E1337" s="6">
        <v>2630.8440000000001</v>
      </c>
    </row>
    <row r="1338" spans="4:5" x14ac:dyDescent="0.25">
      <c r="D1338" s="6">
        <v>804.16600000000005</v>
      </c>
      <c r="E1338" s="6">
        <v>869.67089999999996</v>
      </c>
    </row>
    <row r="1339" spans="4:5" x14ac:dyDescent="0.25">
      <c r="D1339" s="6">
        <v>1171.8699999999999</v>
      </c>
      <c r="E1339" s="6">
        <v>670.32579999999996</v>
      </c>
    </row>
    <row r="1340" spans="4:5" x14ac:dyDescent="0.25">
      <c r="D1340" s="6">
        <v>8993.491</v>
      </c>
      <c r="E1340" s="6">
        <v>875.92319999999995</v>
      </c>
    </row>
    <row r="1341" spans="4:5" x14ac:dyDescent="0.25">
      <c r="D1341" s="6">
        <v>730.86829999999998</v>
      </c>
      <c r="E1341" s="6">
        <v>1074.1510000000001</v>
      </c>
    </row>
    <row r="1342" spans="4:5" x14ac:dyDescent="0.25">
      <c r="D1342" s="6">
        <v>484.50689999999997</v>
      </c>
      <c r="E1342" s="6">
        <v>744.65200000000004</v>
      </c>
    </row>
    <row r="1343" spans="4:5" x14ac:dyDescent="0.25">
      <c r="D1343" s="6">
        <v>367.65019999999998</v>
      </c>
      <c r="E1343" s="6">
        <v>411.61939999999998</v>
      </c>
    </row>
    <row r="1344" spans="4:5" x14ac:dyDescent="0.25">
      <c r="D1344" s="6">
        <v>2118.86</v>
      </c>
      <c r="E1344" s="6">
        <v>734.91790000000003</v>
      </c>
    </row>
    <row r="1345" spans="4:5" x14ac:dyDescent="0.25">
      <c r="D1345" s="6">
        <v>818.93769999999995</v>
      </c>
      <c r="E1345" s="6">
        <v>772.47040000000004</v>
      </c>
    </row>
    <row r="1346" spans="4:5" x14ac:dyDescent="0.25">
      <c r="D1346" s="6">
        <v>643.93240000000003</v>
      </c>
      <c r="E1346" s="6">
        <v>646.05070000000001</v>
      </c>
    </row>
    <row r="1347" spans="4:5" x14ac:dyDescent="0.25">
      <c r="D1347" s="6">
        <v>563.52919999999995</v>
      </c>
      <c r="E1347" s="6">
        <v>752.88890000000004</v>
      </c>
    </row>
    <row r="1348" spans="4:5" x14ac:dyDescent="0.25">
      <c r="D1348" s="6">
        <v>624.10659999999996</v>
      </c>
      <c r="E1348" s="6">
        <v>7976.3329999999996</v>
      </c>
    </row>
    <row r="1349" spans="4:5" x14ac:dyDescent="0.25">
      <c r="D1349" s="6">
        <v>936.49490000000003</v>
      </c>
      <c r="E1349" s="6">
        <v>893.78200000000004</v>
      </c>
    </row>
    <row r="1350" spans="4:5" x14ac:dyDescent="0.25">
      <c r="D1350" s="6">
        <v>4196.3599999999997</v>
      </c>
      <c r="E1350" s="6">
        <v>9092.2479999999996</v>
      </c>
    </row>
    <row r="1351" spans="4:5" x14ac:dyDescent="0.25">
      <c r="D1351" s="6">
        <v>1115.3599999999999</v>
      </c>
      <c r="E1351" s="6">
        <v>727.97329999999999</v>
      </c>
    </row>
    <row r="1352" spans="4:5" x14ac:dyDescent="0.25">
      <c r="D1352" s="6">
        <v>6595.857</v>
      </c>
      <c r="E1352" s="6">
        <v>536.25930000000005</v>
      </c>
    </row>
    <row r="1353" spans="4:5" x14ac:dyDescent="0.25">
      <c r="D1353" s="6">
        <v>874.73050000000001</v>
      </c>
      <c r="E1353" s="6">
        <v>792</v>
      </c>
    </row>
    <row r="1354" spans="4:5" x14ac:dyDescent="0.25">
      <c r="D1354" s="6">
        <v>901.95259999999996</v>
      </c>
      <c r="E1354" s="6">
        <v>819.32259999999997</v>
      </c>
    </row>
    <row r="1355" spans="4:5" x14ac:dyDescent="0.25">
      <c r="D1355" s="6">
        <v>780.21420000000001</v>
      </c>
      <c r="E1355" s="6">
        <v>738.07650000000001</v>
      </c>
    </row>
    <row r="1356" spans="4:5" x14ac:dyDescent="0.25">
      <c r="D1356" s="6">
        <v>4789.442</v>
      </c>
      <c r="E1356" s="6">
        <v>906.34979999999996</v>
      </c>
    </row>
    <row r="1357" spans="4:5" x14ac:dyDescent="0.25">
      <c r="D1357" s="6">
        <v>8582.3809999999994</v>
      </c>
      <c r="E1357" s="6">
        <v>4910.3379999999997</v>
      </c>
    </row>
    <row r="1358" spans="4:5" x14ac:dyDescent="0.25">
      <c r="D1358" s="6">
        <v>5282.7969999999996</v>
      </c>
      <c r="E1358" s="6">
        <v>1025.779</v>
      </c>
    </row>
    <row r="1359" spans="4:5" x14ac:dyDescent="0.25">
      <c r="D1359" s="6">
        <v>857.51790000000005</v>
      </c>
      <c r="E1359" s="6">
        <v>804.9316</v>
      </c>
    </row>
    <row r="1360" spans="4:5" x14ac:dyDescent="0.25">
      <c r="D1360" s="6">
        <v>1000.5359999999999</v>
      </c>
      <c r="E1360" s="6">
        <v>843.68979999999999</v>
      </c>
    </row>
    <row r="1361" spans="4:5" x14ac:dyDescent="0.25">
      <c r="D1361" s="6">
        <v>1266</v>
      </c>
      <c r="E1361" s="6">
        <v>690.12080000000003</v>
      </c>
    </row>
    <row r="1362" spans="4:5" x14ac:dyDescent="0.25">
      <c r="D1362" s="6">
        <v>492.91649999999998</v>
      </c>
      <c r="E1362" s="6">
        <v>1468.86</v>
      </c>
    </row>
    <row r="1363" spans="4:5" x14ac:dyDescent="0.25">
      <c r="D1363" s="6">
        <v>765.65359999999998</v>
      </c>
      <c r="E1363" s="6">
        <v>655.57950000000005</v>
      </c>
    </row>
    <row r="1364" spans="4:5" x14ac:dyDescent="0.25">
      <c r="D1364" s="6">
        <v>555.16790000000003</v>
      </c>
      <c r="E1364" s="6">
        <v>784.54409999999996</v>
      </c>
    </row>
    <row r="1365" spans="4:5" x14ac:dyDescent="0.25">
      <c r="D1365" s="6">
        <v>1001.375</v>
      </c>
      <c r="E1365" s="6">
        <v>760.41060000000004</v>
      </c>
    </row>
    <row r="1366" spans="4:5" x14ac:dyDescent="0.25">
      <c r="D1366" s="6">
        <v>893.1816</v>
      </c>
      <c r="E1366" s="6">
        <v>732.25469999999996</v>
      </c>
    </row>
    <row r="1367" spans="4:5" x14ac:dyDescent="0.25">
      <c r="D1367" s="6">
        <v>2987.9549999999999</v>
      </c>
      <c r="E1367" s="6">
        <v>1432.5160000000001</v>
      </c>
    </row>
    <row r="1368" spans="4:5" x14ac:dyDescent="0.25">
      <c r="D1368" s="6">
        <v>948.46519999999998</v>
      </c>
      <c r="E1368" s="6">
        <v>821.77149999999995</v>
      </c>
    </row>
    <row r="1369" spans="4:5" x14ac:dyDescent="0.25">
      <c r="D1369" s="6">
        <v>969.55790000000002</v>
      </c>
      <c r="E1369" s="6">
        <v>648.11130000000003</v>
      </c>
    </row>
    <row r="1370" spans="4:5" x14ac:dyDescent="0.25">
      <c r="D1370" s="6">
        <v>646.09699999999998</v>
      </c>
      <c r="E1370" s="6">
        <v>783.56179999999995</v>
      </c>
    </row>
    <row r="1371" spans="4:5" x14ac:dyDescent="0.25">
      <c r="D1371" s="6">
        <v>8042.9129999999996</v>
      </c>
      <c r="E1371" s="6">
        <v>687.24360000000001</v>
      </c>
    </row>
    <row r="1372" spans="4:5" x14ac:dyDescent="0.25">
      <c r="D1372" s="6">
        <v>613.22670000000005</v>
      </c>
      <c r="E1372" s="6">
        <v>692.81600000000003</v>
      </c>
    </row>
    <row r="1373" spans="4:5" x14ac:dyDescent="0.25">
      <c r="D1373" s="6">
        <v>604.87390000000005</v>
      </c>
      <c r="E1373" s="6">
        <v>576.96600000000001</v>
      </c>
    </row>
    <row r="1374" spans="4:5" x14ac:dyDescent="0.25">
      <c r="D1374" s="6">
        <v>891.0127</v>
      </c>
      <c r="E1374" s="6">
        <v>724.97950000000003</v>
      </c>
    </row>
    <row r="1375" spans="4:5" x14ac:dyDescent="0.25">
      <c r="D1375" s="6">
        <v>4282.07</v>
      </c>
      <c r="E1375" s="6">
        <v>4010.4609999999998</v>
      </c>
    </row>
    <row r="1376" spans="4:5" x14ac:dyDescent="0.25">
      <c r="D1376" s="6">
        <v>1096.559</v>
      </c>
      <c r="E1376" s="6">
        <v>6721.433</v>
      </c>
    </row>
    <row r="1377" spans="4:5" x14ac:dyDescent="0.25">
      <c r="D1377" s="6">
        <v>743.45309999999995</v>
      </c>
      <c r="E1377" s="6">
        <v>5455.2579999999998</v>
      </c>
    </row>
    <row r="1378" spans="4:5" x14ac:dyDescent="0.25">
      <c r="D1378" s="6">
        <v>661.80510000000004</v>
      </c>
      <c r="E1378" s="6">
        <v>762.93050000000005</v>
      </c>
    </row>
    <row r="1379" spans="4:5" x14ac:dyDescent="0.25">
      <c r="D1379" s="6">
        <v>877.30989999999997</v>
      </c>
      <c r="E1379" s="6">
        <v>562.76769999999999</v>
      </c>
    </row>
    <row r="1380" spans="4:5" x14ac:dyDescent="0.25">
      <c r="D1380" s="6">
        <v>6369.951</v>
      </c>
      <c r="E1380" s="6">
        <v>790.26340000000005</v>
      </c>
    </row>
    <row r="1381" spans="4:5" x14ac:dyDescent="0.25">
      <c r="D1381" s="6">
        <v>948.55370000000005</v>
      </c>
      <c r="E1381" s="6">
        <v>808.2414</v>
      </c>
    </row>
    <row r="1382" spans="4:5" x14ac:dyDescent="0.25">
      <c r="D1382" s="6">
        <v>9162.44</v>
      </c>
      <c r="E1382" s="6">
        <v>553.01990000000001</v>
      </c>
    </row>
    <row r="1383" spans="4:5" x14ac:dyDescent="0.25">
      <c r="D1383" s="6">
        <v>565.94939999999997</v>
      </c>
      <c r="E1383" s="6">
        <v>772.08410000000003</v>
      </c>
    </row>
    <row r="1384" spans="4:5" x14ac:dyDescent="0.25">
      <c r="D1384" s="6">
        <v>1190.3720000000001</v>
      </c>
      <c r="E1384" s="6">
        <v>659.5027</v>
      </c>
    </row>
    <row r="1385" spans="4:5" x14ac:dyDescent="0.25">
      <c r="D1385" s="6">
        <v>774.5521</v>
      </c>
      <c r="E1385" s="6">
        <v>5159.5259999999998</v>
      </c>
    </row>
    <row r="1386" spans="4:5" x14ac:dyDescent="0.25">
      <c r="D1386" s="6">
        <v>5982.24</v>
      </c>
      <c r="E1386" s="6">
        <v>653.07749999999999</v>
      </c>
    </row>
    <row r="1387" spans="4:5" x14ac:dyDescent="0.25">
      <c r="D1387" s="6">
        <v>949.60649999999998</v>
      </c>
      <c r="E1387" s="6">
        <v>831.57180000000005</v>
      </c>
    </row>
    <row r="1388" spans="4:5" x14ac:dyDescent="0.25">
      <c r="D1388" s="6">
        <v>961.85749999999996</v>
      </c>
      <c r="E1388" s="6">
        <v>1699.9349999999999</v>
      </c>
    </row>
    <row r="1389" spans="4:5" x14ac:dyDescent="0.25">
      <c r="D1389" s="6">
        <v>648.83339999999998</v>
      </c>
      <c r="E1389" s="6">
        <v>8140.567</v>
      </c>
    </row>
    <row r="1390" spans="4:5" x14ac:dyDescent="0.25">
      <c r="D1390" s="6">
        <v>839.31769999999995</v>
      </c>
      <c r="E1390" s="6">
        <v>1156.9590000000001</v>
      </c>
    </row>
    <row r="1391" spans="4:5" x14ac:dyDescent="0.25">
      <c r="D1391" s="6">
        <v>681.94929999999999</v>
      </c>
      <c r="E1391" s="6">
        <v>824.57309999999995</v>
      </c>
    </row>
    <row r="1392" spans="4:5" x14ac:dyDescent="0.25">
      <c r="D1392" s="6">
        <v>9232.6059999999998</v>
      </c>
      <c r="E1392" s="6">
        <v>817.9307</v>
      </c>
    </row>
    <row r="1393" spans="4:5" x14ac:dyDescent="0.25">
      <c r="D1393" s="6">
        <v>1195.3440000000001</v>
      </c>
      <c r="E1393" s="6">
        <v>593.77099999999996</v>
      </c>
    </row>
    <row r="1394" spans="4:5" x14ac:dyDescent="0.25">
      <c r="D1394" s="6">
        <v>735</v>
      </c>
      <c r="E1394" s="6">
        <v>990.98919999999998</v>
      </c>
    </row>
    <row r="1395" spans="4:5" x14ac:dyDescent="0.25">
      <c r="D1395" s="6">
        <v>694.7414</v>
      </c>
      <c r="E1395" s="6">
        <v>5609.402</v>
      </c>
    </row>
    <row r="1396" spans="4:5" x14ac:dyDescent="0.25">
      <c r="D1396" s="6">
        <v>6128.2179999999998</v>
      </c>
      <c r="E1396" s="6">
        <v>778.21259999999995</v>
      </c>
    </row>
    <row r="1397" spans="4:5" x14ac:dyDescent="0.25">
      <c r="D1397" s="6">
        <v>634.13440000000003</v>
      </c>
      <c r="E1397" s="6">
        <v>1394.1849999999999</v>
      </c>
    </row>
    <row r="1398" spans="4:5" x14ac:dyDescent="0.25">
      <c r="D1398" s="6">
        <v>6403.1679999999997</v>
      </c>
      <c r="E1398" s="6">
        <v>650.71310000000005</v>
      </c>
    </row>
    <row r="1399" spans="4:5" x14ac:dyDescent="0.25">
      <c r="D1399" s="6">
        <v>6213.2359999999999</v>
      </c>
      <c r="E1399" s="6">
        <v>7729.8940000000002</v>
      </c>
    </row>
    <row r="1400" spans="4:5" x14ac:dyDescent="0.25">
      <c r="D1400" s="6">
        <v>849.06690000000003</v>
      </c>
      <c r="E1400" s="6">
        <v>735.73329999999999</v>
      </c>
    </row>
    <row r="1401" spans="4:5" x14ac:dyDescent="0.25">
      <c r="D1401" s="6">
        <v>3420.4940000000001</v>
      </c>
      <c r="E1401" s="6">
        <v>521.46479999999997</v>
      </c>
    </row>
    <row r="1402" spans="4:5" x14ac:dyDescent="0.25">
      <c r="D1402" s="6">
        <v>658.99850000000004</v>
      </c>
      <c r="E1402" s="6">
        <v>759.67430000000002</v>
      </c>
    </row>
    <row r="1403" spans="4:5" x14ac:dyDescent="0.25">
      <c r="D1403" s="6">
        <v>902</v>
      </c>
      <c r="E1403" s="6">
        <v>698.27539999999999</v>
      </c>
    </row>
    <row r="1404" spans="4:5" x14ac:dyDescent="0.25">
      <c r="D1404" s="6">
        <v>8199.1689999999999</v>
      </c>
      <c r="E1404" s="6">
        <v>581.96029999999996</v>
      </c>
    </row>
    <row r="1405" spans="4:5" x14ac:dyDescent="0.25">
      <c r="D1405" s="6">
        <v>660.02850000000001</v>
      </c>
      <c r="E1405" s="6">
        <v>1504.5909999999999</v>
      </c>
    </row>
    <row r="1406" spans="4:5" x14ac:dyDescent="0.25">
      <c r="D1406" s="6">
        <v>1002.087</v>
      </c>
      <c r="E1406" s="6">
        <v>721.93029999999999</v>
      </c>
    </row>
    <row r="1407" spans="4:5" x14ac:dyDescent="0.25">
      <c r="D1407" s="6">
        <v>710.55730000000005</v>
      </c>
      <c r="E1407" s="6">
        <v>794.13760000000002</v>
      </c>
    </row>
    <row r="1408" spans="4:5" x14ac:dyDescent="0.25">
      <c r="D1408" s="6">
        <v>1055.3989999999999</v>
      </c>
      <c r="E1408" s="6">
        <v>7570.7960000000003</v>
      </c>
    </row>
    <row r="1409" spans="4:5" x14ac:dyDescent="0.25">
      <c r="D1409" s="6">
        <v>1193.318</v>
      </c>
      <c r="E1409" s="6">
        <v>869.98320000000001</v>
      </c>
    </row>
    <row r="1410" spans="4:5" x14ac:dyDescent="0.25">
      <c r="D1410" s="6">
        <v>1059.8589999999999</v>
      </c>
      <c r="E1410" s="6">
        <v>625.42240000000004</v>
      </c>
    </row>
    <row r="1411" spans="4:5" x14ac:dyDescent="0.25">
      <c r="D1411" s="6">
        <v>2744.2420000000002</v>
      </c>
      <c r="E1411" s="6">
        <v>839.8107</v>
      </c>
    </row>
    <row r="1412" spans="4:5" x14ac:dyDescent="0.25">
      <c r="D1412" s="6">
        <v>6975.49</v>
      </c>
      <c r="E1412" s="6">
        <v>641.68700000000001</v>
      </c>
    </row>
    <row r="1413" spans="4:5" x14ac:dyDescent="0.25">
      <c r="D1413" s="6">
        <v>1765.2560000000001</v>
      </c>
      <c r="E1413" s="6">
        <v>737.64409999999998</v>
      </c>
    </row>
    <row r="1414" spans="4:5" x14ac:dyDescent="0.25">
      <c r="D1414" s="6">
        <v>853.15809999999999</v>
      </c>
      <c r="E1414" s="6">
        <v>654.06320000000005</v>
      </c>
    </row>
    <row r="1415" spans="4:5" x14ac:dyDescent="0.25">
      <c r="D1415" s="6">
        <v>823.04830000000004</v>
      </c>
      <c r="E1415" s="6">
        <v>567.63570000000004</v>
      </c>
    </row>
    <row r="1416" spans="4:5" x14ac:dyDescent="0.25">
      <c r="D1416" s="6">
        <v>943.79480000000001</v>
      </c>
      <c r="E1416" s="6">
        <v>966.76319999999998</v>
      </c>
    </row>
    <row r="1417" spans="4:5" x14ac:dyDescent="0.25">
      <c r="D1417" s="6">
        <v>759.82470000000001</v>
      </c>
      <c r="E1417" s="6">
        <v>1554</v>
      </c>
    </row>
    <row r="1418" spans="4:5" x14ac:dyDescent="0.25">
      <c r="D1418" s="6">
        <v>751.63530000000003</v>
      </c>
      <c r="E1418" s="6">
        <v>5202.0870000000004</v>
      </c>
    </row>
    <row r="1419" spans="4:5" x14ac:dyDescent="0.25">
      <c r="D1419" s="6">
        <v>651.91520000000003</v>
      </c>
      <c r="E1419" s="6">
        <v>875</v>
      </c>
    </row>
    <row r="1420" spans="4:5" x14ac:dyDescent="0.25">
      <c r="D1420" s="6">
        <v>836.40940000000001</v>
      </c>
      <c r="E1420" s="6">
        <v>754.83230000000003</v>
      </c>
    </row>
    <row r="1421" spans="4:5" x14ac:dyDescent="0.25">
      <c r="D1421" s="6">
        <v>905.54060000000004</v>
      </c>
      <c r="E1421" s="6">
        <v>5842.4870000000001</v>
      </c>
    </row>
    <row r="1422" spans="4:5" x14ac:dyDescent="0.25">
      <c r="D1422" s="6">
        <v>898.11090000000002</v>
      </c>
      <c r="E1422" s="6">
        <v>849.70740000000001</v>
      </c>
    </row>
    <row r="1423" spans="4:5" x14ac:dyDescent="0.25">
      <c r="D1423" s="6">
        <v>1018.229</v>
      </c>
      <c r="E1423" s="6">
        <v>598.70420000000001</v>
      </c>
    </row>
    <row r="1424" spans="4:5" x14ac:dyDescent="0.25">
      <c r="D1424" s="6">
        <v>708.88229999999999</v>
      </c>
      <c r="E1424" s="6">
        <v>8600.5409999999993</v>
      </c>
    </row>
    <row r="1425" spans="4:5" x14ac:dyDescent="0.25">
      <c r="D1425" s="6">
        <v>933.93449999999996</v>
      </c>
      <c r="E1425" s="6">
        <v>5256.625</v>
      </c>
    </row>
    <row r="1426" spans="4:5" x14ac:dyDescent="0.25">
      <c r="D1426" s="6">
        <v>630.2962</v>
      </c>
      <c r="E1426" s="6">
        <v>855.39970000000005</v>
      </c>
    </row>
    <row r="1427" spans="4:5" x14ac:dyDescent="0.25">
      <c r="D1427" s="6">
        <v>790.53579999999999</v>
      </c>
      <c r="E1427" s="6">
        <v>709.33330000000001</v>
      </c>
    </row>
    <row r="1428" spans="4:5" x14ac:dyDescent="0.25">
      <c r="D1428" s="6">
        <v>750.63170000000002</v>
      </c>
      <c r="E1428" s="6">
        <v>844.14290000000005</v>
      </c>
    </row>
    <row r="1429" spans="4:5" x14ac:dyDescent="0.25">
      <c r="D1429" s="6">
        <v>851.68939999999998</v>
      </c>
      <c r="E1429" s="6">
        <v>1670.0909999999999</v>
      </c>
    </row>
    <row r="1430" spans="4:5" x14ac:dyDescent="0.25">
      <c r="D1430" s="6">
        <v>638.34400000000005</v>
      </c>
      <c r="E1430" s="6">
        <v>3242.971</v>
      </c>
    </row>
    <row r="1431" spans="4:5" x14ac:dyDescent="0.25">
      <c r="D1431" s="6">
        <v>664.47299999999996</v>
      </c>
      <c r="E1431" s="6">
        <v>1123.623</v>
      </c>
    </row>
    <row r="1432" spans="4:5" x14ac:dyDescent="0.25">
      <c r="D1432" s="6">
        <v>704</v>
      </c>
      <c r="E1432" s="6">
        <v>670.83640000000003</v>
      </c>
    </row>
    <row r="1433" spans="4:5" x14ac:dyDescent="0.25">
      <c r="D1433" s="6">
        <v>645.80529999999999</v>
      </c>
      <c r="E1433" s="6">
        <v>1314.2470000000001</v>
      </c>
    </row>
    <row r="1434" spans="4:5" x14ac:dyDescent="0.25">
      <c r="D1434" s="6">
        <v>619.36509999999998</v>
      </c>
      <c r="E1434" s="6">
        <v>711.62509999999997</v>
      </c>
    </row>
    <row r="1435" spans="4:5" x14ac:dyDescent="0.25">
      <c r="D1435" s="6">
        <v>773.70050000000003</v>
      </c>
      <c r="E1435" s="6">
        <v>7252.8680000000004</v>
      </c>
    </row>
    <row r="1436" spans="4:5" x14ac:dyDescent="0.25">
      <c r="D1436" s="6">
        <v>636.19489999999996</v>
      </c>
      <c r="E1436" s="6">
        <v>858.42769999999996</v>
      </c>
    </row>
    <row r="1437" spans="4:5" x14ac:dyDescent="0.25">
      <c r="D1437" s="6">
        <v>1398.002</v>
      </c>
      <c r="E1437" s="6">
        <v>979.74180000000001</v>
      </c>
    </row>
    <row r="1438" spans="4:5" x14ac:dyDescent="0.25">
      <c r="D1438" s="6">
        <v>4219.05</v>
      </c>
      <c r="E1438" s="6">
        <v>736.17859999999996</v>
      </c>
    </row>
    <row r="1439" spans="4:5" x14ac:dyDescent="0.25">
      <c r="D1439" s="6">
        <v>1034.2940000000001</v>
      </c>
      <c r="E1439" s="6">
        <v>5118.982</v>
      </c>
    </row>
    <row r="1440" spans="4:5" x14ac:dyDescent="0.25">
      <c r="D1440" s="6">
        <v>918.07590000000005</v>
      </c>
      <c r="E1440" s="6">
        <v>610.41449999999998</v>
      </c>
    </row>
    <row r="1441" spans="4:5" x14ac:dyDescent="0.25">
      <c r="D1441" s="6">
        <v>999.9348</v>
      </c>
      <c r="E1441" s="6">
        <v>823.72490000000005</v>
      </c>
    </row>
    <row r="1442" spans="4:5" x14ac:dyDescent="0.25">
      <c r="D1442" s="6">
        <v>718.76919999999996</v>
      </c>
      <c r="E1442" s="6">
        <v>886.67079999999999</v>
      </c>
    </row>
    <row r="1443" spans="4:5" x14ac:dyDescent="0.25">
      <c r="D1443" s="6">
        <v>1065.8699999999999</v>
      </c>
      <c r="E1443" s="6">
        <v>968.9864</v>
      </c>
    </row>
    <row r="1444" spans="4:5" x14ac:dyDescent="0.25">
      <c r="D1444" s="6">
        <v>747.4085</v>
      </c>
      <c r="E1444" s="6">
        <v>704.02589999999998</v>
      </c>
    </row>
    <row r="1445" spans="4:5" x14ac:dyDescent="0.25">
      <c r="D1445" s="6">
        <v>693.20240000000001</v>
      </c>
      <c r="E1445" s="6">
        <v>894.09479999999996</v>
      </c>
    </row>
    <row r="1446" spans="4:5" x14ac:dyDescent="0.25">
      <c r="D1446" s="6">
        <v>7049.1220000000003</v>
      </c>
      <c r="E1446" s="6">
        <v>758.1848</v>
      </c>
    </row>
    <row r="1447" spans="4:5" x14ac:dyDescent="0.25">
      <c r="D1447" s="6">
        <v>8635.8430000000008</v>
      </c>
      <c r="E1447" s="6">
        <v>599.24980000000005</v>
      </c>
    </row>
    <row r="1448" spans="4:5" x14ac:dyDescent="0.25">
      <c r="D1448" s="6">
        <v>852.00409999999999</v>
      </c>
      <c r="E1448" s="6">
        <v>7821.6660000000002</v>
      </c>
    </row>
    <row r="1449" spans="4:5" x14ac:dyDescent="0.25">
      <c r="D1449" s="6">
        <v>5399.9960000000001</v>
      </c>
      <c r="E1449" s="6">
        <v>1020.942</v>
      </c>
    </row>
    <row r="1450" spans="4:5" x14ac:dyDescent="0.25">
      <c r="D1450" s="6">
        <v>682.3356</v>
      </c>
      <c r="E1450" s="6">
        <v>992.99239999999998</v>
      </c>
    </row>
    <row r="1451" spans="4:5" x14ac:dyDescent="0.25">
      <c r="D1451" s="6">
        <v>634.26110000000006</v>
      </c>
      <c r="E1451" s="6">
        <v>777.32010000000002</v>
      </c>
    </row>
    <row r="1452" spans="4:5" x14ac:dyDescent="0.25">
      <c r="D1452" s="6">
        <v>951.27779999999996</v>
      </c>
      <c r="E1452" s="6">
        <v>699.40160000000003</v>
      </c>
    </row>
    <row r="1453" spans="4:5" x14ac:dyDescent="0.25">
      <c r="D1453" s="6">
        <v>979.52470000000005</v>
      </c>
      <c r="E1453" s="6">
        <v>826.31780000000003</v>
      </c>
    </row>
    <row r="1454" spans="4:5" x14ac:dyDescent="0.25">
      <c r="D1454" s="6">
        <v>528.46789999999999</v>
      </c>
      <c r="E1454" s="6">
        <v>1293.3620000000001</v>
      </c>
    </row>
    <row r="1455" spans="4:5" x14ac:dyDescent="0.25">
      <c r="D1455" s="6">
        <v>1074.434</v>
      </c>
      <c r="E1455" s="6">
        <v>6797.6790000000001</v>
      </c>
    </row>
    <row r="1456" spans="4:5" x14ac:dyDescent="0.25">
      <c r="D1456" s="6">
        <v>6164.4639999999999</v>
      </c>
      <c r="E1456" s="6">
        <v>739.35500000000002</v>
      </c>
    </row>
    <row r="1457" spans="4:5" x14ac:dyDescent="0.25">
      <c r="D1457" s="6">
        <v>3447</v>
      </c>
      <c r="E1457" s="6">
        <v>1044.1400000000001</v>
      </c>
    </row>
    <row r="1458" spans="4:5" x14ac:dyDescent="0.25">
      <c r="D1458" s="6">
        <v>709.29349999999999</v>
      </c>
      <c r="E1458" s="6">
        <v>753.27189999999996</v>
      </c>
    </row>
    <row r="1459" spans="4:5" x14ac:dyDescent="0.25">
      <c r="D1459" s="6">
        <v>1198.5</v>
      </c>
      <c r="E1459" s="6">
        <v>817.60500000000002</v>
      </c>
    </row>
    <row r="1460" spans="4:5" x14ac:dyDescent="0.25">
      <c r="D1460" s="6">
        <v>11952.73</v>
      </c>
      <c r="E1460" s="6">
        <v>610.96659999999997</v>
      </c>
    </row>
    <row r="1461" spans="4:5" x14ac:dyDescent="0.25">
      <c r="D1461" s="6">
        <v>862.08010000000002</v>
      </c>
      <c r="E1461" s="6">
        <v>882.25710000000004</v>
      </c>
    </row>
    <row r="1462" spans="4:5" x14ac:dyDescent="0.25">
      <c r="D1462" s="6">
        <v>508.20060000000001</v>
      </c>
      <c r="E1462" s="6">
        <v>763.17240000000004</v>
      </c>
    </row>
    <row r="1463" spans="4:5" x14ac:dyDescent="0.25">
      <c r="D1463" s="6">
        <v>1328.8209999999999</v>
      </c>
      <c r="E1463" s="6">
        <v>1203.866</v>
      </c>
    </row>
    <row r="1464" spans="4:5" x14ac:dyDescent="0.25">
      <c r="D1464" s="6">
        <v>5807.6170000000002</v>
      </c>
      <c r="E1464" s="6">
        <v>738.75369999999998</v>
      </c>
    </row>
    <row r="1465" spans="4:5" x14ac:dyDescent="0.25">
      <c r="D1465" s="6">
        <v>741.13599999999997</v>
      </c>
      <c r="E1465" s="6">
        <v>1046.136</v>
      </c>
    </row>
    <row r="1466" spans="4:5" x14ac:dyDescent="0.25">
      <c r="D1466" s="6">
        <v>1332.2380000000001</v>
      </c>
      <c r="E1466" s="6">
        <v>4582.5609999999997</v>
      </c>
    </row>
    <row r="1467" spans="4:5" x14ac:dyDescent="0.25">
      <c r="D1467" s="6">
        <v>475.75560000000002</v>
      </c>
      <c r="E1467" s="6">
        <v>5835.4120000000003</v>
      </c>
    </row>
    <row r="1468" spans="4:5" x14ac:dyDescent="0.25">
      <c r="D1468" s="6">
        <v>847.39139999999998</v>
      </c>
      <c r="E1468" s="6">
        <v>720.84100000000001</v>
      </c>
    </row>
    <row r="1469" spans="4:5" x14ac:dyDescent="0.25">
      <c r="D1469" s="6">
        <v>965.88289999999995</v>
      </c>
      <c r="E1469" s="6">
        <v>728.04949999999997</v>
      </c>
    </row>
    <row r="1470" spans="4:5" x14ac:dyDescent="0.25">
      <c r="D1470" s="6">
        <v>591.31700000000001</v>
      </c>
      <c r="E1470" s="6">
        <v>1082.2339999999999</v>
      </c>
    </row>
    <row r="1471" spans="4:5" x14ac:dyDescent="0.25">
      <c r="D1471" s="6">
        <v>828.77179999999998</v>
      </c>
      <c r="E1471" s="6">
        <v>1698.854</v>
      </c>
    </row>
    <row r="1472" spans="4:5" x14ac:dyDescent="0.25">
      <c r="D1472" s="6">
        <v>7978.8779999999997</v>
      </c>
      <c r="E1472" s="6">
        <v>1293.182</v>
      </c>
    </row>
    <row r="1473" spans="4:5" x14ac:dyDescent="0.25">
      <c r="D1473" s="6">
        <v>792.19529999999997</v>
      </c>
      <c r="E1473" s="6">
        <v>3795.4290000000001</v>
      </c>
    </row>
    <row r="1474" spans="4:5" x14ac:dyDescent="0.25">
      <c r="D1474" s="6">
        <v>4679.16</v>
      </c>
      <c r="E1474" s="6">
        <v>952.0598</v>
      </c>
    </row>
    <row r="1475" spans="4:5" x14ac:dyDescent="0.25">
      <c r="D1475" s="6">
        <v>645.54100000000005</v>
      </c>
      <c r="E1475" s="6">
        <v>826.78530000000001</v>
      </c>
    </row>
    <row r="1476" spans="4:5" x14ac:dyDescent="0.25">
      <c r="D1476" s="6">
        <v>796.21100000000001</v>
      </c>
      <c r="E1476" s="6">
        <v>882.80110000000002</v>
      </c>
    </row>
    <row r="1477" spans="4:5" x14ac:dyDescent="0.25">
      <c r="D1477" s="6">
        <v>488.35759999999999</v>
      </c>
      <c r="E1477" s="6">
        <v>13615.15</v>
      </c>
    </row>
    <row r="1478" spans="4:5" x14ac:dyDescent="0.25">
      <c r="D1478" s="6">
        <v>1682.6479999999999</v>
      </c>
      <c r="E1478" s="6">
        <v>611.82029999999997</v>
      </c>
    </row>
    <row r="1479" spans="4:5" x14ac:dyDescent="0.25">
      <c r="D1479" s="6">
        <v>7743.817</v>
      </c>
      <c r="E1479" s="6">
        <v>1462.0909999999999</v>
      </c>
    </row>
    <row r="1480" spans="4:5" x14ac:dyDescent="0.25">
      <c r="D1480" s="6">
        <v>870.65880000000004</v>
      </c>
      <c r="E1480" s="6">
        <v>903.39750000000004</v>
      </c>
    </row>
    <row r="1481" spans="4:5" x14ac:dyDescent="0.25">
      <c r="D1481" s="6">
        <v>1028.75</v>
      </c>
      <c r="E1481" s="6">
        <v>802.07150000000001</v>
      </c>
    </row>
    <row r="1482" spans="4:5" x14ac:dyDescent="0.25">
      <c r="D1482" s="6">
        <v>594.85820000000001</v>
      </c>
      <c r="E1482" s="6">
        <v>793.7056</v>
      </c>
    </row>
    <row r="1483" spans="4:5" x14ac:dyDescent="0.25">
      <c r="D1483" s="6">
        <v>961.64949999999999</v>
      </c>
      <c r="E1483" s="6">
        <v>631.17150000000004</v>
      </c>
    </row>
    <row r="1484" spans="4:5" x14ac:dyDescent="0.25">
      <c r="D1484" s="6">
        <v>1325.328</v>
      </c>
      <c r="E1484" s="6">
        <v>597.87070000000006</v>
      </c>
    </row>
    <row r="1485" spans="4:5" x14ac:dyDescent="0.25">
      <c r="D1485" s="6">
        <v>718.63009999999997</v>
      </c>
      <c r="E1485" s="6">
        <v>840.88170000000002</v>
      </c>
    </row>
    <row r="1486" spans="4:5" x14ac:dyDescent="0.25">
      <c r="D1486" s="6">
        <v>1052.0150000000001</v>
      </c>
      <c r="E1486" s="6">
        <v>495.04950000000002</v>
      </c>
    </row>
    <row r="1487" spans="4:5" x14ac:dyDescent="0.25">
      <c r="D1487" s="6">
        <v>673.08389999999997</v>
      </c>
      <c r="E1487" s="6">
        <v>632.53700000000003</v>
      </c>
    </row>
    <row r="1488" spans="4:5" x14ac:dyDescent="0.25">
      <c r="D1488" s="6">
        <v>837.85969999999998</v>
      </c>
      <c r="E1488" s="6">
        <v>810.32180000000005</v>
      </c>
    </row>
    <row r="1489" spans="4:5" x14ac:dyDescent="0.25">
      <c r="D1489" s="6">
        <v>670.94849999999997</v>
      </c>
      <c r="E1489" s="6">
        <v>5315.5349999999999</v>
      </c>
    </row>
    <row r="1490" spans="4:5" x14ac:dyDescent="0.25">
      <c r="D1490" s="6">
        <v>986.08770000000004</v>
      </c>
      <c r="E1490" s="6">
        <v>938.90819999999997</v>
      </c>
    </row>
    <row r="1491" spans="4:5" x14ac:dyDescent="0.25">
      <c r="D1491" s="6">
        <v>2446.922</v>
      </c>
      <c r="E1491" s="6">
        <v>796.57219999999995</v>
      </c>
    </row>
    <row r="1492" spans="4:5" x14ac:dyDescent="0.25">
      <c r="D1492" s="6">
        <v>813.58519999999999</v>
      </c>
      <c r="E1492" s="6">
        <v>4871.933</v>
      </c>
    </row>
    <row r="1493" spans="4:5" x14ac:dyDescent="0.25">
      <c r="D1493" s="6">
        <v>971.04020000000003</v>
      </c>
      <c r="E1493" s="6">
        <v>754.53489999999999</v>
      </c>
    </row>
    <row r="1494" spans="4:5" x14ac:dyDescent="0.25">
      <c r="D1494" s="6">
        <v>5672.3720000000003</v>
      </c>
      <c r="E1494" s="6">
        <v>1320.7460000000001</v>
      </c>
    </row>
    <row r="1495" spans="4:5" x14ac:dyDescent="0.25">
      <c r="D1495" s="6">
        <v>1189.731</v>
      </c>
      <c r="E1495" s="6">
        <v>1023.2859999999999</v>
      </c>
    </row>
    <row r="1496" spans="4:5" x14ac:dyDescent="0.25">
      <c r="D1496" s="6">
        <v>580.21429999999998</v>
      </c>
      <c r="E1496" s="6">
        <v>548.67470000000003</v>
      </c>
    </row>
    <row r="1497" spans="4:5" x14ac:dyDescent="0.25">
      <c r="D1497" s="6">
        <v>1268.769</v>
      </c>
      <c r="E1497" s="6">
        <v>1892.73</v>
      </c>
    </row>
    <row r="1498" spans="4:5" x14ac:dyDescent="0.25">
      <c r="D1498" s="6">
        <v>1797.2639999999999</v>
      </c>
      <c r="E1498" s="6">
        <v>5061.4549999999999</v>
      </c>
    </row>
    <row r="1499" spans="4:5" x14ac:dyDescent="0.25">
      <c r="D1499" s="6">
        <v>7740.3850000000002</v>
      </c>
      <c r="E1499" s="6">
        <v>3506.5</v>
      </c>
    </row>
    <row r="1500" spans="4:5" x14ac:dyDescent="0.25">
      <c r="D1500" s="6">
        <v>7594.384</v>
      </c>
      <c r="E1500" s="6">
        <v>1302.2940000000001</v>
      </c>
    </row>
    <row r="1501" spans="4:5" x14ac:dyDescent="0.25">
      <c r="D1501" s="6">
        <v>836.44849999999997</v>
      </c>
      <c r="E1501" s="6">
        <v>503.17140000000001</v>
      </c>
    </row>
    <row r="1502" spans="4:5" x14ac:dyDescent="0.25">
      <c r="D1502" s="6">
        <v>4418.3999999999996</v>
      </c>
      <c r="E1502" s="6">
        <v>5379.5029999999997</v>
      </c>
    </row>
    <row r="1503" spans="4:5" x14ac:dyDescent="0.25">
      <c r="D1503" s="6">
        <v>1453.261</v>
      </c>
      <c r="E1503" s="6">
        <v>4303.1469999999999</v>
      </c>
    </row>
    <row r="1504" spans="4:5" x14ac:dyDescent="0.25">
      <c r="D1504" s="6">
        <v>850.13009999999997</v>
      </c>
      <c r="E1504" s="6">
        <v>548.92719999999997</v>
      </c>
    </row>
    <row r="1505" spans="4:5" x14ac:dyDescent="0.25">
      <c r="D1505" s="6">
        <v>6079.8220000000001</v>
      </c>
      <c r="E1505" s="6">
        <v>627.9289</v>
      </c>
    </row>
    <row r="1506" spans="4:5" x14ac:dyDescent="0.25">
      <c r="D1506" s="6">
        <v>5892</v>
      </c>
      <c r="E1506" s="6">
        <v>556.7749</v>
      </c>
    </row>
    <row r="1507" spans="4:5" x14ac:dyDescent="0.25">
      <c r="D1507" s="6">
        <v>1221.5150000000001</v>
      </c>
      <c r="E1507" s="6">
        <v>899.16480000000001</v>
      </c>
    </row>
    <row r="1508" spans="4:5" x14ac:dyDescent="0.25">
      <c r="D1508" s="6">
        <v>666.38279999999997</v>
      </c>
      <c r="E1508" s="6">
        <v>1105.095</v>
      </c>
    </row>
    <row r="1509" spans="4:5" x14ac:dyDescent="0.25">
      <c r="D1509" s="6">
        <v>2791.96</v>
      </c>
      <c r="E1509" s="6">
        <v>8947.9549999999999</v>
      </c>
    </row>
    <row r="1510" spans="4:5" x14ac:dyDescent="0.25">
      <c r="D1510" s="6">
        <v>937.04960000000005</v>
      </c>
      <c r="E1510" s="6">
        <v>746.37840000000006</v>
      </c>
    </row>
    <row r="1511" spans="4:5" x14ac:dyDescent="0.25">
      <c r="D1511" s="6">
        <v>777.22429999999997</v>
      </c>
      <c r="E1511" s="6">
        <v>644.01340000000005</v>
      </c>
    </row>
    <row r="1512" spans="4:5" x14ac:dyDescent="0.25">
      <c r="D1512" s="6">
        <v>1298.3530000000001</v>
      </c>
      <c r="E1512" s="6">
        <v>996.62019999999995</v>
      </c>
    </row>
    <row r="1513" spans="4:5" x14ac:dyDescent="0.25">
      <c r="D1513" s="6">
        <v>3001.9450000000002</v>
      </c>
      <c r="E1513" s="6">
        <v>889.19560000000001</v>
      </c>
    </row>
    <row r="1514" spans="4:5" x14ac:dyDescent="0.25">
      <c r="D1514" s="6">
        <v>615.68089999999995</v>
      </c>
      <c r="E1514" s="6">
        <v>709.92169999999999</v>
      </c>
    </row>
    <row r="1515" spans="4:5" x14ac:dyDescent="0.25">
      <c r="D1515" s="6">
        <v>917.34550000000002</v>
      </c>
      <c r="E1515" s="6">
        <v>792.94929999999999</v>
      </c>
    </row>
    <row r="1516" spans="4:5" x14ac:dyDescent="0.25">
      <c r="D1516" s="6">
        <v>814.12109999999996</v>
      </c>
      <c r="E1516" s="6">
        <v>5698.875</v>
      </c>
    </row>
    <row r="1517" spans="4:5" x14ac:dyDescent="0.25">
      <c r="D1517" s="6">
        <v>1053.604</v>
      </c>
      <c r="E1517" s="6">
        <v>2049.4560000000001</v>
      </c>
    </row>
    <row r="1518" spans="4:5" x14ac:dyDescent="0.25">
      <c r="D1518" s="6">
        <v>694.07809999999995</v>
      </c>
      <c r="E1518" s="6">
        <v>856.95500000000004</v>
      </c>
    </row>
    <row r="1519" spans="4:5" x14ac:dyDescent="0.25">
      <c r="D1519" s="6">
        <v>1098.203</v>
      </c>
      <c r="E1519" s="6">
        <v>546.60289999999998</v>
      </c>
    </row>
    <row r="1520" spans="4:5" x14ac:dyDescent="0.25">
      <c r="D1520" s="6">
        <v>622.57449999999994</v>
      </c>
      <c r="E1520" s="6">
        <v>651.75</v>
      </c>
    </row>
    <row r="1521" spans="4:5" x14ac:dyDescent="0.25">
      <c r="D1521" s="6">
        <v>1197.817</v>
      </c>
      <c r="E1521" s="6">
        <v>714.62660000000005</v>
      </c>
    </row>
    <row r="1522" spans="4:5" x14ac:dyDescent="0.25">
      <c r="D1522" s="6">
        <v>2838.7130000000002</v>
      </c>
      <c r="E1522" s="6">
        <v>984.11109999999996</v>
      </c>
    </row>
    <row r="1523" spans="4:5" x14ac:dyDescent="0.25">
      <c r="D1523" s="6">
        <v>948.52599999999995</v>
      </c>
      <c r="E1523" s="6">
        <v>633.83050000000003</v>
      </c>
    </row>
    <row r="1524" spans="4:5" x14ac:dyDescent="0.25">
      <c r="D1524" s="6">
        <v>866.13850000000002</v>
      </c>
      <c r="E1524" s="6">
        <v>1641.777</v>
      </c>
    </row>
    <row r="1525" spans="4:5" x14ac:dyDescent="0.25">
      <c r="D1525" s="6">
        <v>857.52570000000003</v>
      </c>
      <c r="E1525" s="6">
        <v>994.64739999999995</v>
      </c>
    </row>
    <row r="1526" spans="4:5" x14ac:dyDescent="0.25">
      <c r="D1526" s="6">
        <v>1255.184</v>
      </c>
      <c r="E1526" s="6">
        <v>1098.867</v>
      </c>
    </row>
    <row r="1527" spans="4:5" x14ac:dyDescent="0.25">
      <c r="D1527" s="6">
        <v>1087.25</v>
      </c>
      <c r="E1527" s="6">
        <v>1307.5999999999999</v>
      </c>
    </row>
    <row r="1528" spans="4:5" x14ac:dyDescent="0.25">
      <c r="D1528" s="6">
        <v>1305.6859999999999</v>
      </c>
      <c r="E1528" s="6">
        <v>634.86630000000002</v>
      </c>
    </row>
    <row r="1529" spans="4:5" x14ac:dyDescent="0.25">
      <c r="D1529" s="6">
        <v>2398.9360000000001</v>
      </c>
      <c r="E1529" s="6">
        <v>684.92650000000003</v>
      </c>
    </row>
    <row r="1530" spans="4:5" x14ac:dyDescent="0.25">
      <c r="D1530" s="6">
        <v>6945.7290000000003</v>
      </c>
      <c r="E1530" s="6">
        <v>648.25</v>
      </c>
    </row>
    <row r="1531" spans="4:5" x14ac:dyDescent="0.25">
      <c r="D1531" s="6">
        <v>4564.902</v>
      </c>
      <c r="E1531" s="6">
        <v>1593.912</v>
      </c>
    </row>
    <row r="1532" spans="4:5" x14ac:dyDescent="0.25">
      <c r="D1532" s="6">
        <v>418.62020000000001</v>
      </c>
      <c r="E1532" s="6">
        <v>697.21230000000003</v>
      </c>
    </row>
    <row r="1533" spans="4:5" x14ac:dyDescent="0.25">
      <c r="D1533" s="6">
        <v>818.54010000000005</v>
      </c>
      <c r="E1533" s="6">
        <v>285.83920000000001</v>
      </c>
    </row>
    <row r="1534" spans="4:5" x14ac:dyDescent="0.25">
      <c r="D1534" s="6">
        <v>8136.2579999999998</v>
      </c>
      <c r="E1534" s="6">
        <v>817.10069999999996</v>
      </c>
    </row>
    <row r="1535" spans="4:5" x14ac:dyDescent="0.25">
      <c r="D1535" s="6">
        <v>872.15049999999997</v>
      </c>
      <c r="E1535" s="6">
        <v>5306.01</v>
      </c>
    </row>
    <row r="1536" spans="4:5" x14ac:dyDescent="0.25">
      <c r="D1536" s="6">
        <v>641.79790000000003</v>
      </c>
      <c r="E1536" s="6">
        <v>5052.1930000000002</v>
      </c>
    </row>
    <row r="1537" spans="4:5" x14ac:dyDescent="0.25">
      <c r="D1537" s="6">
        <v>937.24279999999999</v>
      </c>
      <c r="E1537" s="6">
        <v>537.79790000000003</v>
      </c>
    </row>
    <row r="1538" spans="4:5" x14ac:dyDescent="0.25">
      <c r="D1538" s="6">
        <v>949.27650000000006</v>
      </c>
      <c r="E1538" s="6">
        <v>1099.761</v>
      </c>
    </row>
    <row r="1539" spans="4:5" x14ac:dyDescent="0.25">
      <c r="D1539" s="6">
        <v>6513.8670000000002</v>
      </c>
      <c r="E1539" s="6">
        <v>1832.423</v>
      </c>
    </row>
    <row r="1540" spans="4:5" x14ac:dyDescent="0.25">
      <c r="D1540" s="6">
        <v>628.81899999999996</v>
      </c>
      <c r="E1540" s="6">
        <v>687.4873</v>
      </c>
    </row>
    <row r="1541" spans="4:5" x14ac:dyDescent="0.25">
      <c r="D1541" s="6">
        <v>954.5127</v>
      </c>
      <c r="E1541" s="6">
        <v>2568.201</v>
      </c>
    </row>
    <row r="1542" spans="4:5" x14ac:dyDescent="0.25">
      <c r="D1542" s="6">
        <v>640.58460000000002</v>
      </c>
      <c r="E1542" s="6">
        <v>957.4298</v>
      </c>
    </row>
    <row r="1543" spans="4:5" x14ac:dyDescent="0.25">
      <c r="D1543" s="6">
        <v>1065.6089999999999</v>
      </c>
      <c r="E1543" s="6">
        <v>1302.52</v>
      </c>
    </row>
    <row r="1544" spans="4:5" x14ac:dyDescent="0.25">
      <c r="D1544" s="6">
        <v>831.05669999999998</v>
      </c>
      <c r="E1544" s="6">
        <v>1815.44</v>
      </c>
    </row>
    <row r="1545" spans="4:5" x14ac:dyDescent="0.25">
      <c r="D1545" s="6">
        <v>8310.2240000000002</v>
      </c>
      <c r="E1545" s="6">
        <v>5133.9290000000001</v>
      </c>
    </row>
    <row r="1546" spans="4:5" x14ac:dyDescent="0.25">
      <c r="D1546" s="6">
        <v>822.04859999999996</v>
      </c>
      <c r="E1546" s="6">
        <v>755.33330000000001</v>
      </c>
    </row>
    <row r="1547" spans="4:5" x14ac:dyDescent="0.25">
      <c r="D1547" s="6">
        <v>496.83769999999998</v>
      </c>
      <c r="E1547" s="6">
        <v>534.81209999999999</v>
      </c>
    </row>
    <row r="1548" spans="4:5" x14ac:dyDescent="0.25">
      <c r="D1548" s="6">
        <v>803.80780000000004</v>
      </c>
      <c r="E1548" s="6">
        <v>1399.529</v>
      </c>
    </row>
    <row r="1549" spans="4:5" x14ac:dyDescent="0.25">
      <c r="D1549" s="6">
        <v>777.60919999999999</v>
      </c>
      <c r="E1549" s="6">
        <v>1090.896</v>
      </c>
    </row>
    <row r="1550" spans="4:5" x14ac:dyDescent="0.25">
      <c r="D1550" s="6">
        <v>1158.856</v>
      </c>
      <c r="E1550" s="6">
        <v>684.34209999999996</v>
      </c>
    </row>
    <row r="1551" spans="4:5" x14ac:dyDescent="0.25">
      <c r="D1551" s="6">
        <v>893.1748</v>
      </c>
      <c r="E1551" s="6">
        <v>1095.566</v>
      </c>
    </row>
    <row r="1552" spans="4:5" x14ac:dyDescent="0.25">
      <c r="D1552" s="6">
        <v>768.92</v>
      </c>
      <c r="E1552" s="6">
        <v>5748.9470000000001</v>
      </c>
    </row>
    <row r="1553" spans="4:5" x14ac:dyDescent="0.25">
      <c r="D1553" s="6">
        <v>911.98580000000004</v>
      </c>
      <c r="E1553" s="6">
        <v>850.83780000000002</v>
      </c>
    </row>
    <row r="1554" spans="4:5" x14ac:dyDescent="0.25">
      <c r="D1554" s="6">
        <v>7219.2370000000001</v>
      </c>
      <c r="E1554" s="6">
        <v>1640.4680000000001</v>
      </c>
    </row>
    <row r="1555" spans="4:5" x14ac:dyDescent="0.25">
      <c r="D1555" s="6">
        <v>796.33960000000002</v>
      </c>
      <c r="E1555" s="6">
        <v>1476.0909999999999</v>
      </c>
    </row>
    <row r="1556" spans="4:5" x14ac:dyDescent="0.25">
      <c r="D1556" s="6">
        <v>644.46860000000004</v>
      </c>
      <c r="E1556" s="6">
        <v>560.16930000000002</v>
      </c>
    </row>
    <row r="1557" spans="4:5" x14ac:dyDescent="0.25">
      <c r="D1557" s="6">
        <v>2044.443</v>
      </c>
      <c r="E1557" s="6">
        <v>864.18370000000004</v>
      </c>
    </row>
    <row r="1558" spans="4:5" x14ac:dyDescent="0.25">
      <c r="D1558" s="6">
        <v>948</v>
      </c>
      <c r="E1558" s="6">
        <v>722.04200000000003</v>
      </c>
    </row>
    <row r="1559" spans="4:5" x14ac:dyDescent="0.25">
      <c r="D1559" s="6">
        <v>771.5951</v>
      </c>
      <c r="E1559" s="6">
        <v>3401.893</v>
      </c>
    </row>
    <row r="1560" spans="4:5" x14ac:dyDescent="0.25">
      <c r="D1560" s="6">
        <v>940.2559</v>
      </c>
      <c r="E1560" s="6">
        <v>712.95339999999999</v>
      </c>
    </row>
    <row r="1561" spans="4:5" x14ac:dyDescent="0.25">
      <c r="D1561" s="6">
        <v>4399.7430000000004</v>
      </c>
      <c r="E1561" s="6">
        <v>1683.932</v>
      </c>
    </row>
    <row r="1562" spans="4:5" x14ac:dyDescent="0.25">
      <c r="D1562" s="6">
        <v>8494.375</v>
      </c>
      <c r="E1562" s="6">
        <v>782.9579</v>
      </c>
    </row>
    <row r="1563" spans="4:5" x14ac:dyDescent="0.25">
      <c r="D1563" s="6">
        <v>923.90309999999999</v>
      </c>
      <c r="E1563" s="6">
        <v>1413.403</v>
      </c>
    </row>
    <row r="1564" spans="4:5" x14ac:dyDescent="0.25">
      <c r="D1564" s="6">
        <v>4402.3329999999996</v>
      </c>
      <c r="E1564" s="6">
        <v>3315.6669999999999</v>
      </c>
    </row>
    <row r="1565" spans="4:5" x14ac:dyDescent="0.25">
      <c r="D1565" s="6">
        <v>986.30489999999998</v>
      </c>
      <c r="E1565" s="6">
        <v>775.62900000000002</v>
      </c>
    </row>
    <row r="1566" spans="4:5" x14ac:dyDescent="0.25">
      <c r="D1566" s="6">
        <v>843.46519999999998</v>
      </c>
      <c r="E1566" s="6">
        <v>710.00930000000005</v>
      </c>
    </row>
    <row r="1567" spans="4:5" x14ac:dyDescent="0.25">
      <c r="D1567" s="6">
        <v>7174.5709999999999</v>
      </c>
      <c r="E1567" s="6">
        <v>1407.152</v>
      </c>
    </row>
    <row r="1568" spans="4:5" x14ac:dyDescent="0.25">
      <c r="D1568" s="6">
        <v>1006.0119999999999</v>
      </c>
      <c r="E1568" s="6">
        <v>6908.0110000000004</v>
      </c>
    </row>
    <row r="1569" spans="4:5" x14ac:dyDescent="0.25">
      <c r="D1569" s="6">
        <v>1490.7360000000001</v>
      </c>
      <c r="E1569" s="6">
        <v>1216.646</v>
      </c>
    </row>
    <row r="1570" spans="4:5" x14ac:dyDescent="0.25">
      <c r="D1570" s="6">
        <v>773.48379999999997</v>
      </c>
      <c r="E1570" s="6">
        <v>600.93060000000003</v>
      </c>
    </row>
    <row r="1571" spans="4:5" x14ac:dyDescent="0.25">
      <c r="D1571" s="6">
        <v>708.70690000000002</v>
      </c>
      <c r="E1571" s="6">
        <v>625.45839999999998</v>
      </c>
    </row>
    <row r="1572" spans="4:5" x14ac:dyDescent="0.25">
      <c r="D1572" s="6">
        <v>959.58330000000001</v>
      </c>
      <c r="E1572" s="6">
        <v>5224.4489999999996</v>
      </c>
    </row>
    <row r="1573" spans="4:5" x14ac:dyDescent="0.25">
      <c r="D1573" s="6">
        <v>825.53409999999997</v>
      </c>
      <c r="E1573" s="6">
        <v>732.01959999999997</v>
      </c>
    </row>
    <row r="1574" spans="4:5" x14ac:dyDescent="0.25">
      <c r="D1574" s="6">
        <v>729.61159999999995</v>
      </c>
      <c r="E1574" s="6">
        <v>1269.136</v>
      </c>
    </row>
    <row r="1575" spans="4:5" x14ac:dyDescent="0.25">
      <c r="D1575" s="6">
        <v>9954.9500000000007</v>
      </c>
      <c r="E1575" s="6">
        <v>800.63760000000002</v>
      </c>
    </row>
    <row r="1576" spans="4:5" x14ac:dyDescent="0.25">
      <c r="D1576" s="6">
        <v>785.26300000000003</v>
      </c>
      <c r="E1576" s="6">
        <v>1264</v>
      </c>
    </row>
    <row r="1577" spans="4:5" x14ac:dyDescent="0.25">
      <c r="D1577" s="6">
        <v>487.07510000000002</v>
      </c>
      <c r="E1577" s="6">
        <v>729.54280000000006</v>
      </c>
    </row>
    <row r="1578" spans="4:5" x14ac:dyDescent="0.25">
      <c r="D1578" s="6">
        <v>4965.3689999999997</v>
      </c>
      <c r="E1578" s="6">
        <v>7665.9750000000004</v>
      </c>
    </row>
    <row r="1579" spans="4:5" x14ac:dyDescent="0.25">
      <c r="D1579" s="6">
        <v>1012.18</v>
      </c>
      <c r="E1579" s="6">
        <v>1065.3389999999999</v>
      </c>
    </row>
    <row r="1580" spans="4:5" x14ac:dyDescent="0.25">
      <c r="D1580" s="6">
        <v>1114.454</v>
      </c>
      <c r="E1580" s="6">
        <v>808.86149999999998</v>
      </c>
    </row>
    <row r="1581" spans="4:5" x14ac:dyDescent="0.25">
      <c r="D1581" s="6">
        <v>950.50220000000002</v>
      </c>
      <c r="E1581" s="6">
        <v>7110.08</v>
      </c>
    </row>
    <row r="1582" spans="4:5" x14ac:dyDescent="0.25">
      <c r="D1582" s="6">
        <v>650.62559999999996</v>
      </c>
      <c r="E1582" s="6">
        <v>5338.1989999999996</v>
      </c>
    </row>
    <row r="1583" spans="4:5" x14ac:dyDescent="0.25">
      <c r="D1583" s="6">
        <v>861.48019999999997</v>
      </c>
      <c r="E1583" s="6">
        <v>715.62519999999995</v>
      </c>
    </row>
    <row r="1584" spans="4:5" x14ac:dyDescent="0.25">
      <c r="D1584" s="6">
        <v>3503.8820000000001</v>
      </c>
      <c r="E1584" s="6">
        <v>592.0453</v>
      </c>
    </row>
    <row r="1585" spans="4:5" x14ac:dyDescent="0.25">
      <c r="D1585" s="6">
        <v>2266.2640000000001</v>
      </c>
      <c r="E1585" s="6">
        <v>5626.1490000000003</v>
      </c>
    </row>
    <row r="1586" spans="4:5" x14ac:dyDescent="0.25">
      <c r="D1586" s="6">
        <v>7651.1679999999997</v>
      </c>
      <c r="E1586" s="6">
        <v>5501.9080000000004</v>
      </c>
    </row>
    <row r="1587" spans="4:5" x14ac:dyDescent="0.25">
      <c r="D1587" s="6">
        <v>5781.0150000000003</v>
      </c>
      <c r="E1587" s="6">
        <v>442.24189999999999</v>
      </c>
    </row>
    <row r="1588" spans="4:5" x14ac:dyDescent="0.25">
      <c r="D1588" s="6">
        <v>800.7885</v>
      </c>
      <c r="E1588" s="6">
        <v>3907.9169999999999</v>
      </c>
    </row>
    <row r="1589" spans="4:5" x14ac:dyDescent="0.25">
      <c r="D1589" s="6">
        <v>1725.2380000000001</v>
      </c>
      <c r="E1589" s="6">
        <v>668.32709999999997</v>
      </c>
    </row>
    <row r="1590" spans="4:5" x14ac:dyDescent="0.25">
      <c r="D1590" s="6">
        <v>535.86009999999999</v>
      </c>
      <c r="E1590" s="6">
        <v>6147.4030000000002</v>
      </c>
    </row>
    <row r="1591" spans="4:5" x14ac:dyDescent="0.25">
      <c r="D1591" s="6">
        <v>881.19579999999996</v>
      </c>
      <c r="E1591" s="6">
        <v>881.17610000000002</v>
      </c>
    </row>
    <row r="1592" spans="4:5" x14ac:dyDescent="0.25">
      <c r="D1592" s="6">
        <v>1065.4000000000001</v>
      </c>
      <c r="E1592" s="6">
        <v>907.0702</v>
      </c>
    </row>
    <row r="1593" spans="4:5" x14ac:dyDescent="0.25">
      <c r="D1593" s="6">
        <v>6017.7759999999998</v>
      </c>
      <c r="E1593" s="6">
        <v>827.45630000000006</v>
      </c>
    </row>
    <row r="1594" spans="4:5" x14ac:dyDescent="0.25">
      <c r="D1594" s="6">
        <v>887.38030000000003</v>
      </c>
      <c r="E1594" s="6">
        <v>1069</v>
      </c>
    </row>
    <row r="1595" spans="4:5" x14ac:dyDescent="0.25">
      <c r="D1595" s="6">
        <v>682.61609999999996</v>
      </c>
      <c r="E1595" s="6">
        <v>813.30349999999999</v>
      </c>
    </row>
    <row r="1596" spans="4:5" x14ac:dyDescent="0.25">
      <c r="D1596" s="6">
        <v>862.29300000000001</v>
      </c>
      <c r="E1596" s="6">
        <v>6075</v>
      </c>
    </row>
    <row r="1597" spans="4:5" x14ac:dyDescent="0.25">
      <c r="D1597" s="6">
        <v>759.88639999999998</v>
      </c>
      <c r="E1597" s="6">
        <v>900.3854</v>
      </c>
    </row>
    <row r="1598" spans="4:5" x14ac:dyDescent="0.25">
      <c r="D1598" s="6">
        <v>5580.1379999999999</v>
      </c>
      <c r="E1598" s="6">
        <v>890.06979999999999</v>
      </c>
    </row>
    <row r="1599" spans="4:5" x14ac:dyDescent="0.25">
      <c r="D1599" s="6">
        <v>645.74270000000001</v>
      </c>
      <c r="E1599" s="6">
        <v>712.18979999999999</v>
      </c>
    </row>
    <row r="1600" spans="4:5" x14ac:dyDescent="0.25">
      <c r="D1600" s="6">
        <v>604.5566</v>
      </c>
      <c r="E1600" s="6">
        <v>797.93949999999995</v>
      </c>
    </row>
    <row r="1601" spans="4:5" x14ac:dyDescent="0.25">
      <c r="D1601" s="6">
        <v>6350.4350000000004</v>
      </c>
      <c r="E1601" s="6">
        <v>684.34169999999995</v>
      </c>
    </row>
    <row r="1602" spans="4:5" x14ac:dyDescent="0.25">
      <c r="D1602" s="6">
        <v>3297.636</v>
      </c>
      <c r="E1602" s="6">
        <v>8051.8509999999997</v>
      </c>
    </row>
    <row r="1603" spans="4:5" x14ac:dyDescent="0.25">
      <c r="D1603" s="6">
        <v>2070.5</v>
      </c>
      <c r="E1603" s="6">
        <v>808.54549999999995</v>
      </c>
    </row>
    <row r="1604" spans="4:5" x14ac:dyDescent="0.25">
      <c r="D1604" s="6">
        <v>1039.396</v>
      </c>
      <c r="E1604" s="6">
        <v>601.33240000000001</v>
      </c>
    </row>
    <row r="1605" spans="4:5" x14ac:dyDescent="0.25">
      <c r="D1605" s="6">
        <v>942.15179999999998</v>
      </c>
      <c r="E1605" s="6">
        <v>4851.62</v>
      </c>
    </row>
    <row r="1606" spans="4:5" x14ac:dyDescent="0.25">
      <c r="D1606" s="6">
        <v>880.23680000000002</v>
      </c>
      <c r="E1606" s="6">
        <v>654.34130000000005</v>
      </c>
    </row>
    <row r="1607" spans="4:5" x14ac:dyDescent="0.25">
      <c r="D1607" s="6">
        <v>917.33989999999994</v>
      </c>
      <c r="E1607" s="6">
        <v>5802.3609999999999</v>
      </c>
    </row>
    <row r="1608" spans="4:5" x14ac:dyDescent="0.25">
      <c r="D1608" s="6">
        <v>816.20640000000003</v>
      </c>
      <c r="E1608" s="6">
        <v>5171.8549999999996</v>
      </c>
    </row>
    <row r="1609" spans="4:5" x14ac:dyDescent="0.25">
      <c r="D1609" s="6">
        <v>1060.5509999999999</v>
      </c>
      <c r="E1609" s="6">
        <v>968</v>
      </c>
    </row>
    <row r="1610" spans="4:5" x14ac:dyDescent="0.25">
      <c r="D1610" s="6">
        <v>865.88030000000003</v>
      </c>
      <c r="E1610" s="6">
        <v>738.19749999999999</v>
      </c>
    </row>
    <row r="1611" spans="4:5" x14ac:dyDescent="0.25">
      <c r="D1611" s="6">
        <v>7596.7910000000002</v>
      </c>
      <c r="E1611" s="6">
        <v>4018.6990000000001</v>
      </c>
    </row>
    <row r="1612" spans="4:5" x14ac:dyDescent="0.25">
      <c r="D1612" s="6">
        <v>1052.3630000000001</v>
      </c>
      <c r="E1612" s="6">
        <v>664.36540000000002</v>
      </c>
    </row>
    <row r="1613" spans="4:5" x14ac:dyDescent="0.25">
      <c r="D1613" s="6">
        <v>879.21990000000005</v>
      </c>
      <c r="E1613" s="6">
        <v>5632.009</v>
      </c>
    </row>
    <row r="1614" spans="4:5" x14ac:dyDescent="0.25">
      <c r="D1614" s="6">
        <v>646.47199999999998</v>
      </c>
      <c r="E1614" s="6">
        <v>738.10530000000006</v>
      </c>
    </row>
    <row r="1615" spans="4:5" x14ac:dyDescent="0.25">
      <c r="D1615" s="6">
        <v>656.63930000000005</v>
      </c>
      <c r="E1615" s="6">
        <v>4801.3829999999998</v>
      </c>
    </row>
    <row r="1616" spans="4:5" x14ac:dyDescent="0.25">
      <c r="D1616" s="6">
        <v>9661.1890000000003</v>
      </c>
      <c r="E1616" s="6">
        <v>695.52300000000002</v>
      </c>
    </row>
    <row r="1617" spans="4:5" x14ac:dyDescent="0.25">
      <c r="D1617" s="6">
        <v>742.94560000000001</v>
      </c>
      <c r="E1617" s="6">
        <v>745.12130000000002</v>
      </c>
    </row>
    <row r="1618" spans="4:5" x14ac:dyDescent="0.25">
      <c r="D1618" s="6">
        <v>6403.0720000000001</v>
      </c>
      <c r="E1618" s="6">
        <v>705.42269999999996</v>
      </c>
    </row>
    <row r="1619" spans="4:5" x14ac:dyDescent="0.25">
      <c r="D1619" s="6">
        <v>954.30280000000005</v>
      </c>
      <c r="E1619" s="6">
        <v>676.53219999999999</v>
      </c>
    </row>
    <row r="1620" spans="4:5" x14ac:dyDescent="0.25">
      <c r="D1620" s="6">
        <v>7362.3530000000001</v>
      </c>
      <c r="E1620" s="6">
        <v>749.05650000000003</v>
      </c>
    </row>
    <row r="1621" spans="4:5" x14ac:dyDescent="0.25">
      <c r="D1621" s="6">
        <v>665.6635</v>
      </c>
      <c r="E1621" s="6">
        <v>775.08199999999999</v>
      </c>
    </row>
    <row r="1622" spans="4:5" x14ac:dyDescent="0.25">
      <c r="D1622" s="6">
        <v>590.91669999999999</v>
      </c>
      <c r="E1622" s="6">
        <v>926.4502</v>
      </c>
    </row>
    <row r="1623" spans="4:5" x14ac:dyDescent="0.25">
      <c r="D1623" s="6">
        <v>1664.0709999999999</v>
      </c>
      <c r="E1623" s="6">
        <v>1095.2760000000001</v>
      </c>
    </row>
    <row r="1624" spans="4:5" x14ac:dyDescent="0.25">
      <c r="D1624" s="6">
        <v>706</v>
      </c>
      <c r="E1624" s="6">
        <v>781.90340000000003</v>
      </c>
    </row>
    <row r="1625" spans="4:5" x14ac:dyDescent="0.25">
      <c r="D1625" s="6">
        <v>1075.328</v>
      </c>
      <c r="E1625" s="6">
        <v>4570.9530000000004</v>
      </c>
    </row>
    <row r="1626" spans="4:5" x14ac:dyDescent="0.25">
      <c r="D1626" s="6">
        <v>559.59789999999998</v>
      </c>
      <c r="E1626" s="6">
        <v>668.92370000000005</v>
      </c>
    </row>
    <row r="1627" spans="4:5" x14ac:dyDescent="0.25">
      <c r="D1627" s="6">
        <v>4537.7449999999999</v>
      </c>
      <c r="E1627" s="6">
        <v>684.10509999999999</v>
      </c>
    </row>
    <row r="1628" spans="4:5" x14ac:dyDescent="0.25">
      <c r="D1628" s="6">
        <v>663.28800000000001</v>
      </c>
      <c r="E1628" s="6">
        <v>664.13390000000004</v>
      </c>
    </row>
    <row r="1629" spans="4:5" x14ac:dyDescent="0.25">
      <c r="D1629" s="6">
        <v>636.31719999999996</v>
      </c>
      <c r="E1629" s="6">
        <v>622.08249999999998</v>
      </c>
    </row>
    <row r="1630" spans="4:5" x14ac:dyDescent="0.25">
      <c r="D1630" s="6">
        <v>2064.4679999999998</v>
      </c>
      <c r="E1630" s="6">
        <v>3657.4490000000001</v>
      </c>
    </row>
    <row r="1631" spans="4:5" x14ac:dyDescent="0.25">
      <c r="D1631" s="6">
        <v>701.70429999999999</v>
      </c>
      <c r="E1631" s="6">
        <v>1684.5139999999999</v>
      </c>
    </row>
    <row r="1632" spans="4:5" x14ac:dyDescent="0.25">
      <c r="D1632" s="6">
        <v>949.68050000000005</v>
      </c>
      <c r="E1632" s="6">
        <v>745.54669999999999</v>
      </c>
    </row>
    <row r="1633" spans="4:5" x14ac:dyDescent="0.25">
      <c r="D1633" s="6">
        <v>809.81050000000005</v>
      </c>
      <c r="E1633" s="6">
        <v>850.471</v>
      </c>
    </row>
    <row r="1634" spans="4:5" x14ac:dyDescent="0.25">
      <c r="D1634" s="6">
        <v>1490.53</v>
      </c>
      <c r="E1634" s="6">
        <v>1098.357</v>
      </c>
    </row>
    <row r="1635" spans="4:5" x14ac:dyDescent="0.25">
      <c r="D1635" s="6">
        <v>1284.8309999999999</v>
      </c>
      <c r="E1635" s="6">
        <v>1057.4000000000001</v>
      </c>
    </row>
    <row r="1636" spans="4:5" x14ac:dyDescent="0.25">
      <c r="D1636" s="6">
        <v>1011.7859999999999</v>
      </c>
      <c r="E1636" s="6">
        <v>1498.4939999999999</v>
      </c>
    </row>
    <row r="1637" spans="4:5" x14ac:dyDescent="0.25">
      <c r="D1637" s="6">
        <v>3505.0810000000001</v>
      </c>
      <c r="E1637" s="6">
        <v>687.69439999999997</v>
      </c>
    </row>
    <row r="1638" spans="4:5" x14ac:dyDescent="0.25">
      <c r="D1638" s="6">
        <v>668.6028</v>
      </c>
      <c r="E1638" s="6">
        <v>3916.2080000000001</v>
      </c>
    </row>
    <row r="1639" spans="4:5" x14ac:dyDescent="0.25">
      <c r="D1639" s="6">
        <v>715.4117</v>
      </c>
      <c r="E1639" s="6">
        <v>514.62570000000005</v>
      </c>
    </row>
    <row r="1640" spans="4:5" x14ac:dyDescent="0.25">
      <c r="D1640" s="6">
        <v>883.97649999999999</v>
      </c>
      <c r="E1640" s="6">
        <v>410.4504</v>
      </c>
    </row>
    <row r="1641" spans="4:5" x14ac:dyDescent="0.25">
      <c r="D1641" s="6">
        <v>871.90260000000001</v>
      </c>
      <c r="E1641" s="6">
        <v>1755.97</v>
      </c>
    </row>
    <row r="1642" spans="4:5" x14ac:dyDescent="0.25">
      <c r="D1642" s="6">
        <v>820.93589999999995</v>
      </c>
      <c r="E1642" s="6">
        <v>526.95159999999998</v>
      </c>
    </row>
    <row r="1643" spans="4:5" x14ac:dyDescent="0.25">
      <c r="D1643" s="6">
        <v>547.06560000000002</v>
      </c>
      <c r="E1643" s="6">
        <v>822.27660000000003</v>
      </c>
    </row>
    <row r="1644" spans="4:5" x14ac:dyDescent="0.25">
      <c r="D1644" s="6">
        <v>892.39030000000002</v>
      </c>
      <c r="E1644" s="6">
        <v>4822.3549999999996</v>
      </c>
    </row>
    <row r="1645" spans="4:5" x14ac:dyDescent="0.25">
      <c r="D1645" s="6">
        <v>476.69900000000001</v>
      </c>
      <c r="E1645" s="6">
        <v>1552.981</v>
      </c>
    </row>
    <row r="1646" spans="4:5" x14ac:dyDescent="0.25">
      <c r="D1646" s="6">
        <v>1174.463</v>
      </c>
      <c r="E1646" s="6">
        <v>803.00990000000002</v>
      </c>
    </row>
    <row r="1647" spans="4:5" x14ac:dyDescent="0.25">
      <c r="D1647" s="6">
        <v>742.90779999999995</v>
      </c>
      <c r="E1647" s="6">
        <v>1524.5129999999999</v>
      </c>
    </row>
    <row r="1648" spans="4:5" x14ac:dyDescent="0.25">
      <c r="D1648" s="6">
        <v>1077.819</v>
      </c>
      <c r="E1648" s="6">
        <v>7459.25</v>
      </c>
    </row>
    <row r="1649" spans="4:5" x14ac:dyDescent="0.25">
      <c r="D1649" s="6">
        <v>887.29049999999995</v>
      </c>
      <c r="E1649" s="6">
        <v>577.53920000000005</v>
      </c>
    </row>
    <row r="1650" spans="4:5" x14ac:dyDescent="0.25">
      <c r="D1650" s="6">
        <v>1114.4380000000001</v>
      </c>
      <c r="E1650" s="6">
        <v>345.62619999999998</v>
      </c>
    </row>
    <row r="1651" spans="4:5" x14ac:dyDescent="0.25">
      <c r="D1651" s="6">
        <v>1813.278</v>
      </c>
      <c r="E1651" s="6">
        <v>814.2509</v>
      </c>
    </row>
    <row r="1652" spans="4:5" x14ac:dyDescent="0.25">
      <c r="D1652" s="6">
        <v>8654.4539999999997</v>
      </c>
      <c r="E1652" s="6">
        <v>662.93290000000002</v>
      </c>
    </row>
    <row r="1653" spans="4:5" x14ac:dyDescent="0.25">
      <c r="D1653" s="6">
        <v>894.2287</v>
      </c>
      <c r="E1653" s="6">
        <v>1610.9480000000001</v>
      </c>
    </row>
    <row r="1654" spans="4:5" x14ac:dyDescent="0.25">
      <c r="D1654" s="6">
        <v>797.61090000000002</v>
      </c>
      <c r="E1654" s="6">
        <v>784.39819999999997</v>
      </c>
    </row>
    <row r="1655" spans="4:5" x14ac:dyDescent="0.25">
      <c r="D1655" s="6">
        <v>642.64660000000003</v>
      </c>
      <c r="E1655" s="6">
        <v>767.73599999999999</v>
      </c>
    </row>
    <row r="1656" spans="4:5" x14ac:dyDescent="0.25">
      <c r="D1656" s="6">
        <v>3218.8310000000001</v>
      </c>
      <c r="E1656" s="6">
        <v>743.72019999999998</v>
      </c>
    </row>
    <row r="1657" spans="4:5" x14ac:dyDescent="0.25">
      <c r="D1657" s="6">
        <v>5878.777</v>
      </c>
      <c r="E1657" s="6">
        <v>4851.1009999999997</v>
      </c>
    </row>
    <row r="1658" spans="4:5" x14ac:dyDescent="0.25">
      <c r="D1658" s="6">
        <v>1827.47</v>
      </c>
      <c r="E1658" s="6">
        <v>5950.826</v>
      </c>
    </row>
    <row r="1659" spans="4:5" x14ac:dyDescent="0.25">
      <c r="D1659" s="6">
        <v>877.23649999999998</v>
      </c>
      <c r="E1659" s="6">
        <v>608.23</v>
      </c>
    </row>
    <row r="1660" spans="4:5" x14ac:dyDescent="0.25">
      <c r="D1660" s="6">
        <v>586.61649999999997</v>
      </c>
      <c r="E1660" s="6">
        <v>5231.7939999999999</v>
      </c>
    </row>
    <row r="1661" spans="4:5" x14ac:dyDescent="0.25">
      <c r="D1661" s="6">
        <v>735.39020000000005</v>
      </c>
      <c r="E1661" s="6">
        <v>515.38720000000001</v>
      </c>
    </row>
    <row r="1662" spans="4:5" x14ac:dyDescent="0.25">
      <c r="D1662" s="6">
        <v>6413.8639999999996</v>
      </c>
      <c r="E1662" s="6">
        <v>938.12609999999995</v>
      </c>
    </row>
    <row r="1663" spans="4:5" x14ac:dyDescent="0.25">
      <c r="D1663" s="6">
        <v>924.28219999999999</v>
      </c>
      <c r="E1663" s="6">
        <v>6267.9589999999998</v>
      </c>
    </row>
    <row r="1664" spans="4:5" x14ac:dyDescent="0.25">
      <c r="D1664" s="6">
        <v>976.4742</v>
      </c>
      <c r="E1664" s="6">
        <v>5299.2529999999997</v>
      </c>
    </row>
    <row r="1665" spans="4:5" x14ac:dyDescent="0.25">
      <c r="D1665" s="6">
        <v>6488.0249999999996</v>
      </c>
      <c r="E1665" s="6">
        <v>600.12879999999996</v>
      </c>
    </row>
    <row r="1666" spans="4:5" x14ac:dyDescent="0.25">
      <c r="D1666" s="6">
        <v>5313.2039999999997</v>
      </c>
      <c r="E1666" s="6">
        <v>924.0652</v>
      </c>
    </row>
    <row r="1667" spans="4:5" x14ac:dyDescent="0.25">
      <c r="D1667" s="6">
        <v>819.91300000000001</v>
      </c>
      <c r="E1667" s="6">
        <v>609.63900000000001</v>
      </c>
    </row>
    <row r="1668" spans="4:5" x14ac:dyDescent="0.25">
      <c r="D1668" s="6">
        <v>820.43989999999997</v>
      </c>
      <c r="E1668" s="6">
        <v>702.48699999999997</v>
      </c>
    </row>
    <row r="1669" spans="4:5" x14ac:dyDescent="0.25">
      <c r="D1669" s="6">
        <v>678.8972</v>
      </c>
      <c r="E1669" s="6">
        <v>662.33040000000005</v>
      </c>
    </row>
    <row r="1670" spans="4:5" x14ac:dyDescent="0.25">
      <c r="D1670" s="6">
        <v>523.86440000000005</v>
      </c>
      <c r="E1670" s="6">
        <v>932.9271</v>
      </c>
    </row>
    <row r="1671" spans="4:5" x14ac:dyDescent="0.25">
      <c r="D1671" s="6">
        <v>7526.4219999999996</v>
      </c>
      <c r="E1671" s="6">
        <v>702.92769999999996</v>
      </c>
    </row>
    <row r="1672" spans="4:5" x14ac:dyDescent="0.25">
      <c r="D1672" s="6">
        <v>5915.9269999999997</v>
      </c>
      <c r="E1672" s="6">
        <v>611.35540000000003</v>
      </c>
    </row>
    <row r="1673" spans="4:5" x14ac:dyDescent="0.25">
      <c r="D1673" s="6">
        <v>631.84960000000001</v>
      </c>
      <c r="E1673" s="6">
        <v>1085.6010000000001</v>
      </c>
    </row>
    <row r="1674" spans="4:5" x14ac:dyDescent="0.25">
      <c r="D1674" s="6">
        <v>702.70899999999995</v>
      </c>
      <c r="E1674" s="6">
        <v>1075.846</v>
      </c>
    </row>
    <row r="1675" spans="4:5" x14ac:dyDescent="0.25">
      <c r="D1675" s="6">
        <v>1906.059</v>
      </c>
      <c r="E1675" s="6">
        <v>878.88469999999995</v>
      </c>
    </row>
    <row r="1676" spans="4:5" x14ac:dyDescent="0.25">
      <c r="D1676" s="6">
        <v>4006.4470000000001</v>
      </c>
      <c r="E1676" s="6">
        <v>1264.5</v>
      </c>
    </row>
    <row r="1677" spans="4:5" x14ac:dyDescent="0.25">
      <c r="D1677" s="6">
        <v>699.19749999999999</v>
      </c>
      <c r="E1677" s="6">
        <v>592.822</v>
      </c>
    </row>
    <row r="1678" spans="4:5" x14ac:dyDescent="0.25">
      <c r="D1678" s="6">
        <v>6963.3419999999996</v>
      </c>
      <c r="E1678" s="6">
        <v>677.04219999999998</v>
      </c>
    </row>
    <row r="1679" spans="4:5" x14ac:dyDescent="0.25">
      <c r="D1679" s="6">
        <v>709.32659999999998</v>
      </c>
      <c r="E1679" s="6">
        <v>651.12440000000004</v>
      </c>
    </row>
    <row r="1680" spans="4:5" x14ac:dyDescent="0.25">
      <c r="D1680" s="6">
        <v>732.32860000000005</v>
      </c>
      <c r="E1680" s="6">
        <v>5242.8760000000002</v>
      </c>
    </row>
    <row r="1681" spans="4:5" x14ac:dyDescent="0.25">
      <c r="D1681" s="6">
        <v>681.76800000000003</v>
      </c>
      <c r="E1681" s="6">
        <v>2629.75</v>
      </c>
    </row>
    <row r="1682" spans="4:5" x14ac:dyDescent="0.25">
      <c r="D1682" s="6">
        <v>1730.0719999999999</v>
      </c>
      <c r="E1682" s="6">
        <v>699.91949999999997</v>
      </c>
    </row>
    <row r="1683" spans="4:5" x14ac:dyDescent="0.25">
      <c r="D1683" s="6">
        <v>840.75</v>
      </c>
      <c r="E1683" s="6">
        <v>712.22850000000005</v>
      </c>
    </row>
    <row r="1684" spans="4:5" x14ac:dyDescent="0.25">
      <c r="D1684" s="6">
        <v>5956.2190000000001</v>
      </c>
      <c r="E1684" s="6">
        <v>873.67750000000001</v>
      </c>
    </row>
    <row r="1685" spans="4:5" x14ac:dyDescent="0.25">
      <c r="D1685" s="6">
        <v>9414.4490000000005</v>
      </c>
      <c r="E1685" s="6">
        <v>825.35479999999995</v>
      </c>
    </row>
    <row r="1686" spans="4:5" x14ac:dyDescent="0.25">
      <c r="D1686" s="6">
        <v>2614</v>
      </c>
      <c r="E1686" s="6">
        <v>633.94979999999998</v>
      </c>
    </row>
    <row r="1687" spans="4:5" x14ac:dyDescent="0.25">
      <c r="D1687" s="6">
        <v>818.76070000000004</v>
      </c>
      <c r="E1687" s="6">
        <v>4863.2700000000004</v>
      </c>
    </row>
    <row r="1688" spans="4:5" x14ac:dyDescent="0.25">
      <c r="D1688" s="6">
        <v>971.7423</v>
      </c>
      <c r="E1688" s="6">
        <v>1085.672</v>
      </c>
    </row>
    <row r="1689" spans="4:5" x14ac:dyDescent="0.25">
      <c r="D1689" s="6">
        <v>857.56280000000004</v>
      </c>
      <c r="E1689" s="6">
        <v>4934.7889999999998</v>
      </c>
    </row>
    <row r="1690" spans="4:5" x14ac:dyDescent="0.25">
      <c r="D1690" s="6">
        <v>714.3433</v>
      </c>
      <c r="E1690" s="6">
        <v>988.08</v>
      </c>
    </row>
    <row r="1691" spans="4:5" x14ac:dyDescent="0.25">
      <c r="D1691" s="6">
        <v>2679.4540000000002</v>
      </c>
      <c r="E1691" s="6">
        <v>3498.098</v>
      </c>
    </row>
    <row r="1692" spans="4:5" x14ac:dyDescent="0.25">
      <c r="D1692" s="6">
        <v>716.46</v>
      </c>
      <c r="E1692" s="6">
        <v>1255.825</v>
      </c>
    </row>
    <row r="1693" spans="4:5" x14ac:dyDescent="0.25">
      <c r="D1693" s="6">
        <v>7587.2309999999998</v>
      </c>
      <c r="E1693" s="6">
        <v>842.57069999999999</v>
      </c>
    </row>
    <row r="1694" spans="4:5" x14ac:dyDescent="0.25">
      <c r="D1694" s="6">
        <v>927.60019999999997</v>
      </c>
      <c r="E1694" s="6">
        <v>560.25</v>
      </c>
    </row>
    <row r="1695" spans="4:5" x14ac:dyDescent="0.25">
      <c r="D1695" s="6">
        <v>684.8279</v>
      </c>
      <c r="E1695" s="6">
        <v>741.74559999999997</v>
      </c>
    </row>
    <row r="1696" spans="4:5" x14ac:dyDescent="0.25">
      <c r="D1696" s="6">
        <v>591.16669999999999</v>
      </c>
      <c r="E1696" s="6">
        <v>8757.0020000000004</v>
      </c>
    </row>
    <row r="1697" spans="4:5" x14ac:dyDescent="0.25">
      <c r="D1697" s="6">
        <v>1302.921</v>
      </c>
      <c r="E1697" s="6">
        <v>4243.5209999999997</v>
      </c>
    </row>
    <row r="1698" spans="4:5" x14ac:dyDescent="0.25">
      <c r="D1698" s="6">
        <v>523.096</v>
      </c>
      <c r="E1698" s="6">
        <v>1192.2670000000001</v>
      </c>
    </row>
    <row r="1699" spans="4:5" x14ac:dyDescent="0.25">
      <c r="D1699" s="6">
        <v>5965.893</v>
      </c>
      <c r="E1699" s="6">
        <v>816.79390000000001</v>
      </c>
    </row>
    <row r="1700" spans="4:5" x14ac:dyDescent="0.25">
      <c r="D1700" s="6">
        <v>651.73119999999994</v>
      </c>
      <c r="E1700" s="6">
        <v>531.78309999999999</v>
      </c>
    </row>
    <row r="1701" spans="4:5" x14ac:dyDescent="0.25">
      <c r="D1701" s="6">
        <v>1047.481</v>
      </c>
      <c r="E1701" s="6">
        <v>2357.8649999999998</v>
      </c>
    </row>
    <row r="1702" spans="4:5" x14ac:dyDescent="0.25">
      <c r="D1702" s="6">
        <v>671.36569999999995</v>
      </c>
      <c r="E1702" s="6">
        <v>5567.7089999999998</v>
      </c>
    </row>
    <row r="1703" spans="4:5" x14ac:dyDescent="0.25">
      <c r="D1703" s="6">
        <v>831.03009999999995</v>
      </c>
      <c r="E1703" s="6">
        <v>599.32330000000002</v>
      </c>
    </row>
    <row r="1704" spans="4:5" x14ac:dyDescent="0.25">
      <c r="D1704" s="6">
        <v>1023.516</v>
      </c>
      <c r="E1704" s="6">
        <v>685.37049999999999</v>
      </c>
    </row>
    <row r="1705" spans="4:5" x14ac:dyDescent="0.25">
      <c r="D1705" s="6">
        <v>814.83879999999999</v>
      </c>
      <c r="E1705" s="6">
        <v>2774.3560000000002</v>
      </c>
    </row>
    <row r="1706" spans="4:5" x14ac:dyDescent="0.25">
      <c r="D1706" s="6">
        <v>540.70870000000002</v>
      </c>
      <c r="E1706" s="6">
        <v>602.16780000000006</v>
      </c>
    </row>
    <row r="1707" spans="4:5" x14ac:dyDescent="0.25">
      <c r="D1707" s="6">
        <v>5767.7939999999999</v>
      </c>
      <c r="E1707" s="6">
        <v>818.83979999999997</v>
      </c>
    </row>
    <row r="1708" spans="4:5" x14ac:dyDescent="0.25">
      <c r="D1708" s="6">
        <v>693.52919999999995</v>
      </c>
      <c r="E1708" s="6">
        <v>660.28869999999995</v>
      </c>
    </row>
    <row r="1709" spans="4:5" x14ac:dyDescent="0.25">
      <c r="D1709" s="6">
        <v>886.5693</v>
      </c>
      <c r="E1709" s="6">
        <v>4957.1059999999998</v>
      </c>
    </row>
    <row r="1710" spans="4:5" x14ac:dyDescent="0.25">
      <c r="D1710" s="6">
        <v>2116.7359999999999</v>
      </c>
      <c r="E1710" s="6">
        <v>1110.7660000000001</v>
      </c>
    </row>
    <row r="1711" spans="4:5" x14ac:dyDescent="0.25">
      <c r="D1711" s="6">
        <v>5175.2690000000002</v>
      </c>
      <c r="E1711" s="6">
        <v>4221.491</v>
      </c>
    </row>
    <row r="1712" spans="4:5" x14ac:dyDescent="0.25">
      <c r="D1712" s="6">
        <v>639.62800000000004</v>
      </c>
      <c r="E1712" s="6">
        <v>537.89419999999996</v>
      </c>
    </row>
    <row r="1713" spans="4:5" x14ac:dyDescent="0.25">
      <c r="D1713" s="6">
        <v>565.33079999999995</v>
      </c>
      <c r="E1713" s="6">
        <v>449.88279999999997</v>
      </c>
    </row>
    <row r="1714" spans="4:5" x14ac:dyDescent="0.25">
      <c r="D1714" s="6">
        <v>6489.3379999999997</v>
      </c>
      <c r="E1714" s="6">
        <v>8320.6380000000008</v>
      </c>
    </row>
    <row r="1715" spans="4:5" x14ac:dyDescent="0.25">
      <c r="D1715" s="6">
        <v>951.93060000000003</v>
      </c>
      <c r="E1715" s="6">
        <v>738.32489999999996</v>
      </c>
    </row>
    <row r="1716" spans="4:5" x14ac:dyDescent="0.25">
      <c r="D1716" s="6">
        <v>823.72439999999995</v>
      </c>
      <c r="E1716" s="6">
        <v>944.15710000000001</v>
      </c>
    </row>
    <row r="1717" spans="4:5" x14ac:dyDescent="0.25">
      <c r="D1717" s="6">
        <v>5202.2389999999996</v>
      </c>
      <c r="E1717" s="6">
        <v>1082.9349999999999</v>
      </c>
    </row>
    <row r="1718" spans="4:5" x14ac:dyDescent="0.25">
      <c r="D1718" s="6">
        <v>836.88890000000004</v>
      </c>
      <c r="E1718" s="6">
        <v>1070.125</v>
      </c>
    </row>
    <row r="1719" spans="4:5" x14ac:dyDescent="0.25">
      <c r="D1719" s="6">
        <v>3185.23</v>
      </c>
      <c r="E1719" s="6">
        <v>813.90790000000004</v>
      </c>
    </row>
    <row r="1720" spans="4:5" x14ac:dyDescent="0.25">
      <c r="D1720" s="6">
        <v>909.67060000000004</v>
      </c>
      <c r="E1720" s="6">
        <v>871.23710000000005</v>
      </c>
    </row>
    <row r="1721" spans="4:5" x14ac:dyDescent="0.25">
      <c r="D1721" s="6">
        <v>988.93359999999996</v>
      </c>
      <c r="E1721" s="6">
        <v>689.15480000000002</v>
      </c>
    </row>
    <row r="1722" spans="4:5" x14ac:dyDescent="0.25">
      <c r="D1722" s="6">
        <v>1076.134</v>
      </c>
      <c r="E1722" s="6">
        <v>5148.1679999999997</v>
      </c>
    </row>
    <row r="1723" spans="4:5" x14ac:dyDescent="0.25">
      <c r="D1723" s="6">
        <v>788.74959999999999</v>
      </c>
      <c r="E1723" s="6">
        <v>5328.3509999999997</v>
      </c>
    </row>
    <row r="1724" spans="4:5" x14ac:dyDescent="0.25">
      <c r="D1724" s="6">
        <v>869.74969999999996</v>
      </c>
      <c r="E1724" s="6">
        <v>797.80809999999997</v>
      </c>
    </row>
    <row r="1725" spans="4:5" x14ac:dyDescent="0.25">
      <c r="D1725" s="6">
        <v>938.46619999999996</v>
      </c>
      <c r="E1725" s="6">
        <v>733.45759999999996</v>
      </c>
    </row>
    <row r="1726" spans="4:5" x14ac:dyDescent="0.25">
      <c r="D1726" s="6">
        <v>827.95960000000002</v>
      </c>
      <c r="E1726" s="6">
        <v>624.46289999999999</v>
      </c>
    </row>
    <row r="1727" spans="4:5" x14ac:dyDescent="0.25">
      <c r="D1727" s="6">
        <v>1112.069</v>
      </c>
      <c r="E1727" s="6">
        <v>762.71249999999998</v>
      </c>
    </row>
    <row r="1728" spans="4:5" x14ac:dyDescent="0.25">
      <c r="D1728" s="6">
        <v>1412.2750000000001</v>
      </c>
      <c r="E1728" s="6">
        <v>832.54129999999998</v>
      </c>
    </row>
    <row r="1729" spans="4:5" x14ac:dyDescent="0.25">
      <c r="D1729" s="6">
        <v>1511.7429999999999</v>
      </c>
      <c r="E1729" s="6">
        <v>5835</v>
      </c>
    </row>
    <row r="1730" spans="4:5" x14ac:dyDescent="0.25">
      <c r="D1730" s="6">
        <v>1382.896</v>
      </c>
      <c r="E1730" s="6">
        <v>798.32590000000005</v>
      </c>
    </row>
    <row r="1731" spans="4:5" x14ac:dyDescent="0.25">
      <c r="D1731" s="6">
        <v>1421.143</v>
      </c>
      <c r="E1731" s="6">
        <v>633.60699999999997</v>
      </c>
    </row>
    <row r="1732" spans="4:5" x14ac:dyDescent="0.25">
      <c r="D1732" s="6">
        <v>6426.8969999999999</v>
      </c>
      <c r="E1732" s="6">
        <v>504.56760000000003</v>
      </c>
    </row>
    <row r="1733" spans="4:5" x14ac:dyDescent="0.25">
      <c r="D1733" s="6">
        <v>2511.4290000000001</v>
      </c>
      <c r="E1733" s="6">
        <v>856.25109999999995</v>
      </c>
    </row>
    <row r="1734" spans="4:5" x14ac:dyDescent="0.25">
      <c r="D1734" s="6">
        <v>768.27539999999999</v>
      </c>
      <c r="E1734" s="6">
        <v>5736.674</v>
      </c>
    </row>
    <row r="1735" spans="4:5" x14ac:dyDescent="0.25">
      <c r="D1735" s="6">
        <v>1074.4159999999999</v>
      </c>
      <c r="E1735" s="6">
        <v>565.78430000000003</v>
      </c>
    </row>
    <row r="1736" spans="4:5" x14ac:dyDescent="0.25">
      <c r="D1736" s="6">
        <v>7254.9480000000003</v>
      </c>
      <c r="E1736" s="6">
        <v>760.17909999999995</v>
      </c>
    </row>
    <row r="1737" spans="4:5" x14ac:dyDescent="0.25">
      <c r="D1737" s="6">
        <v>936.41020000000003</v>
      </c>
      <c r="E1737" s="6">
        <v>3331.9920000000002</v>
      </c>
    </row>
    <row r="1738" spans="4:5" x14ac:dyDescent="0.25">
      <c r="D1738" s="6">
        <v>4862.5</v>
      </c>
      <c r="E1738" s="6">
        <v>704.28769999999997</v>
      </c>
    </row>
    <row r="1739" spans="4:5" x14ac:dyDescent="0.25">
      <c r="D1739" s="6">
        <v>1052.2639999999999</v>
      </c>
      <c r="E1739" s="6">
        <v>4215.49</v>
      </c>
    </row>
    <row r="1740" spans="4:5" x14ac:dyDescent="0.25">
      <c r="D1740" s="6">
        <v>971.39710000000002</v>
      </c>
      <c r="E1740" s="6">
        <v>499.32470000000001</v>
      </c>
    </row>
    <row r="1741" spans="4:5" x14ac:dyDescent="0.25">
      <c r="D1741" s="6">
        <v>841.26120000000003</v>
      </c>
      <c r="E1741" s="6">
        <v>711</v>
      </c>
    </row>
    <row r="1742" spans="4:5" x14ac:dyDescent="0.25">
      <c r="D1742" s="6">
        <v>1005.697</v>
      </c>
      <c r="E1742" s="6">
        <v>675.38379999999995</v>
      </c>
    </row>
    <row r="1743" spans="4:5" x14ac:dyDescent="0.25">
      <c r="D1743" s="6">
        <v>5891.5680000000002</v>
      </c>
      <c r="E1743" s="6">
        <v>724.18619999999999</v>
      </c>
    </row>
    <row r="1744" spans="4:5" x14ac:dyDescent="0.25">
      <c r="D1744" s="6">
        <v>747.10599999999999</v>
      </c>
      <c r="E1744" s="6">
        <v>709.22609999999997</v>
      </c>
    </row>
    <row r="1745" spans="4:5" x14ac:dyDescent="0.25">
      <c r="D1745" s="6">
        <v>951.46979999999996</v>
      </c>
      <c r="E1745" s="6">
        <v>834.45600000000002</v>
      </c>
    </row>
    <row r="1746" spans="4:5" x14ac:dyDescent="0.25">
      <c r="D1746" s="6">
        <v>839.04769999999996</v>
      </c>
      <c r="E1746" s="6">
        <v>715.74890000000005</v>
      </c>
    </row>
    <row r="1747" spans="4:5" x14ac:dyDescent="0.25">
      <c r="D1747" s="6">
        <v>4588.9059999999999</v>
      </c>
      <c r="E1747" s="6">
        <v>612.89400000000001</v>
      </c>
    </row>
    <row r="1748" spans="4:5" x14ac:dyDescent="0.25">
      <c r="D1748" s="6">
        <v>908.46569999999997</v>
      </c>
      <c r="E1748" s="6">
        <v>717.73710000000005</v>
      </c>
    </row>
    <row r="1749" spans="4:5" x14ac:dyDescent="0.25">
      <c r="D1749" s="6">
        <v>774.25519999999995</v>
      </c>
      <c r="E1749" s="6">
        <v>1056.1969999999999</v>
      </c>
    </row>
    <row r="1750" spans="4:5" x14ac:dyDescent="0.25">
      <c r="D1750" s="6">
        <v>709.00919999999996</v>
      </c>
      <c r="E1750" s="6">
        <v>462.79079999999999</v>
      </c>
    </row>
    <row r="1751" spans="4:5" x14ac:dyDescent="0.25">
      <c r="D1751" s="6">
        <v>1982.325</v>
      </c>
      <c r="E1751" s="6">
        <v>1080.4860000000001</v>
      </c>
    </row>
    <row r="1752" spans="4:5" x14ac:dyDescent="0.25">
      <c r="D1752" s="6">
        <v>832.03359999999998</v>
      </c>
      <c r="E1752" s="6">
        <v>666.45119999999997</v>
      </c>
    </row>
    <row r="1753" spans="4:5" x14ac:dyDescent="0.25">
      <c r="D1753" s="6">
        <v>703.80939999999998</v>
      </c>
      <c r="E1753" s="6">
        <v>5113.4229999999998</v>
      </c>
    </row>
    <row r="1754" spans="4:5" x14ac:dyDescent="0.25">
      <c r="D1754" s="6">
        <v>1228.883</v>
      </c>
      <c r="E1754" s="6">
        <v>840.57240000000002</v>
      </c>
    </row>
    <row r="1755" spans="4:5" x14ac:dyDescent="0.25">
      <c r="D1755" s="6">
        <v>691.97460000000001</v>
      </c>
      <c r="E1755" s="6">
        <v>701.75390000000004</v>
      </c>
    </row>
    <row r="1756" spans="4:5" x14ac:dyDescent="0.25">
      <c r="D1756" s="6">
        <v>997.5</v>
      </c>
      <c r="E1756" s="6">
        <v>872.4425</v>
      </c>
    </row>
    <row r="1757" spans="4:5" x14ac:dyDescent="0.25">
      <c r="D1757" s="6">
        <v>698.16930000000002</v>
      </c>
      <c r="E1757" s="6">
        <v>609.40560000000005</v>
      </c>
    </row>
    <row r="1758" spans="4:5" x14ac:dyDescent="0.25">
      <c r="D1758" s="6">
        <v>9394.5149999999994</v>
      </c>
      <c r="E1758" s="6">
        <v>747.06579999999997</v>
      </c>
    </row>
    <row r="1759" spans="4:5" x14ac:dyDescent="0.25">
      <c r="D1759" s="6">
        <v>782.75170000000003</v>
      </c>
      <c r="E1759" s="6">
        <v>662.89189999999996</v>
      </c>
    </row>
    <row r="1760" spans="4:5" x14ac:dyDescent="0.25">
      <c r="D1760" s="6">
        <v>809.75549999999998</v>
      </c>
      <c r="E1760" s="6">
        <v>683.61099999999999</v>
      </c>
    </row>
    <row r="1761" spans="4:5" x14ac:dyDescent="0.25">
      <c r="D1761" s="6">
        <v>826.64649999999995</v>
      </c>
      <c r="E1761" s="6">
        <v>660.22429999999997</v>
      </c>
    </row>
    <row r="1762" spans="4:5" x14ac:dyDescent="0.25">
      <c r="D1762" s="6">
        <v>557.89930000000004</v>
      </c>
      <c r="E1762" s="6">
        <v>884.99959999999999</v>
      </c>
    </row>
    <row r="1763" spans="4:5" x14ac:dyDescent="0.25">
      <c r="D1763" s="6">
        <v>941.64329999999995</v>
      </c>
      <c r="E1763" s="6">
        <v>6020.6509999999998</v>
      </c>
    </row>
    <row r="1764" spans="4:5" x14ac:dyDescent="0.25">
      <c r="D1764" s="6">
        <v>7474.8050000000003</v>
      </c>
      <c r="E1764" s="6">
        <v>607.01170000000002</v>
      </c>
    </row>
    <row r="1765" spans="4:5" x14ac:dyDescent="0.25">
      <c r="D1765" s="6">
        <v>2916.2460000000001</v>
      </c>
      <c r="E1765" s="6">
        <v>920.2713</v>
      </c>
    </row>
    <row r="1766" spans="4:5" x14ac:dyDescent="0.25">
      <c r="D1766" s="6">
        <v>959.97140000000002</v>
      </c>
      <c r="E1766" s="6">
        <v>1228.615</v>
      </c>
    </row>
    <row r="1767" spans="4:5" x14ac:dyDescent="0.25">
      <c r="D1767" s="6">
        <v>781.92420000000004</v>
      </c>
      <c r="E1767" s="6">
        <v>587.01739999999995</v>
      </c>
    </row>
    <row r="1768" spans="4:5" x14ac:dyDescent="0.25">
      <c r="D1768" s="6">
        <v>3322</v>
      </c>
      <c r="E1768" s="6">
        <v>5695.3019999999997</v>
      </c>
    </row>
    <row r="1769" spans="4:5" x14ac:dyDescent="0.25">
      <c r="D1769" s="6">
        <v>2030.6020000000001</v>
      </c>
      <c r="E1769" s="6">
        <v>4968.4979999999996</v>
      </c>
    </row>
    <row r="1770" spans="4:5" x14ac:dyDescent="0.25">
      <c r="D1770" s="6">
        <v>560.24659999999994</v>
      </c>
      <c r="E1770" s="6">
        <v>4268.866</v>
      </c>
    </row>
    <row r="1771" spans="4:5" x14ac:dyDescent="0.25">
      <c r="D1771" s="6">
        <v>692.7328</v>
      </c>
      <c r="E1771" s="6">
        <v>5069.8900000000003</v>
      </c>
    </row>
    <row r="1772" spans="4:5" x14ac:dyDescent="0.25">
      <c r="D1772" s="6">
        <v>711.66160000000002</v>
      </c>
      <c r="E1772" s="6">
        <v>813.37570000000005</v>
      </c>
    </row>
    <row r="1773" spans="4:5" x14ac:dyDescent="0.25">
      <c r="D1773" s="6">
        <v>801.54399999999998</v>
      </c>
      <c r="E1773" s="6">
        <v>5763.2430000000004</v>
      </c>
    </row>
    <row r="1774" spans="4:5" x14ac:dyDescent="0.25">
      <c r="D1774" s="6">
        <v>800.10599999999999</v>
      </c>
      <c r="E1774" s="6">
        <v>4919.0619999999999</v>
      </c>
    </row>
    <row r="1775" spans="4:5" x14ac:dyDescent="0.25">
      <c r="D1775" s="6">
        <v>792.73979999999995</v>
      </c>
      <c r="E1775" s="6">
        <v>633.23099999999999</v>
      </c>
    </row>
    <row r="1776" spans="4:5" x14ac:dyDescent="0.25">
      <c r="D1776" s="6">
        <v>5290.2179999999998</v>
      </c>
      <c r="E1776" s="6">
        <v>953.9248</v>
      </c>
    </row>
    <row r="1777" spans="4:5" x14ac:dyDescent="0.25">
      <c r="D1777" s="6">
        <v>1017.181</v>
      </c>
      <c r="E1777" s="6">
        <v>781.07180000000005</v>
      </c>
    </row>
    <row r="1778" spans="4:5" x14ac:dyDescent="0.25">
      <c r="D1778" s="6">
        <v>751.95079999999996</v>
      </c>
      <c r="E1778" s="6">
        <v>765.81110000000001</v>
      </c>
    </row>
    <row r="1779" spans="4:5" x14ac:dyDescent="0.25">
      <c r="D1779" s="6">
        <v>5706.7</v>
      </c>
      <c r="E1779" s="6">
        <v>701.17489999999998</v>
      </c>
    </row>
    <row r="1780" spans="4:5" x14ac:dyDescent="0.25">
      <c r="D1780" s="6">
        <v>676.17489999999998</v>
      </c>
      <c r="E1780" s="6">
        <v>4716.67</v>
      </c>
    </row>
    <row r="1781" spans="4:5" x14ac:dyDescent="0.25">
      <c r="D1781" s="6">
        <v>717.13490000000002</v>
      </c>
      <c r="E1781" s="6">
        <v>5674.4129999999996</v>
      </c>
    </row>
    <row r="1782" spans="4:5" x14ac:dyDescent="0.25">
      <c r="D1782" s="6">
        <v>3676.7930000000001</v>
      </c>
      <c r="E1782" s="6">
        <v>6797.9279999999999</v>
      </c>
    </row>
    <row r="1783" spans="4:5" x14ac:dyDescent="0.25">
      <c r="D1783" s="6">
        <v>982.20349999999996</v>
      </c>
      <c r="E1783" s="6">
        <v>372.89389999999997</v>
      </c>
    </row>
    <row r="1784" spans="4:5" x14ac:dyDescent="0.25">
      <c r="D1784" s="6">
        <v>1202.1400000000001</v>
      </c>
      <c r="E1784" s="6">
        <v>5827.4520000000002</v>
      </c>
    </row>
    <row r="1785" spans="4:5" x14ac:dyDescent="0.25">
      <c r="D1785" s="6">
        <v>839.5684</v>
      </c>
      <c r="E1785" s="6">
        <v>681.11950000000002</v>
      </c>
    </row>
    <row r="1786" spans="4:5" x14ac:dyDescent="0.25">
      <c r="D1786" s="6">
        <v>1134.4780000000001</v>
      </c>
      <c r="E1786" s="6">
        <v>568.63070000000005</v>
      </c>
    </row>
    <row r="1787" spans="4:5" x14ac:dyDescent="0.25">
      <c r="D1787" s="6">
        <v>5911.9849999999997</v>
      </c>
      <c r="E1787" s="6">
        <v>5590.6540000000005</v>
      </c>
    </row>
    <row r="1788" spans="4:5" x14ac:dyDescent="0.25">
      <c r="D1788" s="6">
        <v>2190.0300000000002</v>
      </c>
      <c r="E1788" s="6">
        <v>609.59259999999995</v>
      </c>
    </row>
    <row r="1789" spans="4:5" x14ac:dyDescent="0.25">
      <c r="D1789" s="6">
        <v>989.72050000000002</v>
      </c>
      <c r="E1789" s="6">
        <v>869.73710000000005</v>
      </c>
    </row>
    <row r="1790" spans="4:5" x14ac:dyDescent="0.25">
      <c r="D1790" s="6">
        <v>915.48400000000004</v>
      </c>
      <c r="E1790" s="6">
        <v>616.0856</v>
      </c>
    </row>
    <row r="1791" spans="4:5" x14ac:dyDescent="0.25">
      <c r="D1791" s="6">
        <v>664.98199999999997</v>
      </c>
      <c r="E1791" s="6">
        <v>734.23270000000002</v>
      </c>
    </row>
    <row r="1792" spans="4:5" x14ac:dyDescent="0.25">
      <c r="D1792" s="6">
        <v>6078</v>
      </c>
      <c r="E1792" s="6">
        <v>922.08630000000005</v>
      </c>
    </row>
    <row r="1793" spans="4:5" x14ac:dyDescent="0.25">
      <c r="D1793" s="6">
        <v>642.64909999999998</v>
      </c>
      <c r="E1793" s="6">
        <v>686.11109999999996</v>
      </c>
    </row>
    <row r="1794" spans="4:5" x14ac:dyDescent="0.25">
      <c r="D1794" s="6">
        <v>772.32399999999996</v>
      </c>
      <c r="E1794" s="6">
        <v>5350.7950000000001</v>
      </c>
    </row>
    <row r="1795" spans="4:5" x14ac:dyDescent="0.25">
      <c r="D1795" s="6">
        <v>664.36030000000005</v>
      </c>
      <c r="E1795" s="6">
        <v>553.17570000000001</v>
      </c>
    </row>
    <row r="1796" spans="4:5" x14ac:dyDescent="0.25">
      <c r="D1796" s="6">
        <v>6211.5789999999997</v>
      </c>
      <c r="E1796" s="6">
        <v>621.49599999999998</v>
      </c>
    </row>
    <row r="1797" spans="4:5" x14ac:dyDescent="0.25">
      <c r="D1797" s="6">
        <v>5714.9939999999997</v>
      </c>
      <c r="E1797" s="6">
        <v>573.96050000000002</v>
      </c>
    </row>
    <row r="1798" spans="4:5" x14ac:dyDescent="0.25">
      <c r="D1798" s="6">
        <v>853.67570000000001</v>
      </c>
      <c r="E1798" s="6">
        <v>569</v>
      </c>
    </row>
    <row r="1799" spans="4:5" x14ac:dyDescent="0.25">
      <c r="D1799" s="6">
        <v>977.07560000000001</v>
      </c>
      <c r="E1799" s="6">
        <v>1383.0250000000001</v>
      </c>
    </row>
    <row r="1800" spans="4:5" x14ac:dyDescent="0.25">
      <c r="D1800" s="6">
        <v>599.15290000000005</v>
      </c>
      <c r="E1800" s="6">
        <v>513.64769999999999</v>
      </c>
    </row>
    <row r="1801" spans="4:5" x14ac:dyDescent="0.25">
      <c r="D1801" s="6">
        <v>826.72220000000004</v>
      </c>
      <c r="E1801" s="6">
        <v>485.01240000000001</v>
      </c>
    </row>
    <row r="1802" spans="4:5" x14ac:dyDescent="0.25">
      <c r="D1802" s="6">
        <v>613.55520000000001</v>
      </c>
      <c r="E1802" s="6">
        <v>734.875</v>
      </c>
    </row>
    <row r="1803" spans="4:5" x14ac:dyDescent="0.25">
      <c r="D1803" s="6">
        <v>5973.9650000000001</v>
      </c>
      <c r="E1803" s="6">
        <v>776.29899999999998</v>
      </c>
    </row>
    <row r="1804" spans="4:5" x14ac:dyDescent="0.25">
      <c r="D1804" s="6">
        <v>897.54330000000004</v>
      </c>
      <c r="E1804" s="6">
        <v>1138.123</v>
      </c>
    </row>
    <row r="1805" spans="4:5" x14ac:dyDescent="0.25">
      <c r="D1805" s="6">
        <v>611.30629999999996</v>
      </c>
      <c r="E1805" s="6">
        <v>820.48879999999997</v>
      </c>
    </row>
    <row r="1806" spans="4:5" x14ac:dyDescent="0.25">
      <c r="D1806" s="6">
        <v>796.89840000000004</v>
      </c>
      <c r="E1806" s="6">
        <v>744.77290000000005</v>
      </c>
    </row>
    <row r="1807" spans="4:5" x14ac:dyDescent="0.25">
      <c r="D1807" s="6">
        <v>1243.395</v>
      </c>
      <c r="E1807" s="6">
        <v>3412.3389999999999</v>
      </c>
    </row>
    <row r="1808" spans="4:5" x14ac:dyDescent="0.25">
      <c r="D1808" s="6">
        <v>5533.0370000000003</v>
      </c>
      <c r="E1808" s="6">
        <v>1105.893</v>
      </c>
    </row>
    <row r="1809" spans="4:5" x14ac:dyDescent="0.25">
      <c r="D1809" s="6">
        <v>684.5865</v>
      </c>
      <c r="E1809" s="6">
        <v>1299.5129999999999</v>
      </c>
    </row>
    <row r="1810" spans="4:5" x14ac:dyDescent="0.25">
      <c r="D1810" s="6">
        <v>2600.6219999999998</v>
      </c>
      <c r="E1810" s="6">
        <v>681.27779999999996</v>
      </c>
    </row>
    <row r="1811" spans="4:5" x14ac:dyDescent="0.25">
      <c r="D1811" s="6">
        <v>2309.92</v>
      </c>
      <c r="E1811" s="6">
        <v>584.52670000000001</v>
      </c>
    </row>
    <row r="1812" spans="4:5" x14ac:dyDescent="0.25">
      <c r="D1812" s="6">
        <v>616.29280000000006</v>
      </c>
      <c r="E1812" s="6">
        <v>1779.664</v>
      </c>
    </row>
    <row r="1813" spans="4:5" x14ac:dyDescent="0.25">
      <c r="D1813" s="6">
        <v>1336.761</v>
      </c>
      <c r="E1813" s="6">
        <v>2723.2869999999998</v>
      </c>
    </row>
    <row r="1814" spans="4:5" x14ac:dyDescent="0.25">
      <c r="D1814" s="6">
        <v>2034.3689999999999</v>
      </c>
      <c r="E1814" s="6">
        <v>667.45360000000005</v>
      </c>
    </row>
    <row r="1815" spans="4:5" x14ac:dyDescent="0.25">
      <c r="D1815" s="6">
        <v>1511.1469999999999</v>
      </c>
      <c r="E1815" s="6">
        <v>960.80949999999996</v>
      </c>
    </row>
    <row r="1816" spans="4:5" x14ac:dyDescent="0.25">
      <c r="D1816" s="6">
        <v>1110.0619999999999</v>
      </c>
      <c r="E1816" s="6">
        <v>549.92510000000004</v>
      </c>
    </row>
    <row r="1817" spans="4:5" x14ac:dyDescent="0.25">
      <c r="D1817" s="6">
        <v>1100.5</v>
      </c>
      <c r="E1817" s="6">
        <v>623.73479999999995</v>
      </c>
    </row>
    <row r="1818" spans="4:5" x14ac:dyDescent="0.25">
      <c r="D1818" s="6">
        <v>9135.8220000000001</v>
      </c>
      <c r="E1818" s="6">
        <v>557.17999999999995</v>
      </c>
    </row>
    <row r="1819" spans="4:5" x14ac:dyDescent="0.25">
      <c r="D1819" s="6">
        <v>1086.4659999999999</v>
      </c>
      <c r="E1819" s="6">
        <v>566.94640000000004</v>
      </c>
    </row>
    <row r="1820" spans="4:5" x14ac:dyDescent="0.25">
      <c r="D1820" s="6">
        <v>652.33839999999998</v>
      </c>
      <c r="E1820" s="6">
        <v>645.36770000000001</v>
      </c>
    </row>
    <row r="1821" spans="4:5" x14ac:dyDescent="0.25">
      <c r="D1821" s="6">
        <v>1133.296</v>
      </c>
      <c r="E1821" s="6">
        <v>4163.7929999999997</v>
      </c>
    </row>
    <row r="1822" spans="4:5" x14ac:dyDescent="0.25">
      <c r="D1822" s="6">
        <v>1037.819</v>
      </c>
      <c r="E1822" s="6">
        <v>604.38810000000001</v>
      </c>
    </row>
    <row r="1823" spans="4:5" x14ac:dyDescent="0.25">
      <c r="D1823" s="6">
        <v>574.58989999999994</v>
      </c>
      <c r="E1823" s="6">
        <v>3609.6779999999999</v>
      </c>
    </row>
    <row r="1824" spans="4:5" x14ac:dyDescent="0.25">
      <c r="D1824" s="6">
        <v>587.13829999999996</v>
      </c>
      <c r="E1824" s="6">
        <v>5088.0990000000002</v>
      </c>
    </row>
    <row r="1825" spans="4:5" x14ac:dyDescent="0.25">
      <c r="D1825" s="6">
        <v>587.51710000000003</v>
      </c>
      <c r="E1825" s="6">
        <v>1401.144</v>
      </c>
    </row>
    <row r="1826" spans="4:5" x14ac:dyDescent="0.25">
      <c r="D1826" s="6">
        <v>934.98689999999999</v>
      </c>
      <c r="E1826" s="6">
        <v>4352.1899999999996</v>
      </c>
    </row>
    <row r="1827" spans="4:5" x14ac:dyDescent="0.25">
      <c r="D1827" s="6">
        <v>822.08209999999997</v>
      </c>
      <c r="E1827" s="6">
        <v>921.51279999999997</v>
      </c>
    </row>
    <row r="1828" spans="4:5" x14ac:dyDescent="0.25">
      <c r="D1828" s="6">
        <v>769.17420000000004</v>
      </c>
      <c r="E1828" s="6">
        <v>845.34789999999998</v>
      </c>
    </row>
    <row r="1829" spans="4:5" x14ac:dyDescent="0.25">
      <c r="D1829" s="6">
        <v>5335.2150000000001</v>
      </c>
      <c r="E1829" s="6">
        <v>730.94119999999998</v>
      </c>
    </row>
    <row r="1830" spans="4:5" x14ac:dyDescent="0.25">
      <c r="D1830" s="6">
        <v>1673.922</v>
      </c>
      <c r="E1830" s="6">
        <v>508.94830000000002</v>
      </c>
    </row>
    <row r="1831" spans="4:5" x14ac:dyDescent="0.25">
      <c r="D1831" s="6">
        <v>790.73299999999995</v>
      </c>
      <c r="E1831" s="6">
        <v>5781.1310000000003</v>
      </c>
    </row>
    <row r="1832" spans="4:5" x14ac:dyDescent="0.25">
      <c r="D1832" s="6">
        <v>4424.25</v>
      </c>
      <c r="E1832" s="6">
        <v>941.72239999999999</v>
      </c>
    </row>
    <row r="1833" spans="4:5" x14ac:dyDescent="0.25">
      <c r="D1833" s="6">
        <v>1629.347</v>
      </c>
      <c r="E1833" s="6">
        <v>687.37030000000004</v>
      </c>
    </row>
    <row r="1834" spans="4:5" x14ac:dyDescent="0.25">
      <c r="D1834" s="6">
        <v>5269.5550000000003</v>
      </c>
      <c r="E1834" s="6">
        <v>671.11940000000004</v>
      </c>
    </row>
    <row r="1835" spans="4:5" x14ac:dyDescent="0.25">
      <c r="D1835" s="6">
        <v>2109.5790000000002</v>
      </c>
      <c r="E1835" s="6">
        <v>3864.2379999999998</v>
      </c>
    </row>
    <row r="1836" spans="4:5" x14ac:dyDescent="0.25">
      <c r="D1836" s="6">
        <v>681.09190000000001</v>
      </c>
      <c r="E1836" s="6">
        <v>361.88330000000002</v>
      </c>
    </row>
    <row r="1837" spans="4:5" x14ac:dyDescent="0.25">
      <c r="D1837" s="6">
        <v>875.596</v>
      </c>
      <c r="E1837" s="6">
        <v>583.83870000000002</v>
      </c>
    </row>
    <row r="1838" spans="4:5" x14ac:dyDescent="0.25">
      <c r="D1838" s="6">
        <v>971.09280000000001</v>
      </c>
      <c r="E1838" s="6">
        <v>724.0394</v>
      </c>
    </row>
    <row r="1839" spans="4:5" x14ac:dyDescent="0.25">
      <c r="D1839" s="6">
        <v>825.15869999999995</v>
      </c>
      <c r="E1839" s="6">
        <v>721.87270000000001</v>
      </c>
    </row>
    <row r="1840" spans="4:5" x14ac:dyDescent="0.25">
      <c r="D1840" s="6">
        <v>2257.6819999999998</v>
      </c>
      <c r="E1840" s="6">
        <v>4300.1049999999996</v>
      </c>
    </row>
    <row r="1841" spans="4:5" x14ac:dyDescent="0.25">
      <c r="D1841" s="6">
        <v>749.13080000000002</v>
      </c>
      <c r="E1841" s="6">
        <v>1621.04</v>
      </c>
    </row>
    <row r="1842" spans="4:5" x14ac:dyDescent="0.25">
      <c r="D1842" s="6">
        <v>4683.3419999999996</v>
      </c>
      <c r="E1842" s="6">
        <v>666.94600000000003</v>
      </c>
    </row>
    <row r="1843" spans="4:5" x14ac:dyDescent="0.25">
      <c r="D1843" s="6">
        <v>898.42740000000003</v>
      </c>
      <c r="E1843" s="6">
        <v>416.25</v>
      </c>
    </row>
    <row r="1844" spans="4:5" x14ac:dyDescent="0.25">
      <c r="D1844" s="6">
        <v>805.44529999999997</v>
      </c>
      <c r="E1844" s="6">
        <v>705.6703</v>
      </c>
    </row>
    <row r="1845" spans="4:5" x14ac:dyDescent="0.25">
      <c r="D1845" s="6">
        <v>617.15380000000005</v>
      </c>
      <c r="E1845" s="6">
        <v>5144.46</v>
      </c>
    </row>
    <row r="1846" spans="4:5" x14ac:dyDescent="0.25">
      <c r="D1846" s="6">
        <v>2610.2710000000002</v>
      </c>
      <c r="E1846" s="6">
        <v>540.89980000000003</v>
      </c>
    </row>
    <row r="1847" spans="4:5" x14ac:dyDescent="0.25">
      <c r="D1847" s="6">
        <v>2185.192</v>
      </c>
      <c r="E1847" s="6">
        <v>3184.0590000000002</v>
      </c>
    </row>
    <row r="1848" spans="4:5" x14ac:dyDescent="0.25">
      <c r="D1848" s="6">
        <v>570.01110000000006</v>
      </c>
      <c r="E1848" s="6">
        <v>7450.5640000000003</v>
      </c>
    </row>
    <row r="1849" spans="4:5" x14ac:dyDescent="0.25">
      <c r="D1849" s="6">
        <v>6928.5879999999997</v>
      </c>
      <c r="E1849" s="6">
        <v>931.80769999999995</v>
      </c>
    </row>
    <row r="1850" spans="4:5" x14ac:dyDescent="0.25">
      <c r="D1850" s="6">
        <v>1180.9570000000001</v>
      </c>
      <c r="E1850" s="6">
        <v>5399.3029999999999</v>
      </c>
    </row>
    <row r="1851" spans="4:5" x14ac:dyDescent="0.25">
      <c r="D1851" s="6">
        <v>4913.2359999999999</v>
      </c>
      <c r="E1851" s="6">
        <v>454.84640000000002</v>
      </c>
    </row>
    <row r="1852" spans="4:5" x14ac:dyDescent="0.25">
      <c r="D1852" s="6">
        <v>709.69989999999996</v>
      </c>
      <c r="E1852" s="6">
        <v>654.28970000000004</v>
      </c>
    </row>
    <row r="1853" spans="4:5" x14ac:dyDescent="0.25">
      <c r="D1853" s="6">
        <v>5301.7449999999999</v>
      </c>
      <c r="E1853" s="6">
        <v>6166.75</v>
      </c>
    </row>
    <row r="1854" spans="4:5" x14ac:dyDescent="0.25">
      <c r="D1854" s="6">
        <v>2085.7510000000002</v>
      </c>
      <c r="E1854" s="6">
        <v>689.0462</v>
      </c>
    </row>
    <row r="1855" spans="4:5" x14ac:dyDescent="0.25">
      <c r="D1855" s="6">
        <v>1091.8779999999999</v>
      </c>
      <c r="E1855" s="6">
        <v>3402.2460000000001</v>
      </c>
    </row>
    <row r="1856" spans="4:5" x14ac:dyDescent="0.25">
      <c r="D1856" s="6">
        <v>6908.8919999999998</v>
      </c>
      <c r="E1856" s="6">
        <v>688.45150000000001</v>
      </c>
    </row>
    <row r="1857" spans="4:5" x14ac:dyDescent="0.25">
      <c r="D1857" s="6">
        <v>688.84320000000002</v>
      </c>
      <c r="E1857" s="6">
        <v>1252.818</v>
      </c>
    </row>
    <row r="1858" spans="4:5" x14ac:dyDescent="0.25">
      <c r="D1858" s="6">
        <v>5645.8410000000003</v>
      </c>
      <c r="E1858" s="6">
        <v>694.67010000000005</v>
      </c>
    </row>
    <row r="1859" spans="4:5" x14ac:dyDescent="0.25">
      <c r="D1859" s="6">
        <v>2531.7640000000001</v>
      </c>
      <c r="E1859" s="6">
        <v>803.53229999999996</v>
      </c>
    </row>
    <row r="1860" spans="4:5" x14ac:dyDescent="0.25">
      <c r="D1860" s="6">
        <v>684.07129999999995</v>
      </c>
      <c r="E1860" s="6">
        <v>578.18330000000003</v>
      </c>
    </row>
    <row r="1861" spans="4:5" x14ac:dyDescent="0.25">
      <c r="D1861" s="6">
        <v>1620.4090000000001</v>
      </c>
      <c r="E1861" s="6">
        <v>1040.2449999999999</v>
      </c>
    </row>
    <row r="1862" spans="4:5" x14ac:dyDescent="0.25">
      <c r="D1862" s="6">
        <v>7762.4849999999997</v>
      </c>
      <c r="E1862" s="6">
        <v>1263.127</v>
      </c>
    </row>
    <row r="1863" spans="4:5" x14ac:dyDescent="0.25">
      <c r="D1863" s="6">
        <v>885.74580000000003</v>
      </c>
      <c r="E1863" s="6">
        <v>543.64160000000004</v>
      </c>
    </row>
    <row r="1864" spans="4:5" x14ac:dyDescent="0.25">
      <c r="D1864" s="6">
        <v>757.45960000000002</v>
      </c>
      <c r="E1864" s="6">
        <v>6099.84</v>
      </c>
    </row>
    <row r="1865" spans="4:5" x14ac:dyDescent="0.25">
      <c r="D1865" s="6">
        <v>2125.8739999999998</v>
      </c>
      <c r="E1865" s="6">
        <v>2062.0360000000001</v>
      </c>
    </row>
    <row r="1866" spans="4:5" x14ac:dyDescent="0.25">
      <c r="D1866" s="6">
        <v>599.84479999999996</v>
      </c>
      <c r="E1866" s="6">
        <v>7312.143</v>
      </c>
    </row>
    <row r="1867" spans="4:5" x14ac:dyDescent="0.25">
      <c r="D1867" s="6">
        <v>737.2704</v>
      </c>
      <c r="E1867" s="6">
        <v>5468.7809999999999</v>
      </c>
    </row>
    <row r="1868" spans="4:5" x14ac:dyDescent="0.25">
      <c r="D1868" s="6">
        <v>931.11990000000003</v>
      </c>
      <c r="E1868" s="6">
        <v>652.21019999999999</v>
      </c>
    </row>
    <row r="1869" spans="4:5" x14ac:dyDescent="0.25">
      <c r="D1869" s="6">
        <v>7910.4219999999996</v>
      </c>
      <c r="E1869" s="6">
        <v>2598.7060000000001</v>
      </c>
    </row>
    <row r="1870" spans="4:5" x14ac:dyDescent="0.25">
      <c r="D1870" s="6">
        <v>1424.9259999999999</v>
      </c>
      <c r="E1870" s="6">
        <v>594.91390000000001</v>
      </c>
    </row>
    <row r="1871" spans="4:5" x14ac:dyDescent="0.25">
      <c r="D1871" s="6">
        <v>646.72190000000001</v>
      </c>
      <c r="E1871" s="6">
        <v>931</v>
      </c>
    </row>
    <row r="1872" spans="4:5" x14ac:dyDescent="0.25">
      <c r="D1872" s="6">
        <v>880.56200000000001</v>
      </c>
      <c r="E1872" s="6">
        <v>1838.25</v>
      </c>
    </row>
    <row r="1873" spans="4:5" x14ac:dyDescent="0.25">
      <c r="D1873" s="6">
        <v>358.84449999999998</v>
      </c>
      <c r="E1873" s="6">
        <v>8529.1820000000007</v>
      </c>
    </row>
    <row r="1874" spans="4:5" x14ac:dyDescent="0.25">
      <c r="D1874" s="6">
        <v>630.88250000000005</v>
      </c>
      <c r="E1874" s="6">
        <v>4116.5870000000004</v>
      </c>
    </row>
    <row r="1875" spans="4:5" x14ac:dyDescent="0.25">
      <c r="D1875" s="6">
        <v>871.62109999999996</v>
      </c>
      <c r="E1875" s="6">
        <v>717.66210000000001</v>
      </c>
    </row>
    <row r="1876" spans="4:5" x14ac:dyDescent="0.25">
      <c r="D1876" s="6">
        <v>5422.4849999999997</v>
      </c>
      <c r="E1876" s="6">
        <v>2563.8240000000001</v>
      </c>
    </row>
    <row r="1877" spans="4:5" x14ac:dyDescent="0.25">
      <c r="D1877" s="6">
        <v>743.74639999999999</v>
      </c>
      <c r="E1877" s="6">
        <v>607.49829999999997</v>
      </c>
    </row>
    <row r="1878" spans="4:5" x14ac:dyDescent="0.25">
      <c r="D1878" s="6">
        <v>1248.7159999999999</v>
      </c>
      <c r="E1878" s="6">
        <v>4262.2020000000002</v>
      </c>
    </row>
    <row r="1879" spans="4:5" x14ac:dyDescent="0.25">
      <c r="D1879" s="6">
        <v>1948.7249999999999</v>
      </c>
      <c r="E1879" s="6">
        <v>1226.1410000000001</v>
      </c>
    </row>
    <row r="1880" spans="4:5" x14ac:dyDescent="0.25">
      <c r="D1880" s="6">
        <v>5985.0749999999998</v>
      </c>
      <c r="E1880" s="6">
        <v>1148.2370000000001</v>
      </c>
    </row>
    <row r="1881" spans="4:5" x14ac:dyDescent="0.25">
      <c r="D1881" s="6">
        <v>836.46310000000005</v>
      </c>
      <c r="E1881" s="6">
        <v>5301.0379999999996</v>
      </c>
    </row>
    <row r="1882" spans="4:5" x14ac:dyDescent="0.25">
      <c r="D1882" s="6">
        <v>1023.171</v>
      </c>
      <c r="E1882" s="6">
        <v>655.73969999999997</v>
      </c>
    </row>
    <row r="1883" spans="4:5" x14ac:dyDescent="0.25">
      <c r="D1883" s="6">
        <v>2116.348</v>
      </c>
      <c r="E1883" s="6">
        <v>6563.2629999999999</v>
      </c>
    </row>
    <row r="1884" spans="4:5" x14ac:dyDescent="0.25">
      <c r="D1884" s="6">
        <v>3009.1439999999998</v>
      </c>
      <c r="E1884" s="6">
        <v>675.83180000000004</v>
      </c>
    </row>
    <row r="1885" spans="4:5" x14ac:dyDescent="0.25">
      <c r="D1885" s="6">
        <v>978.08339999999998</v>
      </c>
      <c r="E1885" s="6">
        <v>779.88930000000005</v>
      </c>
    </row>
    <row r="1886" spans="4:5" x14ac:dyDescent="0.25">
      <c r="D1886" s="6">
        <v>917.94200000000001</v>
      </c>
      <c r="E1886" s="6">
        <v>624.02639999999997</v>
      </c>
    </row>
    <row r="1887" spans="4:5" x14ac:dyDescent="0.25">
      <c r="D1887" s="6">
        <v>747.48389999999995</v>
      </c>
      <c r="E1887" s="6">
        <v>1501</v>
      </c>
    </row>
    <row r="1888" spans="4:5" x14ac:dyDescent="0.25">
      <c r="D1888" s="6">
        <v>995.60850000000005</v>
      </c>
      <c r="E1888" s="6">
        <v>709.48699999999997</v>
      </c>
    </row>
    <row r="1889" spans="4:5" x14ac:dyDescent="0.25">
      <c r="D1889" s="6">
        <v>827.29629999999997</v>
      </c>
      <c r="E1889" s="6">
        <v>1068.8900000000001</v>
      </c>
    </row>
    <row r="1890" spans="4:5" x14ac:dyDescent="0.25">
      <c r="D1890" s="6">
        <v>865.19830000000002</v>
      </c>
      <c r="E1890" s="6">
        <v>5260.83</v>
      </c>
    </row>
    <row r="1891" spans="4:5" x14ac:dyDescent="0.25">
      <c r="D1891" s="6">
        <v>5259.0559999999996</v>
      </c>
      <c r="E1891" s="6">
        <v>852.32619999999997</v>
      </c>
    </row>
    <row r="1892" spans="4:5" x14ac:dyDescent="0.25">
      <c r="D1892" s="6">
        <v>722.28489999999999</v>
      </c>
      <c r="E1892" s="6">
        <v>537.02570000000003</v>
      </c>
    </row>
    <row r="1893" spans="4:5" x14ac:dyDescent="0.25">
      <c r="D1893" s="6">
        <v>773.67610000000002</v>
      </c>
      <c r="E1893" s="6">
        <v>612.39919999999995</v>
      </c>
    </row>
    <row r="1894" spans="4:5" x14ac:dyDescent="0.25">
      <c r="D1894" s="6">
        <v>781.51959999999997</v>
      </c>
      <c r="E1894" s="6">
        <v>636.51160000000004</v>
      </c>
    </row>
    <row r="1895" spans="4:5" x14ac:dyDescent="0.25">
      <c r="D1895" s="6">
        <v>861.20320000000004</v>
      </c>
      <c r="E1895" s="6">
        <v>903.88969999999995</v>
      </c>
    </row>
    <row r="1896" spans="4:5" x14ac:dyDescent="0.25">
      <c r="D1896" s="6">
        <v>549.76120000000003</v>
      </c>
      <c r="E1896" s="6">
        <v>7003.4269999999997</v>
      </c>
    </row>
    <row r="1897" spans="4:5" x14ac:dyDescent="0.25">
      <c r="D1897" s="6">
        <v>1049.4880000000001</v>
      </c>
      <c r="E1897" s="6">
        <v>5914.94</v>
      </c>
    </row>
    <row r="1898" spans="4:5" x14ac:dyDescent="0.25">
      <c r="D1898" s="6">
        <v>597.50239999999997</v>
      </c>
      <c r="E1898" s="6">
        <v>642.19039999999995</v>
      </c>
    </row>
    <row r="1899" spans="4:5" x14ac:dyDescent="0.25">
      <c r="D1899" s="6">
        <v>568.91300000000001</v>
      </c>
      <c r="E1899" s="6">
        <v>505.46710000000002</v>
      </c>
    </row>
    <row r="1900" spans="4:5" x14ac:dyDescent="0.25">
      <c r="D1900" s="6">
        <v>950.82029999999997</v>
      </c>
      <c r="E1900" s="6">
        <v>3509.3040000000001</v>
      </c>
    </row>
    <row r="1901" spans="4:5" x14ac:dyDescent="0.25">
      <c r="D1901" s="6">
        <v>876.29989999999998</v>
      </c>
      <c r="E1901" s="6">
        <v>480.99270000000001</v>
      </c>
    </row>
    <row r="1902" spans="4:5" x14ac:dyDescent="0.25">
      <c r="D1902" s="6">
        <v>1970.4469999999999</v>
      </c>
      <c r="E1902" s="6">
        <v>4051.9340000000002</v>
      </c>
    </row>
    <row r="1903" spans="4:5" x14ac:dyDescent="0.25">
      <c r="D1903" s="6">
        <v>5210.6450000000004</v>
      </c>
      <c r="E1903" s="6">
        <v>706.24059999999997</v>
      </c>
    </row>
    <row r="1904" spans="4:5" x14ac:dyDescent="0.25">
      <c r="D1904" s="6">
        <v>7988.2889999999998</v>
      </c>
      <c r="E1904" s="6">
        <v>852.10860000000002</v>
      </c>
    </row>
    <row r="1905" spans="4:5" x14ac:dyDescent="0.25">
      <c r="D1905" s="6">
        <v>6475.85</v>
      </c>
      <c r="E1905" s="6">
        <v>5303.1180000000004</v>
      </c>
    </row>
    <row r="1906" spans="4:5" x14ac:dyDescent="0.25">
      <c r="D1906" s="6">
        <v>833.56859999999995</v>
      </c>
      <c r="E1906" s="6">
        <v>540.57140000000004</v>
      </c>
    </row>
    <row r="1907" spans="4:5" x14ac:dyDescent="0.25">
      <c r="D1907" s="6">
        <v>736.29309999999998</v>
      </c>
      <c r="E1907" s="6">
        <v>2196.5659999999998</v>
      </c>
    </row>
    <row r="1908" spans="4:5" x14ac:dyDescent="0.25">
      <c r="D1908" s="6">
        <v>1296.24</v>
      </c>
      <c r="E1908" s="6">
        <v>1304.6949999999999</v>
      </c>
    </row>
    <row r="1909" spans="4:5" x14ac:dyDescent="0.25">
      <c r="D1909" s="6">
        <v>863.84519999999998</v>
      </c>
      <c r="E1909" s="6">
        <v>759.40700000000004</v>
      </c>
    </row>
    <row r="1910" spans="4:5" x14ac:dyDescent="0.25">
      <c r="D1910" s="6">
        <v>3516.8589999999999</v>
      </c>
      <c r="E1910" s="6">
        <v>798.85749999999996</v>
      </c>
    </row>
    <row r="1911" spans="4:5" x14ac:dyDescent="0.25">
      <c r="D1911" s="6">
        <v>544.24689999999998</v>
      </c>
      <c r="E1911" s="6">
        <v>489.04169999999999</v>
      </c>
    </row>
    <row r="1912" spans="4:5" x14ac:dyDescent="0.25">
      <c r="D1912" s="6">
        <v>1004.61</v>
      </c>
      <c r="E1912" s="6">
        <v>556.45249999999999</v>
      </c>
    </row>
    <row r="1913" spans="4:5" x14ac:dyDescent="0.25">
      <c r="D1913" s="6">
        <v>585.83619999999996</v>
      </c>
      <c r="E1913" s="6">
        <v>4049.3620000000001</v>
      </c>
    </row>
    <row r="1914" spans="4:5" x14ac:dyDescent="0.25">
      <c r="D1914" s="6">
        <v>5760.9650000000001</v>
      </c>
      <c r="E1914" s="6">
        <v>571.10799999999995</v>
      </c>
    </row>
    <row r="1915" spans="4:5" x14ac:dyDescent="0.25">
      <c r="D1915" s="6">
        <v>6770.2709999999997</v>
      </c>
      <c r="E1915" s="6">
        <v>612.94439999999997</v>
      </c>
    </row>
    <row r="1916" spans="4:5" x14ac:dyDescent="0.25">
      <c r="D1916" s="6">
        <v>1846.538</v>
      </c>
      <c r="E1916" s="6">
        <v>711.11199999999997</v>
      </c>
    </row>
    <row r="1917" spans="4:5" x14ac:dyDescent="0.25">
      <c r="D1917" s="6">
        <v>833.62049999999999</v>
      </c>
      <c r="E1917" s="6">
        <v>666.57849999999996</v>
      </c>
    </row>
    <row r="1918" spans="4:5" x14ac:dyDescent="0.25">
      <c r="D1918" s="6">
        <v>4252.8360000000002</v>
      </c>
      <c r="E1918" s="6">
        <v>4569.2550000000001</v>
      </c>
    </row>
    <row r="1919" spans="4:5" x14ac:dyDescent="0.25">
      <c r="D1919" s="6">
        <v>1065.8599999999999</v>
      </c>
      <c r="E1919" s="6">
        <v>5358.6509999999998</v>
      </c>
    </row>
    <row r="1920" spans="4:5" x14ac:dyDescent="0.25">
      <c r="D1920" s="6">
        <v>749.76850000000002</v>
      </c>
      <c r="E1920" s="6">
        <v>5161.0309999999999</v>
      </c>
    </row>
    <row r="1921" spans="4:5" x14ac:dyDescent="0.25">
      <c r="D1921" s="6">
        <v>916.80939999999998</v>
      </c>
      <c r="E1921" s="6">
        <v>797.69100000000003</v>
      </c>
    </row>
    <row r="1922" spans="4:5" x14ac:dyDescent="0.25">
      <c r="D1922" s="6">
        <v>700.43179999999995</v>
      </c>
      <c r="E1922" s="6">
        <v>651.13170000000002</v>
      </c>
    </row>
    <row r="1923" spans="4:5" x14ac:dyDescent="0.25">
      <c r="D1923" s="6">
        <v>889.51840000000004</v>
      </c>
      <c r="E1923" s="6">
        <v>718.90840000000003</v>
      </c>
    </row>
    <row r="1924" spans="4:5" x14ac:dyDescent="0.25">
      <c r="D1924" s="6">
        <v>673.65959999999995</v>
      </c>
      <c r="E1924" s="6">
        <v>1069.845</v>
      </c>
    </row>
    <row r="1925" spans="4:5" x14ac:dyDescent="0.25">
      <c r="D1925" s="6">
        <v>1310.7470000000001</v>
      </c>
      <c r="E1925" s="6">
        <v>687.72770000000003</v>
      </c>
    </row>
    <row r="1926" spans="4:5" x14ac:dyDescent="0.25">
      <c r="D1926" s="6">
        <v>1037.8489999999999</v>
      </c>
      <c r="E1926" s="6">
        <v>1195.6479999999999</v>
      </c>
    </row>
    <row r="1927" spans="4:5" x14ac:dyDescent="0.25">
      <c r="D1927" s="6">
        <v>1226.4000000000001</v>
      </c>
      <c r="E1927" s="6">
        <v>1074.1849999999999</v>
      </c>
    </row>
    <row r="1928" spans="4:5" x14ac:dyDescent="0.25">
      <c r="D1928" s="6">
        <v>1019.859</v>
      </c>
      <c r="E1928" s="6">
        <v>923.12170000000003</v>
      </c>
    </row>
    <row r="1929" spans="4:5" x14ac:dyDescent="0.25">
      <c r="D1929" s="6">
        <v>892.21100000000001</v>
      </c>
      <c r="E1929" s="6">
        <v>1113.5</v>
      </c>
    </row>
    <row r="1930" spans="4:5" x14ac:dyDescent="0.25">
      <c r="D1930" s="6">
        <v>758.0181</v>
      </c>
      <c r="E1930" s="6">
        <v>6571.2960000000003</v>
      </c>
    </row>
    <row r="1931" spans="4:5" x14ac:dyDescent="0.25">
      <c r="D1931" s="6">
        <v>1211.4380000000001</v>
      </c>
      <c r="E1931" s="6">
        <v>5245.4790000000003</v>
      </c>
    </row>
    <row r="1932" spans="4:5" x14ac:dyDescent="0.25">
      <c r="D1932" s="6">
        <v>755.01610000000005</v>
      </c>
      <c r="E1932" s="6">
        <v>720.05070000000001</v>
      </c>
    </row>
    <row r="1933" spans="4:5" x14ac:dyDescent="0.25">
      <c r="D1933" s="6">
        <v>827.78189999999995</v>
      </c>
      <c r="E1933" s="6">
        <v>832.80219999999997</v>
      </c>
    </row>
    <row r="1934" spans="4:5" x14ac:dyDescent="0.25">
      <c r="D1934" s="6">
        <v>770.13379999999995</v>
      </c>
      <c r="E1934" s="6">
        <v>884.43280000000004</v>
      </c>
    </row>
    <row r="1935" spans="4:5" x14ac:dyDescent="0.25">
      <c r="D1935" s="6">
        <v>944.75139999999999</v>
      </c>
      <c r="E1935" s="6">
        <v>759.5</v>
      </c>
    </row>
    <row r="1936" spans="4:5" x14ac:dyDescent="0.25">
      <c r="D1936" s="6">
        <v>10437.68</v>
      </c>
      <c r="E1936" s="6">
        <v>539.78330000000005</v>
      </c>
    </row>
    <row r="1937" spans="4:5" x14ac:dyDescent="0.25">
      <c r="D1937" s="6">
        <v>3067.221</v>
      </c>
      <c r="E1937" s="6">
        <v>535.02509999999995</v>
      </c>
    </row>
    <row r="1938" spans="4:5" x14ac:dyDescent="0.25">
      <c r="D1938" s="6">
        <v>657.32339999999999</v>
      </c>
      <c r="E1938" s="6">
        <v>4810.1289999999999</v>
      </c>
    </row>
    <row r="1939" spans="4:5" x14ac:dyDescent="0.25">
      <c r="D1939" s="6">
        <v>875.66420000000005</v>
      </c>
      <c r="E1939" s="6">
        <v>2504.462</v>
      </c>
    </row>
    <row r="1940" spans="4:5" x14ac:dyDescent="0.25">
      <c r="D1940" s="6">
        <v>780.71749999999997</v>
      </c>
      <c r="E1940" s="6">
        <v>697.46600000000001</v>
      </c>
    </row>
    <row r="1941" spans="4:5" x14ac:dyDescent="0.25">
      <c r="D1941" s="6">
        <v>771.4135</v>
      </c>
      <c r="E1941" s="6">
        <v>11812.92</v>
      </c>
    </row>
    <row r="1942" spans="4:5" x14ac:dyDescent="0.25">
      <c r="D1942" s="6">
        <v>1558.02</v>
      </c>
      <c r="E1942" s="6">
        <v>490.42559999999997</v>
      </c>
    </row>
    <row r="1943" spans="4:5" x14ac:dyDescent="0.25">
      <c r="D1943" s="6">
        <v>928.59820000000002</v>
      </c>
      <c r="E1943" s="6">
        <v>607.25189999999998</v>
      </c>
    </row>
    <row r="1944" spans="4:5" x14ac:dyDescent="0.25">
      <c r="D1944" s="6">
        <v>806.20870000000002</v>
      </c>
      <c r="E1944" s="6">
        <v>3503.011</v>
      </c>
    </row>
    <row r="1945" spans="4:5" x14ac:dyDescent="0.25">
      <c r="D1945" s="6">
        <v>5287.46</v>
      </c>
      <c r="E1945" s="6">
        <v>741.30399999999997</v>
      </c>
    </row>
    <row r="1946" spans="4:5" x14ac:dyDescent="0.25">
      <c r="D1946" s="6">
        <v>5565.7169999999996</v>
      </c>
      <c r="E1946" s="6">
        <v>668.71910000000003</v>
      </c>
    </row>
    <row r="1947" spans="4:5" x14ac:dyDescent="0.25">
      <c r="D1947" s="6">
        <v>960.06299999999999</v>
      </c>
      <c r="E1947" s="6">
        <v>772.91899999999998</v>
      </c>
    </row>
    <row r="1948" spans="4:5" x14ac:dyDescent="0.25">
      <c r="D1948" s="6">
        <v>890.96140000000003</v>
      </c>
      <c r="E1948" s="6">
        <v>1218.4169999999999</v>
      </c>
    </row>
    <row r="1949" spans="4:5" x14ac:dyDescent="0.25">
      <c r="D1949" s="6">
        <v>5064.9250000000002</v>
      </c>
      <c r="E1949" s="6">
        <v>1032.1669999999999</v>
      </c>
    </row>
    <row r="1950" spans="4:5" x14ac:dyDescent="0.25">
      <c r="D1950" s="6">
        <v>959.5729</v>
      </c>
      <c r="E1950" s="6">
        <v>945.85699999999997</v>
      </c>
    </row>
    <row r="1951" spans="4:5" x14ac:dyDescent="0.25">
      <c r="D1951" s="6">
        <v>777.0761</v>
      </c>
      <c r="E1951" s="6">
        <v>4202.1419999999998</v>
      </c>
    </row>
    <row r="1952" spans="4:5" x14ac:dyDescent="0.25">
      <c r="D1952" s="6">
        <v>5175.5450000000001</v>
      </c>
      <c r="E1952" s="6">
        <v>659.53470000000004</v>
      </c>
    </row>
    <row r="1953" spans="4:5" x14ac:dyDescent="0.25">
      <c r="D1953" s="6">
        <v>684.34220000000005</v>
      </c>
      <c r="E1953" s="6">
        <v>1530.788</v>
      </c>
    </row>
    <row r="1954" spans="4:5" x14ac:dyDescent="0.25">
      <c r="D1954" s="6">
        <v>590.81129999999996</v>
      </c>
      <c r="E1954" s="6">
        <v>676.09820000000002</v>
      </c>
    </row>
    <row r="1955" spans="4:5" x14ac:dyDescent="0.25">
      <c r="D1955" s="6">
        <v>851.18600000000004</v>
      </c>
      <c r="E1955" s="6">
        <v>1164.8330000000001</v>
      </c>
    </row>
    <row r="1956" spans="4:5" x14ac:dyDescent="0.25">
      <c r="D1956" s="6">
        <v>2177.9</v>
      </c>
      <c r="E1956" s="6">
        <v>1160.8399999999999</v>
      </c>
    </row>
    <row r="1957" spans="4:5" x14ac:dyDescent="0.25">
      <c r="D1957" s="6">
        <v>5755.3990000000003</v>
      </c>
      <c r="E1957" s="6">
        <v>4234.7039999999997</v>
      </c>
    </row>
    <row r="1958" spans="4:5" x14ac:dyDescent="0.25">
      <c r="D1958" s="6">
        <v>6925.7020000000002</v>
      </c>
      <c r="E1958" s="6">
        <v>6138.3140000000003</v>
      </c>
    </row>
    <row r="1959" spans="4:5" x14ac:dyDescent="0.25">
      <c r="D1959" s="6">
        <v>712.71910000000003</v>
      </c>
      <c r="E1959" s="6">
        <v>708.78150000000005</v>
      </c>
    </row>
    <row r="1960" spans="4:5" x14ac:dyDescent="0.25">
      <c r="D1960" s="6">
        <v>1345.751</v>
      </c>
      <c r="E1960" s="6">
        <v>3933.826</v>
      </c>
    </row>
    <row r="1961" spans="4:5" x14ac:dyDescent="0.25">
      <c r="D1961" s="6">
        <v>8679.5889999999999</v>
      </c>
      <c r="E1961" s="6">
        <v>484</v>
      </c>
    </row>
    <row r="1962" spans="4:5" x14ac:dyDescent="0.25">
      <c r="D1962" s="6">
        <v>739.2799</v>
      </c>
      <c r="E1962" s="6">
        <v>1177</v>
      </c>
    </row>
    <row r="1963" spans="4:5" x14ac:dyDescent="0.25">
      <c r="D1963" s="6">
        <v>647.38109999999995</v>
      </c>
      <c r="E1963" s="6">
        <v>5688.3950000000004</v>
      </c>
    </row>
    <row r="1964" spans="4:5" x14ac:dyDescent="0.25">
      <c r="D1964" s="6">
        <v>689.58320000000003</v>
      </c>
      <c r="E1964" s="6">
        <v>781.10239999999999</v>
      </c>
    </row>
    <row r="1965" spans="4:5" x14ac:dyDescent="0.25">
      <c r="D1965" s="6">
        <v>9036.7759999999998</v>
      </c>
      <c r="E1965" s="6">
        <v>1256.837</v>
      </c>
    </row>
    <row r="1966" spans="4:5" x14ac:dyDescent="0.25">
      <c r="D1966" s="6">
        <v>991.0258</v>
      </c>
      <c r="E1966" s="6">
        <v>1067.1079999999999</v>
      </c>
    </row>
    <row r="1967" spans="4:5" x14ac:dyDescent="0.25">
      <c r="D1967" s="6">
        <v>794.12369999999999</v>
      </c>
      <c r="E1967" s="6">
        <v>1226.5129999999999</v>
      </c>
    </row>
    <row r="1968" spans="4:5" x14ac:dyDescent="0.25">
      <c r="D1968" s="6">
        <v>1703.2650000000001</v>
      </c>
      <c r="E1968" s="6">
        <v>4834.808</v>
      </c>
    </row>
    <row r="1969" spans="4:5" x14ac:dyDescent="0.25">
      <c r="D1969" s="6">
        <v>7640.1149999999998</v>
      </c>
      <c r="E1969" s="6">
        <v>4951.79</v>
      </c>
    </row>
    <row r="1970" spans="4:5" x14ac:dyDescent="0.25">
      <c r="D1970" s="6">
        <v>877.50450000000001</v>
      </c>
      <c r="E1970" s="6">
        <v>714.89639999999997</v>
      </c>
    </row>
    <row r="1971" spans="4:5" x14ac:dyDescent="0.25">
      <c r="D1971" s="6">
        <v>647.20719999999994</v>
      </c>
      <c r="E1971" s="6">
        <v>810.81669999999997</v>
      </c>
    </row>
    <row r="1972" spans="4:5" x14ac:dyDescent="0.25">
      <c r="D1972" s="6">
        <v>895.96389999999997</v>
      </c>
      <c r="E1972" s="6">
        <v>5034.4769999999999</v>
      </c>
    </row>
    <row r="1973" spans="4:5" x14ac:dyDescent="0.25">
      <c r="D1973" s="6">
        <v>903.37540000000001</v>
      </c>
      <c r="E1973" s="6">
        <v>449.9205</v>
      </c>
    </row>
    <row r="1974" spans="4:5" x14ac:dyDescent="0.25">
      <c r="D1974" s="6">
        <v>1220.2950000000001</v>
      </c>
      <c r="E1974" s="6">
        <v>964.75040000000001</v>
      </c>
    </row>
    <row r="1975" spans="4:5" x14ac:dyDescent="0.25">
      <c r="D1975" s="6">
        <v>743.26</v>
      </c>
      <c r="E1975" s="6">
        <v>721.01419999999996</v>
      </c>
    </row>
    <row r="1976" spans="4:5" x14ac:dyDescent="0.25">
      <c r="D1976" s="6">
        <v>723.03959999999995</v>
      </c>
      <c r="E1976" s="6">
        <v>3924.047</v>
      </c>
    </row>
    <row r="1977" spans="4:5" x14ac:dyDescent="0.25">
      <c r="D1977" s="6">
        <v>1030.5809999999999</v>
      </c>
      <c r="E1977" s="6">
        <v>1239.585</v>
      </c>
    </row>
    <row r="1978" spans="4:5" x14ac:dyDescent="0.25">
      <c r="D1978" s="6">
        <v>5010.3140000000003</v>
      </c>
      <c r="E1978" s="6">
        <v>702.46489999999994</v>
      </c>
    </row>
    <row r="1979" spans="4:5" x14ac:dyDescent="0.25">
      <c r="D1979" s="6">
        <v>1312.864</v>
      </c>
      <c r="E1979" s="6">
        <v>634.93520000000001</v>
      </c>
    </row>
    <row r="1980" spans="4:5" x14ac:dyDescent="0.25">
      <c r="D1980" s="6">
        <v>724.00850000000003</v>
      </c>
      <c r="E1980" s="6">
        <v>1387.549</v>
      </c>
    </row>
    <row r="1981" spans="4:5" x14ac:dyDescent="0.25">
      <c r="D1981" s="6">
        <v>1226.7860000000001</v>
      </c>
      <c r="E1981" s="6">
        <v>770.96820000000002</v>
      </c>
    </row>
    <row r="1982" spans="4:5" x14ac:dyDescent="0.25">
      <c r="D1982" s="6">
        <v>1205.1669999999999</v>
      </c>
      <c r="E1982" s="6">
        <v>652.84849999999994</v>
      </c>
    </row>
    <row r="1983" spans="4:5" x14ac:dyDescent="0.25">
      <c r="D1983" s="6">
        <v>871.31020000000001</v>
      </c>
      <c r="E1983" s="6">
        <v>1320.2360000000001</v>
      </c>
    </row>
    <row r="1984" spans="4:5" x14ac:dyDescent="0.25">
      <c r="D1984" s="6">
        <v>1004.641</v>
      </c>
      <c r="E1984" s="6">
        <v>635.27940000000001</v>
      </c>
    </row>
    <row r="1985" spans="4:5" x14ac:dyDescent="0.25">
      <c r="D1985" s="6">
        <v>977.5</v>
      </c>
      <c r="E1985" s="6">
        <v>1207.4860000000001</v>
      </c>
    </row>
    <row r="1986" spans="4:5" x14ac:dyDescent="0.25">
      <c r="D1986" s="6">
        <v>471.08269999999999</v>
      </c>
      <c r="E1986" s="6">
        <v>707.16840000000002</v>
      </c>
    </row>
    <row r="1987" spans="4:5" x14ac:dyDescent="0.25">
      <c r="D1987" s="6">
        <v>879.39509999999996</v>
      </c>
      <c r="E1987" s="6">
        <v>6912.3130000000001</v>
      </c>
    </row>
    <row r="1988" spans="4:5" x14ac:dyDescent="0.25">
      <c r="D1988" s="6">
        <v>7520.0630000000001</v>
      </c>
      <c r="E1988" s="6">
        <v>515.77970000000005</v>
      </c>
    </row>
    <row r="1989" spans="4:5" x14ac:dyDescent="0.25">
      <c r="D1989" s="6">
        <v>835.84379999999999</v>
      </c>
      <c r="E1989" s="6">
        <v>894.24919999999997</v>
      </c>
    </row>
    <row r="1990" spans="4:5" x14ac:dyDescent="0.25">
      <c r="D1990" s="6">
        <v>643.87189999999998</v>
      </c>
      <c r="E1990" s="6">
        <v>1009.328</v>
      </c>
    </row>
    <row r="1991" spans="4:5" x14ac:dyDescent="0.25">
      <c r="D1991" s="6">
        <v>849.83590000000004</v>
      </c>
      <c r="E1991" s="6">
        <v>681.91269999999997</v>
      </c>
    </row>
    <row r="1992" spans="4:5" x14ac:dyDescent="0.25">
      <c r="D1992" s="6">
        <v>7353.5469999999996</v>
      </c>
      <c r="E1992" s="6">
        <v>707.39350000000002</v>
      </c>
    </row>
    <row r="1993" spans="4:5" x14ac:dyDescent="0.25">
      <c r="D1993" s="6">
        <v>666.69069999999999</v>
      </c>
      <c r="E1993" s="6">
        <v>3725.652</v>
      </c>
    </row>
    <row r="1994" spans="4:5" x14ac:dyDescent="0.25">
      <c r="D1994" s="6">
        <v>7141.7830000000004</v>
      </c>
      <c r="E1994" s="6">
        <v>729</v>
      </c>
    </row>
    <row r="1995" spans="4:5" x14ac:dyDescent="0.25">
      <c r="D1995" s="6">
        <v>616.77679999999998</v>
      </c>
      <c r="E1995" s="6">
        <v>2115.7840000000001</v>
      </c>
    </row>
    <row r="1996" spans="4:5" x14ac:dyDescent="0.25">
      <c r="D1996" s="6">
        <v>3323.5650000000001</v>
      </c>
      <c r="E1996" s="6">
        <v>1522.9770000000001</v>
      </c>
    </row>
    <row r="1997" spans="4:5" x14ac:dyDescent="0.25">
      <c r="D1997" s="6">
        <v>1003.828</v>
      </c>
      <c r="E1997" s="6">
        <v>1118.99</v>
      </c>
    </row>
    <row r="1998" spans="4:5" x14ac:dyDescent="0.25">
      <c r="D1998" s="6">
        <v>787.35950000000003</v>
      </c>
      <c r="E1998" s="6">
        <v>712.45209999999997</v>
      </c>
    </row>
    <row r="1999" spans="4:5" x14ac:dyDescent="0.25">
      <c r="D1999" s="6">
        <v>881.94510000000002</v>
      </c>
      <c r="E1999" s="6">
        <v>341.87580000000003</v>
      </c>
    </row>
    <row r="2000" spans="4:5" x14ac:dyDescent="0.25">
      <c r="D2000" s="6">
        <v>1375.57</v>
      </c>
      <c r="E2000" s="6">
        <v>650.62580000000003</v>
      </c>
    </row>
    <row r="2001" spans="4:5" x14ac:dyDescent="0.25">
      <c r="D2001" s="6">
        <v>2435.723</v>
      </c>
      <c r="E2001" s="6">
        <v>477.625</v>
      </c>
    </row>
    <row r="2002" spans="4:5" x14ac:dyDescent="0.25">
      <c r="D2002" s="6">
        <v>3155.5410000000002</v>
      </c>
      <c r="E2002" s="6">
        <v>6818.6710000000003</v>
      </c>
    </row>
    <row r="2003" spans="4:5" x14ac:dyDescent="0.25">
      <c r="D2003" s="6">
        <v>764.57690000000002</v>
      </c>
      <c r="E2003" s="6">
        <v>683.96259999999995</v>
      </c>
    </row>
    <row r="2004" spans="4:5" x14ac:dyDescent="0.25">
      <c r="D2004" s="6">
        <v>980.40840000000003</v>
      </c>
      <c r="E2004" s="6">
        <v>4176.37</v>
      </c>
    </row>
    <row r="2005" spans="4:5" x14ac:dyDescent="0.25">
      <c r="D2005" s="6">
        <v>871.82150000000001</v>
      </c>
      <c r="E2005" s="6">
        <v>597.66039999999998</v>
      </c>
    </row>
    <row r="2006" spans="4:5" x14ac:dyDescent="0.25">
      <c r="D2006" s="6">
        <v>866.46690000000001</v>
      </c>
      <c r="E2006" s="6">
        <v>2937.12</v>
      </c>
    </row>
    <row r="2007" spans="4:5" x14ac:dyDescent="0.25">
      <c r="D2007" s="6">
        <v>973.20330000000001</v>
      </c>
      <c r="E2007" s="6">
        <v>524.4665</v>
      </c>
    </row>
    <row r="2008" spans="4:5" x14ac:dyDescent="0.25">
      <c r="D2008" s="6">
        <v>6380.92</v>
      </c>
      <c r="E2008" s="6">
        <v>3917.6669999999999</v>
      </c>
    </row>
    <row r="2009" spans="4:5" x14ac:dyDescent="0.25">
      <c r="D2009" s="6">
        <v>720.94029999999998</v>
      </c>
      <c r="E2009" s="6">
        <v>448.48039999999997</v>
      </c>
    </row>
    <row r="2010" spans="4:5" x14ac:dyDescent="0.25">
      <c r="D2010" s="6">
        <v>1256.7729999999999</v>
      </c>
      <c r="E2010" s="6">
        <v>815</v>
      </c>
    </row>
    <row r="2011" spans="4:5" x14ac:dyDescent="0.25">
      <c r="D2011" s="6">
        <v>935.07690000000002</v>
      </c>
      <c r="E2011" s="6">
        <v>4271.866</v>
      </c>
    </row>
    <row r="2012" spans="4:5" x14ac:dyDescent="0.25">
      <c r="D2012" s="6">
        <v>1164.9949999999999</v>
      </c>
      <c r="E2012" s="6">
        <v>796.31600000000003</v>
      </c>
    </row>
    <row r="2013" spans="4:5" x14ac:dyDescent="0.25">
      <c r="D2013" s="6">
        <v>590.6223</v>
      </c>
      <c r="E2013" s="6">
        <v>4642.42</v>
      </c>
    </row>
    <row r="2014" spans="4:5" x14ac:dyDescent="0.25">
      <c r="D2014" s="6">
        <v>790.15560000000005</v>
      </c>
      <c r="E2014" s="6">
        <v>1070.152</v>
      </c>
    </row>
    <row r="2015" spans="4:5" x14ac:dyDescent="0.25">
      <c r="D2015" s="6">
        <v>929.37860000000001</v>
      </c>
      <c r="E2015" s="6">
        <v>740.8297</v>
      </c>
    </row>
    <row r="2016" spans="4:5" x14ac:dyDescent="0.25">
      <c r="D2016" s="6">
        <v>884.77380000000005</v>
      </c>
      <c r="E2016" s="6">
        <v>4683.5140000000001</v>
      </c>
    </row>
    <row r="2017" spans="4:5" x14ac:dyDescent="0.25">
      <c r="D2017" s="6">
        <v>574</v>
      </c>
      <c r="E2017" s="6">
        <v>4035.7719999999999</v>
      </c>
    </row>
    <row r="2018" spans="4:5" x14ac:dyDescent="0.25">
      <c r="D2018" s="6">
        <v>811.57669999999996</v>
      </c>
      <c r="E2018" s="6">
        <v>805.28570000000002</v>
      </c>
    </row>
    <row r="2019" spans="4:5" x14ac:dyDescent="0.25">
      <c r="D2019" s="6">
        <v>815.34670000000006</v>
      </c>
      <c r="E2019" s="6">
        <v>794.52499999999998</v>
      </c>
    </row>
    <row r="2020" spans="4:5" x14ac:dyDescent="0.25">
      <c r="D2020" s="6">
        <v>1016.193</v>
      </c>
      <c r="E2020" s="6">
        <v>742.22550000000001</v>
      </c>
    </row>
    <row r="2021" spans="4:5" x14ac:dyDescent="0.25">
      <c r="D2021" s="6">
        <v>609.82460000000003</v>
      </c>
      <c r="E2021" s="6">
        <v>688.32860000000005</v>
      </c>
    </row>
    <row r="2022" spans="4:5" x14ac:dyDescent="0.25">
      <c r="D2022" s="6">
        <v>814.87829999999997</v>
      </c>
      <c r="E2022" s="6">
        <v>539</v>
      </c>
    </row>
    <row r="2023" spans="4:5" x14ac:dyDescent="0.25">
      <c r="D2023" s="6">
        <v>784.59519999999998</v>
      </c>
      <c r="E2023" s="6">
        <v>627.85760000000005</v>
      </c>
    </row>
    <row r="2024" spans="4:5" x14ac:dyDescent="0.25">
      <c r="D2024" s="6">
        <v>2070.6390000000001</v>
      </c>
      <c r="E2024" s="6">
        <v>1274.962</v>
      </c>
    </row>
    <row r="2025" spans="4:5" x14ac:dyDescent="0.25">
      <c r="D2025" s="6">
        <v>5794.9930000000004</v>
      </c>
      <c r="E2025" s="6">
        <v>1476.5530000000001</v>
      </c>
    </row>
    <row r="2026" spans="4:5" x14ac:dyDescent="0.25">
      <c r="D2026" s="6">
        <v>619.53579999999999</v>
      </c>
      <c r="E2026" s="6">
        <v>979.05820000000006</v>
      </c>
    </row>
    <row r="2027" spans="4:5" x14ac:dyDescent="0.25">
      <c r="D2027" s="6">
        <v>1000.388</v>
      </c>
      <c r="E2027" s="6">
        <v>1193.8589999999999</v>
      </c>
    </row>
    <row r="2028" spans="4:5" x14ac:dyDescent="0.25">
      <c r="D2028" s="6">
        <v>885.68470000000002</v>
      </c>
      <c r="E2028" s="6">
        <v>5598.732</v>
      </c>
    </row>
    <row r="2029" spans="4:5" x14ac:dyDescent="0.25">
      <c r="D2029" s="6">
        <v>5714.2669999999998</v>
      </c>
      <c r="E2029" s="6">
        <v>568.91129999999998</v>
      </c>
    </row>
    <row r="2030" spans="4:5" x14ac:dyDescent="0.25">
      <c r="D2030" s="6">
        <v>863.23270000000002</v>
      </c>
      <c r="E2030" s="6">
        <v>1392.1279999999999</v>
      </c>
    </row>
    <row r="2031" spans="4:5" x14ac:dyDescent="0.25">
      <c r="D2031" s="6">
        <v>900.45349999999996</v>
      </c>
      <c r="E2031" s="6">
        <v>726.02800000000002</v>
      </c>
    </row>
    <row r="2032" spans="4:5" x14ac:dyDescent="0.25">
      <c r="D2032" s="6">
        <v>895.98299999999995</v>
      </c>
      <c r="E2032" s="6">
        <v>3839.26</v>
      </c>
    </row>
    <row r="2033" spans="4:5" x14ac:dyDescent="0.25">
      <c r="D2033" s="6">
        <v>689.69259999999997</v>
      </c>
      <c r="E2033" s="6">
        <v>3314.8780000000002</v>
      </c>
    </row>
    <row r="2034" spans="4:5" x14ac:dyDescent="0.25">
      <c r="D2034" s="6">
        <v>828.7876</v>
      </c>
      <c r="E2034" s="6">
        <v>860.33619999999996</v>
      </c>
    </row>
    <row r="2035" spans="4:5" x14ac:dyDescent="0.25">
      <c r="D2035" s="6">
        <v>866.16039999999998</v>
      </c>
      <c r="E2035" s="6">
        <v>760.44349999999997</v>
      </c>
    </row>
    <row r="2036" spans="4:5" x14ac:dyDescent="0.25">
      <c r="D2036" s="6">
        <v>993.02560000000005</v>
      </c>
      <c r="E2036" s="6">
        <v>559.06150000000002</v>
      </c>
    </row>
    <row r="2037" spans="4:5" x14ac:dyDescent="0.25">
      <c r="D2037" s="6">
        <v>5295.8149999999996</v>
      </c>
      <c r="E2037" s="6">
        <v>902.73170000000005</v>
      </c>
    </row>
    <row r="2038" spans="4:5" x14ac:dyDescent="0.25">
      <c r="D2038" s="6">
        <v>997.72879999999998</v>
      </c>
      <c r="E2038" s="6">
        <v>703.73689999999999</v>
      </c>
    </row>
    <row r="2039" spans="4:5" x14ac:dyDescent="0.25">
      <c r="D2039" s="6">
        <v>764.69470000000001</v>
      </c>
      <c r="E2039" s="6">
        <v>1439.425</v>
      </c>
    </row>
    <row r="2040" spans="4:5" x14ac:dyDescent="0.25">
      <c r="D2040" s="6">
        <v>6997.65</v>
      </c>
      <c r="E2040" s="6">
        <v>537.46510000000001</v>
      </c>
    </row>
    <row r="2041" spans="4:5" x14ac:dyDescent="0.25">
      <c r="D2041" s="6">
        <v>839.50099999999998</v>
      </c>
      <c r="E2041" s="6">
        <v>649.28869999999995</v>
      </c>
    </row>
    <row r="2042" spans="4:5" x14ac:dyDescent="0.25">
      <c r="D2042" s="6">
        <v>1040.1199999999999</v>
      </c>
      <c r="E2042" s="6">
        <v>1302</v>
      </c>
    </row>
    <row r="2043" spans="4:5" x14ac:dyDescent="0.25">
      <c r="D2043" s="6">
        <v>562.71759999999995</v>
      </c>
      <c r="E2043" s="6">
        <v>623.08939999999996</v>
      </c>
    </row>
    <row r="2044" spans="4:5" x14ac:dyDescent="0.25">
      <c r="D2044" s="6">
        <v>644.09559999999999</v>
      </c>
      <c r="E2044" s="6">
        <v>4278.884</v>
      </c>
    </row>
    <row r="2045" spans="4:5" x14ac:dyDescent="0.25">
      <c r="D2045" s="6">
        <v>785.89269999999999</v>
      </c>
      <c r="E2045" s="6">
        <v>842.00229999999999</v>
      </c>
    </row>
    <row r="2046" spans="4:5" x14ac:dyDescent="0.25">
      <c r="D2046" s="6">
        <v>558.93420000000003</v>
      </c>
      <c r="E2046" s="6">
        <v>3699.0749999999998</v>
      </c>
    </row>
    <row r="2047" spans="4:5" x14ac:dyDescent="0.25">
      <c r="D2047" s="6">
        <v>731.04039999999998</v>
      </c>
      <c r="E2047" s="6">
        <v>1695.046</v>
      </c>
    </row>
    <row r="2048" spans="4:5" x14ac:dyDescent="0.25">
      <c r="D2048" s="6">
        <v>874.18700000000001</v>
      </c>
      <c r="E2048" s="6">
        <v>1044.5440000000001</v>
      </c>
    </row>
    <row r="2049" spans="4:5" x14ac:dyDescent="0.25">
      <c r="D2049" s="6">
        <v>735.01969999999994</v>
      </c>
      <c r="E2049" s="6">
        <v>1484.3989999999999</v>
      </c>
    </row>
    <row r="2050" spans="4:5" x14ac:dyDescent="0.25">
      <c r="D2050" s="6">
        <v>6707.7950000000001</v>
      </c>
      <c r="E2050" s="6">
        <v>661.09619999999995</v>
      </c>
    </row>
    <row r="2051" spans="4:5" x14ac:dyDescent="0.25">
      <c r="D2051" s="6">
        <v>1586.479</v>
      </c>
      <c r="E2051" s="6">
        <v>698.46910000000003</v>
      </c>
    </row>
    <row r="2052" spans="4:5" x14ac:dyDescent="0.25">
      <c r="D2052" s="6">
        <v>3670.3229999999999</v>
      </c>
      <c r="E2052" s="6">
        <v>632.59280000000001</v>
      </c>
    </row>
    <row r="2053" spans="4:5" x14ac:dyDescent="0.25">
      <c r="D2053" s="6">
        <v>4129.3329999999996</v>
      </c>
      <c r="E2053" s="6">
        <v>4862.9849999999997</v>
      </c>
    </row>
    <row r="2054" spans="4:5" x14ac:dyDescent="0.25">
      <c r="D2054" s="6">
        <v>6079.5479999999998</v>
      </c>
      <c r="E2054" s="6">
        <v>647.23519999999996</v>
      </c>
    </row>
    <row r="2055" spans="4:5" x14ac:dyDescent="0.25">
      <c r="D2055" s="6">
        <v>914.27949999999998</v>
      </c>
      <c r="E2055" s="6">
        <v>573.37459999999999</v>
      </c>
    </row>
    <row r="2056" spans="4:5" x14ac:dyDescent="0.25">
      <c r="D2056" s="6">
        <v>651.71339999999998</v>
      </c>
      <c r="E2056" s="6">
        <v>722.11059999999998</v>
      </c>
    </row>
    <row r="2057" spans="4:5" x14ac:dyDescent="0.25">
      <c r="D2057" s="6">
        <v>850.19600000000003</v>
      </c>
      <c r="E2057" s="6">
        <v>698.51020000000005</v>
      </c>
    </row>
    <row r="2058" spans="4:5" x14ac:dyDescent="0.25">
      <c r="D2058" s="6">
        <v>799.11109999999996</v>
      </c>
      <c r="E2058" s="6">
        <v>1295.106</v>
      </c>
    </row>
    <row r="2059" spans="4:5" x14ac:dyDescent="0.25">
      <c r="D2059" s="6">
        <v>403.39640000000003</v>
      </c>
      <c r="E2059" s="6">
        <v>678.71849999999995</v>
      </c>
    </row>
    <row r="2060" spans="4:5" x14ac:dyDescent="0.25">
      <c r="D2060" s="6">
        <v>1727.365</v>
      </c>
      <c r="E2060" s="6">
        <v>3865.634</v>
      </c>
    </row>
    <row r="2061" spans="4:5" x14ac:dyDescent="0.25">
      <c r="D2061" s="6">
        <v>2403.8510000000001</v>
      </c>
      <c r="E2061" s="6">
        <v>700.61289999999997</v>
      </c>
    </row>
    <row r="2062" spans="4:5" x14ac:dyDescent="0.25">
      <c r="D2062" s="6">
        <v>1523.1089999999999</v>
      </c>
      <c r="E2062" s="6">
        <v>5167.6379999999999</v>
      </c>
    </row>
    <row r="2063" spans="4:5" x14ac:dyDescent="0.25">
      <c r="D2063" s="6">
        <v>711.56579999999997</v>
      </c>
      <c r="E2063" s="6">
        <v>479.31790000000001</v>
      </c>
    </row>
    <row r="2064" spans="4:5" x14ac:dyDescent="0.25">
      <c r="D2064" s="6">
        <v>813.88049999999998</v>
      </c>
      <c r="E2064" s="6">
        <v>1773.1510000000001</v>
      </c>
    </row>
    <row r="2065" spans="4:5" x14ac:dyDescent="0.25">
      <c r="D2065" s="6">
        <v>640.67920000000004</v>
      </c>
      <c r="E2065" s="6">
        <v>392.6</v>
      </c>
    </row>
    <row r="2066" spans="4:5" x14ac:dyDescent="0.25">
      <c r="D2066" s="6">
        <v>853.68349999999998</v>
      </c>
      <c r="E2066" s="6">
        <v>4330.6930000000002</v>
      </c>
    </row>
    <row r="2067" spans="4:5" x14ac:dyDescent="0.25">
      <c r="D2067" s="6">
        <v>4678.1109999999999</v>
      </c>
      <c r="E2067" s="6">
        <v>653.35289999999998</v>
      </c>
    </row>
    <row r="2068" spans="4:5" x14ac:dyDescent="0.25">
      <c r="D2068" s="6">
        <v>683.24270000000001</v>
      </c>
      <c r="E2068" s="6">
        <v>5813.5219999999999</v>
      </c>
    </row>
    <row r="2069" spans="4:5" x14ac:dyDescent="0.25">
      <c r="D2069" s="6">
        <v>798.13070000000005</v>
      </c>
      <c r="E2069" s="6">
        <v>621.16520000000003</v>
      </c>
    </row>
    <row r="2070" spans="4:5" x14ac:dyDescent="0.25">
      <c r="D2070" s="6">
        <v>6611.268</v>
      </c>
      <c r="E2070" s="6">
        <v>4155.6670000000004</v>
      </c>
    </row>
    <row r="2071" spans="4:5" x14ac:dyDescent="0.25">
      <c r="D2071" s="6">
        <v>980.23979999999995</v>
      </c>
      <c r="E2071" s="6">
        <v>935.89469999999994</v>
      </c>
    </row>
    <row r="2072" spans="4:5" x14ac:dyDescent="0.25">
      <c r="D2072" s="6">
        <v>535.51189999999997</v>
      </c>
      <c r="E2072" s="6">
        <v>732.78139999999996</v>
      </c>
    </row>
    <row r="2073" spans="4:5" x14ac:dyDescent="0.25">
      <c r="D2073" s="6">
        <v>1728.84</v>
      </c>
      <c r="E2073" s="6">
        <v>3959.8510000000001</v>
      </c>
    </row>
    <row r="2074" spans="4:5" x14ac:dyDescent="0.25">
      <c r="D2074" s="6">
        <v>644.30070000000001</v>
      </c>
      <c r="E2074" s="6">
        <v>649.98839999999996</v>
      </c>
    </row>
    <row r="2075" spans="4:5" x14ac:dyDescent="0.25">
      <c r="D2075" s="6">
        <v>2264.8200000000002</v>
      </c>
      <c r="E2075" s="6">
        <v>568.03610000000003</v>
      </c>
    </row>
    <row r="2076" spans="4:5" x14ac:dyDescent="0.25">
      <c r="D2076" s="6">
        <v>7170.5</v>
      </c>
      <c r="E2076" s="6">
        <v>1211.3520000000001</v>
      </c>
    </row>
    <row r="2077" spans="4:5" x14ac:dyDescent="0.25">
      <c r="D2077" s="6">
        <v>5668.4279999999999</v>
      </c>
      <c r="E2077" s="6">
        <v>654.13379999999995</v>
      </c>
    </row>
    <row r="2078" spans="4:5" x14ac:dyDescent="0.25">
      <c r="D2078" s="6">
        <v>789.40480000000002</v>
      </c>
      <c r="E2078" s="6">
        <v>986.32380000000001</v>
      </c>
    </row>
    <row r="2079" spans="4:5" x14ac:dyDescent="0.25">
      <c r="D2079" s="6">
        <v>6661.4769999999999</v>
      </c>
      <c r="E2079" s="6">
        <v>455.95420000000001</v>
      </c>
    </row>
    <row r="2080" spans="4:5" x14ac:dyDescent="0.25">
      <c r="D2080" s="6">
        <v>2181.37</v>
      </c>
      <c r="E2080" s="6">
        <v>623.44839999999999</v>
      </c>
    </row>
    <row r="2081" spans="4:5" x14ac:dyDescent="0.25">
      <c r="D2081" s="6">
        <v>948.44439999999997</v>
      </c>
      <c r="E2081" s="6">
        <v>534.72310000000004</v>
      </c>
    </row>
    <row r="2082" spans="4:5" x14ac:dyDescent="0.25">
      <c r="D2082" s="6">
        <v>926.60979999999995</v>
      </c>
      <c r="E2082" s="6">
        <v>723.97839999999997</v>
      </c>
    </row>
    <row r="2083" spans="4:5" x14ac:dyDescent="0.25">
      <c r="D2083" s="6">
        <v>713.41449999999998</v>
      </c>
      <c r="E2083" s="6">
        <v>452.26839999999999</v>
      </c>
    </row>
    <row r="2084" spans="4:5" x14ac:dyDescent="0.25">
      <c r="D2084" s="6">
        <v>7478.0649999999996</v>
      </c>
      <c r="E2084" s="6">
        <v>2045.085</v>
      </c>
    </row>
    <row r="2085" spans="4:5" x14ac:dyDescent="0.25">
      <c r="D2085" s="6">
        <v>5788</v>
      </c>
      <c r="E2085" s="6">
        <v>813.72529999999995</v>
      </c>
    </row>
    <row r="2086" spans="4:5" x14ac:dyDescent="0.25">
      <c r="D2086" s="6">
        <v>993.57399999999996</v>
      </c>
      <c r="E2086" s="6">
        <v>5069.34</v>
      </c>
    </row>
    <row r="2087" spans="4:5" x14ac:dyDescent="0.25">
      <c r="D2087" s="6">
        <v>1656.14</v>
      </c>
      <c r="E2087" s="6">
        <v>595.45719999999994</v>
      </c>
    </row>
    <row r="2088" spans="4:5" x14ac:dyDescent="0.25">
      <c r="D2088" s="6">
        <v>986.18629999999996</v>
      </c>
      <c r="E2088" s="6">
        <v>7649.5</v>
      </c>
    </row>
    <row r="2089" spans="4:5" x14ac:dyDescent="0.25">
      <c r="D2089" s="6">
        <v>5514.1589999999997</v>
      </c>
      <c r="E2089" s="6">
        <v>7086.232</v>
      </c>
    </row>
    <row r="2090" spans="4:5" x14ac:dyDescent="0.25">
      <c r="D2090" s="6">
        <v>1690.1310000000001</v>
      </c>
      <c r="E2090" s="6">
        <v>4715.22</v>
      </c>
    </row>
    <row r="2091" spans="4:5" x14ac:dyDescent="0.25">
      <c r="D2091" s="6">
        <v>609.66420000000005</v>
      </c>
      <c r="E2091" s="6">
        <v>540.46429999999998</v>
      </c>
    </row>
    <row r="2092" spans="4:5" x14ac:dyDescent="0.25">
      <c r="D2092" s="6">
        <v>743.89599999999996</v>
      </c>
      <c r="E2092" s="6">
        <v>613.1001</v>
      </c>
    </row>
    <row r="2093" spans="4:5" x14ac:dyDescent="0.25">
      <c r="D2093" s="6">
        <v>1322.2449999999999</v>
      </c>
      <c r="E2093" s="6">
        <v>544.67330000000004</v>
      </c>
    </row>
    <row r="2094" spans="4:5" x14ac:dyDescent="0.25">
      <c r="D2094" s="6">
        <v>672.67859999999996</v>
      </c>
      <c r="E2094" s="6">
        <v>659.49090000000001</v>
      </c>
    </row>
    <row r="2095" spans="4:5" x14ac:dyDescent="0.25">
      <c r="D2095" s="6">
        <v>971.70270000000005</v>
      </c>
      <c r="E2095" s="6">
        <v>3942.0160000000001</v>
      </c>
    </row>
    <row r="2096" spans="4:5" x14ac:dyDescent="0.25">
      <c r="D2096" s="6">
        <v>615.71439999999996</v>
      </c>
      <c r="E2096" s="6">
        <v>446.67599999999999</v>
      </c>
    </row>
    <row r="2097" spans="4:5" x14ac:dyDescent="0.25">
      <c r="D2097" s="6">
        <v>741.05600000000004</v>
      </c>
      <c r="E2097" s="6">
        <v>646.20519999999999</v>
      </c>
    </row>
    <row r="2098" spans="4:5" x14ac:dyDescent="0.25">
      <c r="D2098" s="6">
        <v>2565.6439999999998</v>
      </c>
      <c r="E2098" s="6">
        <v>621.91030000000001</v>
      </c>
    </row>
    <row r="2099" spans="4:5" x14ac:dyDescent="0.25">
      <c r="D2099" s="6">
        <v>791.245</v>
      </c>
      <c r="E2099" s="6">
        <v>3371.384</v>
      </c>
    </row>
    <row r="2100" spans="4:5" x14ac:dyDescent="0.25">
      <c r="D2100" s="6">
        <v>2697.3409999999999</v>
      </c>
      <c r="E2100" s="6">
        <v>573.21029999999996</v>
      </c>
    </row>
    <row r="2101" spans="4:5" x14ac:dyDescent="0.25">
      <c r="D2101" s="6">
        <v>779.93020000000001</v>
      </c>
      <c r="E2101" s="6">
        <v>4552.6019999999999</v>
      </c>
    </row>
    <row r="2102" spans="4:5" x14ac:dyDescent="0.25">
      <c r="D2102" s="6">
        <v>7362.1409999999996</v>
      </c>
      <c r="E2102" s="6">
        <v>725.30600000000004</v>
      </c>
    </row>
    <row r="2103" spans="4:5" x14ac:dyDescent="0.25">
      <c r="D2103" s="6">
        <v>6719.9709999999995</v>
      </c>
      <c r="E2103" s="6">
        <v>1380.5</v>
      </c>
    </row>
    <row r="2104" spans="4:5" x14ac:dyDescent="0.25">
      <c r="D2104" s="6">
        <v>931.1395</v>
      </c>
      <c r="E2104" s="6">
        <v>5840.0619999999999</v>
      </c>
    </row>
    <row r="2105" spans="4:5" x14ac:dyDescent="0.25">
      <c r="D2105" s="6">
        <v>917.35889999999995</v>
      </c>
      <c r="E2105" s="6">
        <v>4550.8100000000004</v>
      </c>
    </row>
    <row r="2106" spans="4:5" x14ac:dyDescent="0.25">
      <c r="D2106" s="6">
        <v>925.38990000000001</v>
      </c>
      <c r="E2106" s="6">
        <v>4283.6509999999998</v>
      </c>
    </row>
    <row r="2107" spans="4:5" x14ac:dyDescent="0.25">
      <c r="D2107" s="6">
        <v>738.37840000000006</v>
      </c>
      <c r="E2107" s="6">
        <v>3389.63</v>
      </c>
    </row>
    <row r="2108" spans="4:5" x14ac:dyDescent="0.25">
      <c r="D2108" s="6">
        <v>873.62950000000001</v>
      </c>
      <c r="E2108" s="6">
        <v>4250.951</v>
      </c>
    </row>
    <row r="2109" spans="4:5" x14ac:dyDescent="0.25">
      <c r="D2109" s="6">
        <v>1305.2470000000001</v>
      </c>
      <c r="E2109" s="6">
        <v>708.69550000000004</v>
      </c>
    </row>
    <row r="2110" spans="4:5" x14ac:dyDescent="0.25">
      <c r="D2110" s="6">
        <v>759.46990000000005</v>
      </c>
      <c r="E2110" s="6">
        <v>1082</v>
      </c>
    </row>
    <row r="2111" spans="4:5" x14ac:dyDescent="0.25">
      <c r="D2111" s="6">
        <v>6069.9250000000002</v>
      </c>
      <c r="E2111" s="6">
        <v>4615.3829999999998</v>
      </c>
    </row>
    <row r="2112" spans="4:5" x14ac:dyDescent="0.25">
      <c r="D2112" s="6">
        <v>2098.6179999999999</v>
      </c>
      <c r="E2112" s="6">
        <v>611.19309999999996</v>
      </c>
    </row>
    <row r="2113" spans="4:5" x14ac:dyDescent="0.25">
      <c r="D2113" s="6">
        <v>1916.105</v>
      </c>
      <c r="E2113" s="6">
        <v>671.6037</v>
      </c>
    </row>
    <row r="2114" spans="4:5" x14ac:dyDescent="0.25">
      <c r="D2114" s="6">
        <v>908.97410000000002</v>
      </c>
      <c r="E2114" s="6">
        <v>4600.8999999999996</v>
      </c>
    </row>
    <row r="2115" spans="4:5" x14ac:dyDescent="0.25">
      <c r="D2115" s="6">
        <v>2324.567</v>
      </c>
      <c r="E2115" s="6">
        <v>1390.231</v>
      </c>
    </row>
    <row r="2116" spans="4:5" x14ac:dyDescent="0.25">
      <c r="D2116" s="6">
        <v>7282.3249999999998</v>
      </c>
      <c r="E2116" s="6">
        <v>523.7527</v>
      </c>
    </row>
    <row r="2117" spans="4:5" x14ac:dyDescent="0.25">
      <c r="D2117" s="6">
        <v>740.35329999999999</v>
      </c>
      <c r="E2117" s="6">
        <v>4516.6139999999996</v>
      </c>
    </row>
    <row r="2118" spans="4:5" x14ac:dyDescent="0.25">
      <c r="D2118" s="6">
        <v>7528.1549999999997</v>
      </c>
      <c r="E2118" s="6">
        <v>907.6694</v>
      </c>
    </row>
    <row r="2119" spans="4:5" x14ac:dyDescent="0.25">
      <c r="D2119" s="6">
        <v>6369.6469999999999</v>
      </c>
      <c r="E2119" s="6">
        <v>5265.1329999999998</v>
      </c>
    </row>
    <row r="2120" spans="4:5" x14ac:dyDescent="0.25">
      <c r="D2120" s="6">
        <v>1478</v>
      </c>
      <c r="E2120" s="6">
        <v>965.18979999999999</v>
      </c>
    </row>
    <row r="2121" spans="4:5" x14ac:dyDescent="0.25">
      <c r="D2121" s="6">
        <v>1542.11</v>
      </c>
      <c r="E2121" s="6">
        <v>3999.0360000000001</v>
      </c>
    </row>
    <row r="2122" spans="4:5" x14ac:dyDescent="0.25">
      <c r="D2122" s="6">
        <v>695.14020000000005</v>
      </c>
      <c r="E2122" s="6">
        <v>2686.498</v>
      </c>
    </row>
    <row r="2123" spans="4:5" x14ac:dyDescent="0.25">
      <c r="D2123" s="6">
        <v>707.846</v>
      </c>
      <c r="E2123" s="6">
        <v>645.34479999999996</v>
      </c>
    </row>
    <row r="2124" spans="4:5" x14ac:dyDescent="0.25">
      <c r="D2124" s="6">
        <v>797.99210000000005</v>
      </c>
      <c r="E2124" s="6">
        <v>3007.8</v>
      </c>
    </row>
    <row r="2125" spans="4:5" x14ac:dyDescent="0.25">
      <c r="D2125" s="6">
        <v>542.28520000000003</v>
      </c>
      <c r="E2125" s="6">
        <v>9651.491</v>
      </c>
    </row>
    <row r="2126" spans="4:5" x14ac:dyDescent="0.25">
      <c r="D2126" s="6">
        <v>1150.836</v>
      </c>
      <c r="E2126" s="6">
        <v>590.71619999999996</v>
      </c>
    </row>
    <row r="2127" spans="4:5" x14ac:dyDescent="0.25">
      <c r="D2127" s="6">
        <v>2564.768</v>
      </c>
      <c r="E2127" s="6">
        <v>4967.9260000000004</v>
      </c>
    </row>
    <row r="2128" spans="4:5" x14ac:dyDescent="0.25">
      <c r="D2128" s="6">
        <v>843.74300000000005</v>
      </c>
      <c r="E2128" s="6">
        <v>2381.884</v>
      </c>
    </row>
    <row r="2129" spans="4:5" x14ac:dyDescent="0.25">
      <c r="D2129" s="6">
        <v>1035.1279999999999</v>
      </c>
      <c r="E2129" s="6">
        <v>4878.1059999999998</v>
      </c>
    </row>
    <row r="2130" spans="4:5" x14ac:dyDescent="0.25">
      <c r="D2130" s="6">
        <v>5666.9059999999999</v>
      </c>
      <c r="E2130" s="6">
        <v>4058.7890000000002</v>
      </c>
    </row>
    <row r="2131" spans="4:5" x14ac:dyDescent="0.25">
      <c r="D2131" s="6">
        <v>817.95</v>
      </c>
      <c r="E2131" s="6">
        <v>862.50260000000003</v>
      </c>
    </row>
    <row r="2132" spans="4:5" x14ac:dyDescent="0.25">
      <c r="D2132" s="6">
        <v>7984.0309999999999</v>
      </c>
      <c r="E2132" s="6">
        <v>619.23009999999999</v>
      </c>
    </row>
    <row r="2133" spans="4:5" x14ac:dyDescent="0.25">
      <c r="D2133" s="6">
        <v>836.97640000000001</v>
      </c>
      <c r="E2133" s="6">
        <v>1025.3710000000001</v>
      </c>
    </row>
    <row r="2134" spans="4:5" x14ac:dyDescent="0.25">
      <c r="D2134" s="6">
        <v>5569.6549999999997</v>
      </c>
      <c r="E2134" s="6">
        <v>1084.1179999999999</v>
      </c>
    </row>
    <row r="2135" spans="4:5" x14ac:dyDescent="0.25">
      <c r="D2135" s="6">
        <v>7456.6059999999998</v>
      </c>
      <c r="E2135" s="6">
        <v>759.06060000000002</v>
      </c>
    </row>
    <row r="2136" spans="4:5" x14ac:dyDescent="0.25">
      <c r="D2136" s="6">
        <v>1305.9690000000001</v>
      </c>
      <c r="E2136" s="6">
        <v>4824.482</v>
      </c>
    </row>
    <row r="2137" spans="4:5" x14ac:dyDescent="0.25">
      <c r="D2137" s="6">
        <v>1115.557</v>
      </c>
      <c r="E2137" s="6">
        <v>1717.5630000000001</v>
      </c>
    </row>
    <row r="2138" spans="4:5" x14ac:dyDescent="0.25">
      <c r="D2138" s="6">
        <v>830.3048</v>
      </c>
      <c r="E2138" s="6">
        <v>384.572</v>
      </c>
    </row>
    <row r="2139" spans="4:5" x14ac:dyDescent="0.25">
      <c r="D2139" s="6">
        <v>980.29489999999998</v>
      </c>
      <c r="E2139" s="6">
        <v>4234.6260000000002</v>
      </c>
    </row>
    <row r="2140" spans="4:5" x14ac:dyDescent="0.25">
      <c r="D2140" s="6">
        <v>2128.8519999999999</v>
      </c>
      <c r="E2140" s="6">
        <v>5713.3190000000004</v>
      </c>
    </row>
    <row r="2141" spans="4:5" x14ac:dyDescent="0.25">
      <c r="D2141" s="6">
        <v>830.11509999999998</v>
      </c>
      <c r="E2141" s="6">
        <v>838.87199999999996</v>
      </c>
    </row>
    <row r="2142" spans="4:5" x14ac:dyDescent="0.25">
      <c r="D2142" s="6">
        <v>5985.32</v>
      </c>
      <c r="E2142" s="6">
        <v>656.69839999999999</v>
      </c>
    </row>
    <row r="2143" spans="4:5" x14ac:dyDescent="0.25">
      <c r="D2143" s="6">
        <v>937.02470000000005</v>
      </c>
      <c r="E2143" s="6">
        <v>605.84529999999995</v>
      </c>
    </row>
    <row r="2144" spans="4:5" x14ac:dyDescent="0.25">
      <c r="D2144" s="6">
        <v>6715.2</v>
      </c>
      <c r="E2144" s="6">
        <v>3534.614</v>
      </c>
    </row>
    <row r="2145" spans="4:5" x14ac:dyDescent="0.25">
      <c r="D2145" s="6">
        <v>7214.07</v>
      </c>
      <c r="E2145" s="6">
        <v>1484.6210000000001</v>
      </c>
    </row>
    <row r="2146" spans="4:5" x14ac:dyDescent="0.25">
      <c r="D2146" s="6">
        <v>772.90290000000005</v>
      </c>
      <c r="E2146" s="6">
        <v>829.28060000000005</v>
      </c>
    </row>
    <row r="2147" spans="4:5" x14ac:dyDescent="0.25">
      <c r="D2147" s="6">
        <v>1825.329</v>
      </c>
      <c r="E2147" s="6">
        <v>563.31280000000004</v>
      </c>
    </row>
    <row r="2148" spans="4:5" x14ac:dyDescent="0.25">
      <c r="D2148" s="6">
        <v>5783.0460000000003</v>
      </c>
      <c r="E2148" s="6">
        <v>610.66669999999999</v>
      </c>
    </row>
    <row r="2149" spans="4:5" x14ac:dyDescent="0.25">
      <c r="D2149" s="6">
        <v>732.39649999999995</v>
      </c>
      <c r="E2149" s="6">
        <v>4557.2820000000002</v>
      </c>
    </row>
    <row r="2150" spans="4:5" x14ac:dyDescent="0.25">
      <c r="D2150" s="6">
        <v>910.14880000000005</v>
      </c>
      <c r="E2150" s="6">
        <v>855.30079999999998</v>
      </c>
    </row>
    <row r="2151" spans="4:5" x14ac:dyDescent="0.25">
      <c r="D2151" s="6">
        <v>5842.7629999999999</v>
      </c>
      <c r="E2151" s="6">
        <v>711.51990000000001</v>
      </c>
    </row>
    <row r="2152" spans="4:5" x14ac:dyDescent="0.25">
      <c r="D2152" s="6">
        <v>863.51760000000002</v>
      </c>
      <c r="E2152" s="6">
        <v>3558.1959999999999</v>
      </c>
    </row>
    <row r="2153" spans="4:5" x14ac:dyDescent="0.25">
      <c r="D2153" s="6">
        <v>739.32950000000005</v>
      </c>
      <c r="E2153" s="6">
        <v>614.34019999999998</v>
      </c>
    </row>
    <row r="2154" spans="4:5" x14ac:dyDescent="0.25">
      <c r="D2154" s="6">
        <v>2772.0810000000001</v>
      </c>
      <c r="E2154" s="6">
        <v>367.90800000000002</v>
      </c>
    </row>
    <row r="2155" spans="4:5" x14ac:dyDescent="0.25">
      <c r="D2155" s="6">
        <v>818.15120000000002</v>
      </c>
      <c r="E2155" s="6">
        <v>1699.2370000000001</v>
      </c>
    </row>
    <row r="2156" spans="4:5" x14ac:dyDescent="0.25">
      <c r="D2156" s="6">
        <v>780.45429999999999</v>
      </c>
      <c r="E2156" s="6">
        <v>779.64430000000004</v>
      </c>
    </row>
    <row r="2157" spans="4:5" x14ac:dyDescent="0.25">
      <c r="D2157" s="6">
        <v>1800.2429999999999</v>
      </c>
      <c r="E2157" s="6">
        <v>1418.328</v>
      </c>
    </row>
    <row r="2158" spans="4:5" x14ac:dyDescent="0.25">
      <c r="D2158" s="6">
        <v>4936.3850000000002</v>
      </c>
      <c r="E2158" s="6">
        <v>3992.83</v>
      </c>
    </row>
    <row r="2159" spans="4:5" x14ac:dyDescent="0.25">
      <c r="D2159" s="6">
        <v>828.73239999999998</v>
      </c>
      <c r="E2159" s="6">
        <v>3688.913</v>
      </c>
    </row>
    <row r="2160" spans="4:5" x14ac:dyDescent="0.25">
      <c r="D2160" s="6">
        <v>6201.41</v>
      </c>
      <c r="E2160" s="6">
        <v>8035.5540000000001</v>
      </c>
    </row>
    <row r="2161" spans="4:5" x14ac:dyDescent="0.25">
      <c r="D2161" s="6">
        <v>745.73149999999998</v>
      </c>
      <c r="E2161" s="6">
        <v>3457.13</v>
      </c>
    </row>
    <row r="2162" spans="4:5" x14ac:dyDescent="0.25">
      <c r="D2162" s="6">
        <v>774.65830000000005</v>
      </c>
      <c r="E2162" s="6">
        <v>691.62329999999997</v>
      </c>
    </row>
    <row r="2163" spans="4:5" x14ac:dyDescent="0.25">
      <c r="D2163" s="6">
        <v>787.11159999999995</v>
      </c>
      <c r="E2163" s="6">
        <v>3993.962</v>
      </c>
    </row>
    <row r="2164" spans="4:5" x14ac:dyDescent="0.25">
      <c r="D2164" s="6">
        <v>623.95569999999998</v>
      </c>
      <c r="E2164" s="6">
        <v>891.66600000000005</v>
      </c>
    </row>
    <row r="2165" spans="4:5" x14ac:dyDescent="0.25">
      <c r="D2165" s="6">
        <v>4265.8649999999998</v>
      </c>
      <c r="E2165" s="6">
        <v>599.19730000000004</v>
      </c>
    </row>
    <row r="2166" spans="4:5" x14ac:dyDescent="0.25">
      <c r="D2166" s="6">
        <v>5901.9290000000001</v>
      </c>
      <c r="E2166" s="6">
        <v>3943.96</v>
      </c>
    </row>
    <row r="2167" spans="4:5" x14ac:dyDescent="0.25">
      <c r="D2167" s="6">
        <v>706.7672</v>
      </c>
      <c r="E2167" s="6">
        <v>1538.6669999999999</v>
      </c>
    </row>
    <row r="2168" spans="4:5" x14ac:dyDescent="0.25">
      <c r="D2168" s="6">
        <v>6194.2420000000002</v>
      </c>
      <c r="E2168" s="6">
        <v>725.57209999999998</v>
      </c>
    </row>
    <row r="2169" spans="4:5" x14ac:dyDescent="0.25">
      <c r="D2169" s="6">
        <v>1038.2670000000001</v>
      </c>
      <c r="E2169" s="6">
        <v>683.80439999999999</v>
      </c>
    </row>
    <row r="2170" spans="4:5" x14ac:dyDescent="0.25">
      <c r="D2170" s="6">
        <v>8018.9139999999998</v>
      </c>
      <c r="E2170" s="6">
        <v>470.44670000000002</v>
      </c>
    </row>
    <row r="2171" spans="4:5" x14ac:dyDescent="0.25">
      <c r="D2171" s="6">
        <v>981.34929999999997</v>
      </c>
      <c r="E2171" s="6">
        <v>7223.0460000000003</v>
      </c>
    </row>
    <row r="2172" spans="4:5" x14ac:dyDescent="0.25">
      <c r="D2172" s="6">
        <v>872.87549999999999</v>
      </c>
      <c r="E2172" s="6">
        <v>632.82640000000004</v>
      </c>
    </row>
    <row r="2173" spans="4:5" x14ac:dyDescent="0.25">
      <c r="D2173" s="6">
        <v>4139.47</v>
      </c>
      <c r="E2173" s="6">
        <v>4108.4719999999998</v>
      </c>
    </row>
    <row r="2174" spans="4:5" x14ac:dyDescent="0.25">
      <c r="D2174" s="6">
        <v>5049.7020000000002</v>
      </c>
      <c r="E2174" s="6">
        <v>1211.8920000000001</v>
      </c>
    </row>
    <row r="2175" spans="4:5" x14ac:dyDescent="0.25">
      <c r="D2175" s="6">
        <v>5337.6139999999996</v>
      </c>
      <c r="E2175" s="6">
        <v>1132.672</v>
      </c>
    </row>
    <row r="2176" spans="4:5" x14ac:dyDescent="0.25">
      <c r="D2176" s="6">
        <v>723.56449999999995</v>
      </c>
      <c r="E2176" s="6">
        <v>6139.8879999999999</v>
      </c>
    </row>
    <row r="2177" spans="4:5" x14ac:dyDescent="0.25">
      <c r="D2177" s="6">
        <v>5959.1030000000001</v>
      </c>
      <c r="E2177" s="6">
        <v>1503.9490000000001</v>
      </c>
    </row>
    <row r="2178" spans="4:5" x14ac:dyDescent="0.25">
      <c r="D2178" s="6">
        <v>1028</v>
      </c>
      <c r="E2178" s="6">
        <v>520.03030000000001</v>
      </c>
    </row>
    <row r="2179" spans="4:5" x14ac:dyDescent="0.25">
      <c r="D2179" s="6">
        <v>1061.7750000000001</v>
      </c>
      <c r="E2179" s="6">
        <v>516</v>
      </c>
    </row>
    <row r="2180" spans="4:5" x14ac:dyDescent="0.25">
      <c r="D2180" s="6">
        <v>1013.383</v>
      </c>
      <c r="E2180" s="6">
        <v>724.64239999999995</v>
      </c>
    </row>
    <row r="2181" spans="4:5" x14ac:dyDescent="0.25">
      <c r="D2181" s="6">
        <v>1121.884</v>
      </c>
      <c r="E2181" s="6">
        <v>4989.7619999999997</v>
      </c>
    </row>
    <row r="2182" spans="4:5" x14ac:dyDescent="0.25">
      <c r="D2182" s="6">
        <v>414.6755</v>
      </c>
      <c r="E2182" s="6">
        <v>4237.9949999999999</v>
      </c>
    </row>
    <row r="2183" spans="4:5" x14ac:dyDescent="0.25">
      <c r="D2183" s="6">
        <v>633.12429999999995</v>
      </c>
      <c r="E2183" s="6">
        <v>505.42899999999997</v>
      </c>
    </row>
    <row r="2184" spans="4:5" x14ac:dyDescent="0.25">
      <c r="D2184" s="6">
        <v>731.11689999999999</v>
      </c>
      <c r="E2184" s="6">
        <v>3906.0030000000002</v>
      </c>
    </row>
    <row r="2185" spans="4:5" x14ac:dyDescent="0.25">
      <c r="D2185" s="6">
        <v>769.8854</v>
      </c>
      <c r="E2185" s="6">
        <v>718.22389999999996</v>
      </c>
    </row>
    <row r="2186" spans="4:5" x14ac:dyDescent="0.25">
      <c r="D2186" s="6">
        <v>6543.3289999999997</v>
      </c>
      <c r="E2186" s="6">
        <v>761.24659999999994</v>
      </c>
    </row>
    <row r="2187" spans="4:5" x14ac:dyDescent="0.25">
      <c r="D2187" s="6">
        <v>632.45619999999997</v>
      </c>
      <c r="E2187" s="6">
        <v>722.3886</v>
      </c>
    </row>
    <row r="2188" spans="4:5" x14ac:dyDescent="0.25">
      <c r="D2188" s="6">
        <v>725.48230000000001</v>
      </c>
      <c r="E2188" s="6">
        <v>1782.3340000000001</v>
      </c>
    </row>
    <row r="2189" spans="4:5" x14ac:dyDescent="0.25">
      <c r="D2189" s="6">
        <v>2668.1480000000001</v>
      </c>
      <c r="E2189" s="6">
        <v>4508.6080000000002</v>
      </c>
    </row>
    <row r="2190" spans="4:5" x14ac:dyDescent="0.25">
      <c r="D2190" s="6">
        <v>775.88869999999997</v>
      </c>
      <c r="E2190" s="6">
        <v>743.99739999999997</v>
      </c>
    </row>
    <row r="2191" spans="4:5" x14ac:dyDescent="0.25">
      <c r="D2191" s="6">
        <v>913.44439999999997</v>
      </c>
      <c r="E2191" s="6">
        <v>3301</v>
      </c>
    </row>
    <row r="2192" spans="4:5" x14ac:dyDescent="0.25">
      <c r="D2192" s="6">
        <v>719.70209999999997</v>
      </c>
      <c r="E2192" s="6">
        <v>681.69989999999996</v>
      </c>
    </row>
    <row r="2193" spans="4:5" x14ac:dyDescent="0.25">
      <c r="D2193" s="6">
        <v>2230.241</v>
      </c>
      <c r="E2193" s="6">
        <v>3207.6320000000001</v>
      </c>
    </row>
    <row r="2194" spans="4:5" x14ac:dyDescent="0.25">
      <c r="D2194" s="6">
        <v>752.28129999999999</v>
      </c>
      <c r="E2194" s="6">
        <v>681.19370000000004</v>
      </c>
    </row>
    <row r="2195" spans="4:5" x14ac:dyDescent="0.25">
      <c r="D2195" s="6">
        <v>859.27250000000004</v>
      </c>
      <c r="E2195" s="6">
        <v>3020.3310000000001</v>
      </c>
    </row>
    <row r="2196" spans="4:5" x14ac:dyDescent="0.25">
      <c r="D2196" s="6">
        <v>962.97810000000004</v>
      </c>
      <c r="E2196" s="6">
        <v>616.74689999999998</v>
      </c>
    </row>
    <row r="2197" spans="4:5" x14ac:dyDescent="0.25">
      <c r="D2197" s="6">
        <v>661.19110000000001</v>
      </c>
      <c r="E2197" s="6">
        <v>4295.7950000000001</v>
      </c>
    </row>
    <row r="2198" spans="4:5" x14ac:dyDescent="0.25">
      <c r="D2198" s="6">
        <v>795.40060000000005</v>
      </c>
      <c r="E2198" s="6">
        <v>4147.91</v>
      </c>
    </row>
    <row r="2199" spans="4:5" x14ac:dyDescent="0.25">
      <c r="D2199" s="6">
        <v>626.75440000000003</v>
      </c>
      <c r="E2199" s="6">
        <v>4875.5519999999997</v>
      </c>
    </row>
    <row r="2200" spans="4:5" x14ac:dyDescent="0.25">
      <c r="D2200" s="6">
        <v>743.19079999999997</v>
      </c>
      <c r="E2200" s="6">
        <v>782.35879999999997</v>
      </c>
    </row>
    <row r="2201" spans="4:5" x14ac:dyDescent="0.25">
      <c r="D2201" s="6">
        <v>1244.1489999999999</v>
      </c>
      <c r="E2201" s="6">
        <v>4132.03</v>
      </c>
    </row>
    <row r="2202" spans="4:5" x14ac:dyDescent="0.25">
      <c r="D2202" s="6">
        <v>760.08339999999998</v>
      </c>
      <c r="E2202" s="6">
        <v>312.81689999999998</v>
      </c>
    </row>
    <row r="2203" spans="4:5" x14ac:dyDescent="0.25">
      <c r="D2203" s="6">
        <v>682.96259999999995</v>
      </c>
      <c r="E2203" s="6">
        <v>3091.2539999999999</v>
      </c>
    </row>
    <row r="2204" spans="4:5" x14ac:dyDescent="0.25">
      <c r="D2204" s="6">
        <v>760.2672</v>
      </c>
      <c r="E2204" s="6">
        <v>1774</v>
      </c>
    </row>
    <row r="2205" spans="4:5" x14ac:dyDescent="0.25">
      <c r="D2205" s="6">
        <v>826.20280000000002</v>
      </c>
      <c r="E2205" s="6">
        <v>670.53639999999996</v>
      </c>
    </row>
    <row r="2206" spans="4:5" x14ac:dyDescent="0.25">
      <c r="D2206" s="6">
        <v>2360.3330000000001</v>
      </c>
      <c r="E2206" s="6">
        <v>458.11540000000002</v>
      </c>
    </row>
    <row r="2207" spans="4:5" x14ac:dyDescent="0.25">
      <c r="D2207" s="6">
        <v>5567.5659999999998</v>
      </c>
      <c r="E2207" s="6">
        <v>1140.8330000000001</v>
      </c>
    </row>
    <row r="2208" spans="4:5" x14ac:dyDescent="0.25">
      <c r="D2208" s="6">
        <v>6207.6989999999996</v>
      </c>
      <c r="E2208" s="6">
        <v>582.94770000000005</v>
      </c>
    </row>
    <row r="2209" spans="4:5" x14ac:dyDescent="0.25">
      <c r="D2209" s="6">
        <v>878.73329999999999</v>
      </c>
      <c r="E2209" s="6">
        <v>723.11030000000005</v>
      </c>
    </row>
    <row r="2210" spans="4:5" x14ac:dyDescent="0.25">
      <c r="D2210" s="6">
        <v>1643.5730000000001</v>
      </c>
      <c r="E2210" s="6">
        <v>459.01859999999999</v>
      </c>
    </row>
    <row r="2211" spans="4:5" x14ac:dyDescent="0.25">
      <c r="D2211" s="6">
        <v>2944.7190000000001</v>
      </c>
      <c r="E2211" s="6">
        <v>1123.6659999999999</v>
      </c>
    </row>
    <row r="2212" spans="4:5" x14ac:dyDescent="0.25">
      <c r="D2212" s="6">
        <v>2023.085</v>
      </c>
      <c r="E2212" s="6">
        <v>621.93960000000004</v>
      </c>
    </row>
    <row r="2213" spans="4:5" x14ac:dyDescent="0.25">
      <c r="D2213" s="6">
        <v>651.64880000000005</v>
      </c>
      <c r="E2213" s="6">
        <v>581.43119999999999</v>
      </c>
    </row>
    <row r="2214" spans="4:5" x14ac:dyDescent="0.25">
      <c r="D2214" s="6">
        <v>2754.683</v>
      </c>
      <c r="E2214" s="6">
        <v>537.37800000000004</v>
      </c>
    </row>
    <row r="2215" spans="4:5" x14ac:dyDescent="0.25">
      <c r="D2215" s="6">
        <v>6159.433</v>
      </c>
      <c r="E2215" s="6">
        <v>460.7833</v>
      </c>
    </row>
    <row r="2216" spans="4:5" x14ac:dyDescent="0.25">
      <c r="D2216" s="6">
        <v>849.13080000000002</v>
      </c>
      <c r="E2216" s="6">
        <v>3162.9319999999998</v>
      </c>
    </row>
    <row r="2217" spans="4:5" x14ac:dyDescent="0.25">
      <c r="D2217" s="6">
        <v>701.44690000000003</v>
      </c>
      <c r="E2217" s="6">
        <v>2875.54</v>
      </c>
    </row>
    <row r="2218" spans="4:5" x14ac:dyDescent="0.25">
      <c r="D2218" s="6">
        <v>2006.2850000000001</v>
      </c>
      <c r="E2218" s="6">
        <v>725.04309999999998</v>
      </c>
    </row>
    <row r="2219" spans="4:5" x14ac:dyDescent="0.25">
      <c r="D2219" s="6">
        <v>717.19230000000005</v>
      </c>
      <c r="E2219" s="6">
        <v>1521.9110000000001</v>
      </c>
    </row>
    <row r="2220" spans="4:5" x14ac:dyDescent="0.25">
      <c r="D2220" s="6">
        <v>817.28689999999995</v>
      </c>
      <c r="E2220" s="6">
        <v>1004.215</v>
      </c>
    </row>
    <row r="2221" spans="4:5" x14ac:dyDescent="0.25">
      <c r="D2221" s="6">
        <v>7949</v>
      </c>
      <c r="E2221" s="6">
        <v>1042.729</v>
      </c>
    </row>
    <row r="2222" spans="4:5" x14ac:dyDescent="0.25">
      <c r="D2222" s="6">
        <v>5810.4160000000002</v>
      </c>
      <c r="E2222" s="6">
        <v>629.96979999999996</v>
      </c>
    </row>
    <row r="2223" spans="4:5" x14ac:dyDescent="0.25">
      <c r="D2223" s="6">
        <v>4691.6509999999998</v>
      </c>
      <c r="E2223" s="6">
        <v>4736.5290000000005</v>
      </c>
    </row>
    <row r="2224" spans="4:5" x14ac:dyDescent="0.25">
      <c r="D2224" s="6">
        <v>686.26120000000003</v>
      </c>
      <c r="E2224" s="6">
        <v>978.87559999999996</v>
      </c>
    </row>
    <row r="2225" spans="4:5" x14ac:dyDescent="0.25">
      <c r="D2225" s="6">
        <v>1485.088</v>
      </c>
      <c r="E2225" s="6">
        <v>703.26110000000006</v>
      </c>
    </row>
    <row r="2226" spans="4:5" x14ac:dyDescent="0.25">
      <c r="D2226" s="6">
        <v>818.85400000000004</v>
      </c>
      <c r="E2226" s="6">
        <v>4080.6750000000002</v>
      </c>
    </row>
    <row r="2227" spans="4:5" x14ac:dyDescent="0.25">
      <c r="D2227" s="6">
        <v>8825.8629999999994</v>
      </c>
      <c r="E2227" s="6">
        <v>603.16309999999999</v>
      </c>
    </row>
    <row r="2228" spans="4:5" x14ac:dyDescent="0.25">
      <c r="D2228" s="6">
        <v>687.43100000000004</v>
      </c>
      <c r="E2228" s="6">
        <v>1645.17</v>
      </c>
    </row>
    <row r="2229" spans="4:5" x14ac:dyDescent="0.25">
      <c r="D2229" s="6">
        <v>2526.75</v>
      </c>
      <c r="E2229" s="6">
        <v>1011.554</v>
      </c>
    </row>
    <row r="2230" spans="4:5" x14ac:dyDescent="0.25">
      <c r="D2230" s="6">
        <v>889.52210000000002</v>
      </c>
      <c r="E2230" s="6">
        <v>1010.011</v>
      </c>
    </row>
    <row r="2231" spans="4:5" x14ac:dyDescent="0.25">
      <c r="D2231" s="6">
        <v>781.96609999999998</v>
      </c>
      <c r="E2231" s="6">
        <v>1012.147</v>
      </c>
    </row>
    <row r="2232" spans="4:5" x14ac:dyDescent="0.25">
      <c r="D2232" s="6">
        <v>2992.3589999999999</v>
      </c>
      <c r="E2232" s="6">
        <v>862.29269999999997</v>
      </c>
    </row>
    <row r="2233" spans="4:5" x14ac:dyDescent="0.25">
      <c r="D2233" s="6">
        <v>683.37450000000001</v>
      </c>
      <c r="E2233" s="6">
        <v>5871.1469999999999</v>
      </c>
    </row>
    <row r="2234" spans="4:5" x14ac:dyDescent="0.25">
      <c r="D2234" s="6">
        <v>1005.821</v>
      </c>
      <c r="E2234" s="6">
        <v>882.76599999999996</v>
      </c>
    </row>
    <row r="2235" spans="4:5" x14ac:dyDescent="0.25">
      <c r="D2235" s="6">
        <v>5167.1769999999997</v>
      </c>
      <c r="E2235" s="6">
        <v>2279.88</v>
      </c>
    </row>
    <row r="2236" spans="4:5" x14ac:dyDescent="0.25">
      <c r="D2236" s="6">
        <v>1063.2170000000001</v>
      </c>
      <c r="E2236" s="6">
        <v>6460.7139999999999</v>
      </c>
    </row>
    <row r="2237" spans="4:5" x14ac:dyDescent="0.25">
      <c r="D2237" s="6">
        <v>718.14059999999995</v>
      </c>
      <c r="E2237" s="6">
        <v>493</v>
      </c>
    </row>
    <row r="2238" spans="4:5" x14ac:dyDescent="0.25">
      <c r="D2238" s="6">
        <v>685.70460000000003</v>
      </c>
      <c r="E2238" s="6">
        <v>506.71839999999997</v>
      </c>
    </row>
    <row r="2239" spans="4:5" x14ac:dyDescent="0.25">
      <c r="D2239" s="6">
        <v>694.65409999999997</v>
      </c>
      <c r="E2239" s="6">
        <v>862.11450000000002</v>
      </c>
    </row>
    <row r="2240" spans="4:5" x14ac:dyDescent="0.25">
      <c r="D2240" s="6">
        <v>1185.5</v>
      </c>
      <c r="E2240" s="6">
        <v>647.10969999999998</v>
      </c>
    </row>
    <row r="2241" spans="4:5" x14ac:dyDescent="0.25">
      <c r="D2241" s="6">
        <v>1035.9110000000001</v>
      </c>
      <c r="E2241" s="6">
        <v>2806.569</v>
      </c>
    </row>
    <row r="2242" spans="4:5" x14ac:dyDescent="0.25">
      <c r="D2242" s="6">
        <v>9386</v>
      </c>
      <c r="E2242" s="6">
        <v>737.76530000000002</v>
      </c>
    </row>
    <row r="2243" spans="4:5" x14ac:dyDescent="0.25">
      <c r="D2243" s="6">
        <v>1775.5129999999999</v>
      </c>
      <c r="E2243" s="6">
        <v>6482.0450000000001</v>
      </c>
    </row>
    <row r="2244" spans="4:5" x14ac:dyDescent="0.25">
      <c r="D2244" s="6">
        <v>1838.7049999999999</v>
      </c>
      <c r="E2244" s="6">
        <v>829.94780000000003</v>
      </c>
    </row>
    <row r="2245" spans="4:5" x14ac:dyDescent="0.25">
      <c r="D2245" s="6">
        <v>818.95780000000002</v>
      </c>
      <c r="E2245" s="6">
        <v>3833.6060000000002</v>
      </c>
    </row>
    <row r="2246" spans="4:5" x14ac:dyDescent="0.25">
      <c r="D2246" s="6">
        <v>7049.5910000000003</v>
      </c>
      <c r="E2246" s="6">
        <v>745.52539999999999</v>
      </c>
    </row>
    <row r="2247" spans="4:5" x14ac:dyDescent="0.25">
      <c r="D2247" s="6">
        <v>584.44000000000005</v>
      </c>
      <c r="E2247" s="6">
        <v>1125.597</v>
      </c>
    </row>
    <row r="2248" spans="4:5" x14ac:dyDescent="0.25">
      <c r="D2248" s="6">
        <v>6766.8590000000004</v>
      </c>
      <c r="E2248" s="6">
        <v>3233.7260000000001</v>
      </c>
    </row>
    <row r="2249" spans="4:5" x14ac:dyDescent="0.25">
      <c r="D2249" s="6">
        <v>753.21360000000004</v>
      </c>
      <c r="E2249" s="6">
        <v>6121.4179999999997</v>
      </c>
    </row>
    <row r="2250" spans="4:5" x14ac:dyDescent="0.25">
      <c r="D2250" s="6">
        <v>6932.8029999999999</v>
      </c>
      <c r="E2250" s="6">
        <v>2053.86</v>
      </c>
    </row>
    <row r="2251" spans="4:5" x14ac:dyDescent="0.25">
      <c r="D2251" s="6">
        <v>814.21190000000001</v>
      </c>
      <c r="E2251" s="6">
        <v>783.00350000000003</v>
      </c>
    </row>
    <row r="2252" spans="4:5" x14ac:dyDescent="0.25">
      <c r="D2252" s="6">
        <v>545.69629999999995</v>
      </c>
      <c r="E2252" s="6">
        <v>929.00670000000002</v>
      </c>
    </row>
    <row r="2253" spans="4:5" x14ac:dyDescent="0.25">
      <c r="D2253" s="6">
        <v>798.952</v>
      </c>
      <c r="E2253" s="6">
        <v>621.90679999999998</v>
      </c>
    </row>
    <row r="2254" spans="4:5" x14ac:dyDescent="0.25">
      <c r="D2254" s="6">
        <v>6462.2359999999999</v>
      </c>
      <c r="E2254" s="6">
        <v>988.90260000000001</v>
      </c>
    </row>
    <row r="2255" spans="4:5" x14ac:dyDescent="0.25">
      <c r="D2255" s="6">
        <v>807.80160000000001</v>
      </c>
      <c r="E2255" s="6">
        <v>4161.6760000000004</v>
      </c>
    </row>
    <row r="2256" spans="4:5" x14ac:dyDescent="0.25">
      <c r="D2256" s="6">
        <v>661.17579999999998</v>
      </c>
      <c r="E2256" s="6">
        <v>546.12490000000003</v>
      </c>
    </row>
    <row r="2257" spans="4:5" x14ac:dyDescent="0.25">
      <c r="D2257" s="6">
        <v>1628.537</v>
      </c>
      <c r="E2257" s="6">
        <v>638.58140000000003</v>
      </c>
    </row>
    <row r="2258" spans="4:5" x14ac:dyDescent="0.25">
      <c r="D2258" s="6">
        <v>6791.9260000000004</v>
      </c>
      <c r="E2258" s="6">
        <v>672.43589999999995</v>
      </c>
    </row>
    <row r="2259" spans="4:5" x14ac:dyDescent="0.25">
      <c r="D2259" s="6">
        <v>5601.8440000000001</v>
      </c>
      <c r="E2259" s="6">
        <v>4779.25</v>
      </c>
    </row>
    <row r="2260" spans="4:5" x14ac:dyDescent="0.25">
      <c r="D2260" s="6">
        <v>788.05949999999996</v>
      </c>
      <c r="E2260" s="6">
        <v>652.34339999999997</v>
      </c>
    </row>
    <row r="2261" spans="4:5" x14ac:dyDescent="0.25">
      <c r="D2261" s="6">
        <v>614.88009999999997</v>
      </c>
      <c r="E2261" s="6">
        <v>1082.471</v>
      </c>
    </row>
    <row r="2262" spans="4:5" x14ac:dyDescent="0.25">
      <c r="D2262" s="6">
        <v>5713.8760000000002</v>
      </c>
      <c r="E2262" s="6">
        <v>578.0942</v>
      </c>
    </row>
    <row r="2263" spans="4:5" x14ac:dyDescent="0.25">
      <c r="D2263" s="6">
        <v>917.56449999999995</v>
      </c>
      <c r="E2263" s="6">
        <v>600.18669999999997</v>
      </c>
    </row>
    <row r="2264" spans="4:5" x14ac:dyDescent="0.25">
      <c r="D2264" s="6">
        <v>6229.893</v>
      </c>
      <c r="E2264" s="6">
        <v>3970.79</v>
      </c>
    </row>
    <row r="2265" spans="4:5" x14ac:dyDescent="0.25">
      <c r="D2265" s="6">
        <v>744.02260000000001</v>
      </c>
      <c r="E2265" s="6">
        <v>2383.942</v>
      </c>
    </row>
    <row r="2266" spans="4:5" x14ac:dyDescent="0.25">
      <c r="D2266" s="6">
        <v>6755.2389999999996</v>
      </c>
      <c r="E2266" s="6">
        <v>692</v>
      </c>
    </row>
    <row r="2267" spans="4:5" x14ac:dyDescent="0.25">
      <c r="D2267" s="6">
        <v>6469.8649999999998</v>
      </c>
      <c r="E2267" s="6">
        <v>1242.664</v>
      </c>
    </row>
    <row r="2268" spans="4:5" x14ac:dyDescent="0.25">
      <c r="D2268" s="6">
        <v>3808.7489999999998</v>
      </c>
      <c r="E2268" s="6">
        <v>3976.6489999999999</v>
      </c>
    </row>
    <row r="2269" spans="4:5" x14ac:dyDescent="0.25">
      <c r="D2269" s="6">
        <v>665.83420000000001</v>
      </c>
      <c r="E2269" s="6">
        <v>1166.364</v>
      </c>
    </row>
    <row r="2270" spans="4:5" x14ac:dyDescent="0.25">
      <c r="D2270" s="6">
        <v>805.49810000000002</v>
      </c>
      <c r="E2270" s="6">
        <v>792.29470000000003</v>
      </c>
    </row>
    <row r="2271" spans="4:5" x14ac:dyDescent="0.25">
      <c r="D2271" s="6">
        <v>945.55420000000004</v>
      </c>
      <c r="E2271" s="6">
        <v>937.91600000000005</v>
      </c>
    </row>
    <row r="2272" spans="4:5" x14ac:dyDescent="0.25">
      <c r="D2272" s="6">
        <v>701.32550000000003</v>
      </c>
      <c r="E2272" s="6">
        <v>640.12480000000005</v>
      </c>
    </row>
    <row r="2273" spans="4:5" x14ac:dyDescent="0.25">
      <c r="D2273" s="6">
        <v>949.34400000000005</v>
      </c>
      <c r="E2273" s="6">
        <v>3735.6579999999999</v>
      </c>
    </row>
    <row r="2274" spans="4:5" x14ac:dyDescent="0.25">
      <c r="D2274" s="6">
        <v>848.62559999999996</v>
      </c>
      <c r="E2274" s="6">
        <v>3932.8090000000002</v>
      </c>
    </row>
    <row r="2275" spans="4:5" x14ac:dyDescent="0.25">
      <c r="D2275" s="6">
        <v>850.60199999999998</v>
      </c>
      <c r="E2275" s="6">
        <v>4730.125</v>
      </c>
    </row>
    <row r="2276" spans="4:5" x14ac:dyDescent="0.25">
      <c r="D2276" s="6">
        <v>2372.8539999999998</v>
      </c>
      <c r="E2276" s="6">
        <v>551.58619999999996</v>
      </c>
    </row>
    <row r="2277" spans="4:5" x14ac:dyDescent="0.25">
      <c r="D2277" s="6">
        <v>7583.2569999999996</v>
      </c>
      <c r="E2277" s="6">
        <v>3891.578</v>
      </c>
    </row>
    <row r="2278" spans="4:5" x14ac:dyDescent="0.25">
      <c r="D2278" s="6">
        <v>696.04510000000005</v>
      </c>
      <c r="E2278" s="6">
        <v>2399.723</v>
      </c>
    </row>
    <row r="2279" spans="4:5" x14ac:dyDescent="0.25">
      <c r="D2279" s="6">
        <v>381.10149999999999</v>
      </c>
      <c r="E2279" s="6">
        <v>1614.924</v>
      </c>
    </row>
    <row r="2280" spans="4:5" x14ac:dyDescent="0.25">
      <c r="D2280" s="6">
        <v>1209.086</v>
      </c>
      <c r="E2280" s="6">
        <v>518.31539999999995</v>
      </c>
    </row>
    <row r="2281" spans="4:5" x14ac:dyDescent="0.25">
      <c r="D2281" s="6">
        <v>2485</v>
      </c>
      <c r="E2281" s="6">
        <v>4315.5460000000003</v>
      </c>
    </row>
    <row r="2282" spans="4:5" x14ac:dyDescent="0.25">
      <c r="D2282" s="6">
        <v>796.42470000000003</v>
      </c>
      <c r="E2282" s="6">
        <v>4416.4960000000001</v>
      </c>
    </row>
    <row r="2283" spans="4:5" x14ac:dyDescent="0.25">
      <c r="D2283" s="6">
        <v>1231.9670000000001</v>
      </c>
      <c r="E2283" s="6">
        <v>984.99159999999995</v>
      </c>
    </row>
    <row r="2284" spans="4:5" x14ac:dyDescent="0.25">
      <c r="D2284" s="6">
        <v>645.15989999999999</v>
      </c>
      <c r="E2284" s="6">
        <v>1317.1279999999999</v>
      </c>
    </row>
    <row r="2285" spans="4:5" x14ac:dyDescent="0.25">
      <c r="D2285" s="6">
        <v>2897.2669999999998</v>
      </c>
      <c r="E2285" s="6">
        <v>1011.8</v>
      </c>
    </row>
    <row r="2286" spans="4:5" x14ac:dyDescent="0.25">
      <c r="D2286" s="6">
        <v>867.19159999999999</v>
      </c>
      <c r="E2286" s="6">
        <v>8211.2999999999993</v>
      </c>
    </row>
    <row r="2287" spans="4:5" x14ac:dyDescent="0.25">
      <c r="D2287" s="6">
        <v>2457.8719999999998</v>
      </c>
      <c r="E2287" s="6">
        <v>977.07870000000003</v>
      </c>
    </row>
    <row r="2288" spans="4:5" x14ac:dyDescent="0.25">
      <c r="D2288" s="6">
        <v>844.74810000000002</v>
      </c>
      <c r="E2288" s="6">
        <v>446.19009999999997</v>
      </c>
    </row>
    <row r="2289" spans="4:5" x14ac:dyDescent="0.25">
      <c r="D2289" s="6">
        <v>775.53129999999999</v>
      </c>
      <c r="E2289" s="6">
        <v>4143.7879999999996</v>
      </c>
    </row>
    <row r="2290" spans="4:5" x14ac:dyDescent="0.25">
      <c r="D2290" s="6">
        <v>776.12969999999996</v>
      </c>
      <c r="E2290" s="6">
        <v>4602.4889999999996</v>
      </c>
    </row>
    <row r="2291" spans="4:5" x14ac:dyDescent="0.25">
      <c r="D2291" s="6">
        <v>6475.9970000000003</v>
      </c>
      <c r="E2291" s="6">
        <v>3802.87</v>
      </c>
    </row>
    <row r="2292" spans="4:5" x14ac:dyDescent="0.25">
      <c r="D2292" s="6">
        <v>5725.6030000000001</v>
      </c>
      <c r="E2292" s="6">
        <v>4241.8410000000003</v>
      </c>
    </row>
    <row r="2293" spans="4:5" x14ac:dyDescent="0.25">
      <c r="D2293" s="6">
        <v>762.77750000000003</v>
      </c>
      <c r="E2293" s="6">
        <v>748.81039999999996</v>
      </c>
    </row>
    <row r="2294" spans="4:5" x14ac:dyDescent="0.25">
      <c r="D2294" s="6">
        <v>606.47310000000004</v>
      </c>
      <c r="E2294" s="6">
        <v>759.94569999999999</v>
      </c>
    </row>
    <row r="2295" spans="4:5" x14ac:dyDescent="0.25">
      <c r="D2295" s="6">
        <v>8682.6149999999998</v>
      </c>
      <c r="E2295" s="6">
        <v>741.88580000000002</v>
      </c>
    </row>
    <row r="2296" spans="4:5" x14ac:dyDescent="0.25">
      <c r="D2296" s="6">
        <v>9114.9989999999998</v>
      </c>
      <c r="E2296" s="6">
        <v>1934.079</v>
      </c>
    </row>
    <row r="2297" spans="4:5" x14ac:dyDescent="0.25">
      <c r="D2297" s="6">
        <v>3307.4470000000001</v>
      </c>
      <c r="E2297" s="6">
        <v>719.48720000000003</v>
      </c>
    </row>
    <row r="2298" spans="4:5" x14ac:dyDescent="0.25">
      <c r="D2298" s="6">
        <v>7832.34</v>
      </c>
      <c r="E2298" s="6">
        <v>910</v>
      </c>
    </row>
    <row r="2299" spans="4:5" x14ac:dyDescent="0.25">
      <c r="D2299" s="6">
        <v>815.18769999999995</v>
      </c>
      <c r="E2299" s="6">
        <v>544.22879999999998</v>
      </c>
    </row>
    <row r="2300" spans="4:5" x14ac:dyDescent="0.25">
      <c r="D2300" s="6">
        <v>821.85249999999996</v>
      </c>
      <c r="E2300" s="6">
        <v>1101.056</v>
      </c>
    </row>
    <row r="2301" spans="4:5" x14ac:dyDescent="0.25">
      <c r="D2301" s="6">
        <v>1912.9760000000001</v>
      </c>
      <c r="E2301" s="6">
        <v>980.52560000000005</v>
      </c>
    </row>
    <row r="2302" spans="4:5" x14ac:dyDescent="0.25">
      <c r="D2302" s="6">
        <v>640.28689999999995</v>
      </c>
      <c r="E2302" s="6">
        <v>1156.7940000000001</v>
      </c>
    </row>
    <row r="2303" spans="4:5" x14ac:dyDescent="0.25">
      <c r="D2303" s="6">
        <v>658.53719999999998</v>
      </c>
      <c r="E2303" s="6">
        <v>4385.8339999999998</v>
      </c>
    </row>
    <row r="2304" spans="4:5" x14ac:dyDescent="0.25">
      <c r="D2304" s="6">
        <v>1976.211</v>
      </c>
      <c r="E2304" s="6">
        <v>5611.8680000000004</v>
      </c>
    </row>
    <row r="2305" spans="4:5" x14ac:dyDescent="0.25">
      <c r="D2305" s="6">
        <v>1011.854</v>
      </c>
      <c r="E2305" s="6">
        <v>5169.3789999999999</v>
      </c>
    </row>
    <row r="2306" spans="4:5" x14ac:dyDescent="0.25">
      <c r="D2306" s="6">
        <v>7449.2439999999997</v>
      </c>
      <c r="E2306" s="6">
        <v>2128.607</v>
      </c>
    </row>
    <row r="2307" spans="4:5" x14ac:dyDescent="0.25">
      <c r="D2307" s="6">
        <v>868.42679999999996</v>
      </c>
      <c r="E2307" s="6">
        <v>3676.8009999999999</v>
      </c>
    </row>
    <row r="2308" spans="4:5" x14ac:dyDescent="0.25">
      <c r="D2308" s="6">
        <v>1021.74</v>
      </c>
      <c r="E2308" s="6">
        <v>673.13009999999997</v>
      </c>
    </row>
    <row r="2309" spans="4:5" x14ac:dyDescent="0.25">
      <c r="D2309" s="6">
        <v>2736.3110000000001</v>
      </c>
      <c r="E2309" s="6">
        <v>713.36289999999997</v>
      </c>
    </row>
    <row r="2310" spans="4:5" x14ac:dyDescent="0.25">
      <c r="D2310" s="6">
        <v>3942.82</v>
      </c>
      <c r="E2310" s="6">
        <v>1932.251</v>
      </c>
    </row>
    <row r="2311" spans="4:5" x14ac:dyDescent="0.25">
      <c r="D2311" s="6">
        <v>845.45349999999996</v>
      </c>
      <c r="E2311" s="6">
        <v>4440.509</v>
      </c>
    </row>
    <row r="2312" spans="4:5" x14ac:dyDescent="0.25">
      <c r="D2312" s="6">
        <v>1090.8599999999999</v>
      </c>
      <c r="E2312" s="6">
        <v>704.27739999999994</v>
      </c>
    </row>
    <row r="2313" spans="4:5" x14ac:dyDescent="0.25">
      <c r="D2313" s="6">
        <v>695.77589999999998</v>
      </c>
      <c r="E2313" s="6">
        <v>4416.3329999999996</v>
      </c>
    </row>
    <row r="2314" spans="4:5" x14ac:dyDescent="0.25">
      <c r="D2314" s="6">
        <v>939.8143</v>
      </c>
      <c r="E2314" s="6">
        <v>1105.598</v>
      </c>
    </row>
    <row r="2315" spans="4:5" x14ac:dyDescent="0.25">
      <c r="D2315" s="6">
        <v>683.14290000000005</v>
      </c>
      <c r="E2315" s="6">
        <v>4437.777</v>
      </c>
    </row>
    <row r="2316" spans="4:5" x14ac:dyDescent="0.25">
      <c r="D2316" s="6">
        <v>679.89480000000003</v>
      </c>
      <c r="E2316" s="6">
        <v>3009.779</v>
      </c>
    </row>
    <row r="2317" spans="4:5" x14ac:dyDescent="0.25">
      <c r="D2317" s="6">
        <v>1284.742</v>
      </c>
      <c r="E2317" s="6">
        <v>6933.433</v>
      </c>
    </row>
    <row r="2318" spans="4:5" x14ac:dyDescent="0.25">
      <c r="D2318" s="6">
        <v>6027.9080000000004</v>
      </c>
      <c r="E2318" s="6">
        <v>3935.43</v>
      </c>
    </row>
    <row r="2319" spans="4:5" x14ac:dyDescent="0.25">
      <c r="D2319" s="6">
        <v>919.17660000000001</v>
      </c>
      <c r="E2319" s="6">
        <v>483.33330000000001</v>
      </c>
    </row>
    <row r="2320" spans="4:5" x14ac:dyDescent="0.25">
      <c r="D2320" s="6">
        <v>3426.0709999999999</v>
      </c>
      <c r="E2320" s="6">
        <v>855.62019999999995</v>
      </c>
    </row>
    <row r="2321" spans="4:5" x14ac:dyDescent="0.25">
      <c r="D2321" s="6">
        <v>2730.25</v>
      </c>
      <c r="E2321" s="6">
        <v>572.98519999999996</v>
      </c>
    </row>
    <row r="2322" spans="4:5" x14ac:dyDescent="0.25">
      <c r="D2322" s="6">
        <v>758.14869999999996</v>
      </c>
      <c r="E2322" s="6">
        <v>4407.5140000000001</v>
      </c>
    </row>
    <row r="2323" spans="4:5" x14ac:dyDescent="0.25">
      <c r="D2323" s="6">
        <v>781.42870000000005</v>
      </c>
      <c r="E2323" s="6">
        <v>942.21900000000005</v>
      </c>
    </row>
    <row r="2324" spans="4:5" x14ac:dyDescent="0.25">
      <c r="D2324" s="6">
        <v>1636.345</v>
      </c>
      <c r="E2324" s="6">
        <v>715.72239999999999</v>
      </c>
    </row>
    <row r="2325" spans="4:5" x14ac:dyDescent="0.25">
      <c r="D2325" s="6">
        <v>904.45899999999995</v>
      </c>
      <c r="E2325" s="6">
        <v>3278.348</v>
      </c>
    </row>
    <row r="2326" spans="4:5" x14ac:dyDescent="0.25">
      <c r="D2326" s="6">
        <v>7112.8149999999996</v>
      </c>
      <c r="E2326" s="6">
        <v>1052.079</v>
      </c>
    </row>
    <row r="2327" spans="4:5" x14ac:dyDescent="0.25">
      <c r="D2327" s="6">
        <v>857.60209999999995</v>
      </c>
      <c r="E2327" s="6">
        <v>838.69010000000003</v>
      </c>
    </row>
    <row r="2328" spans="4:5" x14ac:dyDescent="0.25">
      <c r="D2328" s="6">
        <v>582.41930000000002</v>
      </c>
      <c r="E2328" s="6">
        <v>4277.4679999999998</v>
      </c>
    </row>
    <row r="2329" spans="4:5" x14ac:dyDescent="0.25">
      <c r="D2329" s="6">
        <v>809.00260000000003</v>
      </c>
      <c r="E2329" s="6">
        <v>780.55989999999997</v>
      </c>
    </row>
    <row r="2330" spans="4:5" x14ac:dyDescent="0.25">
      <c r="D2330" s="6">
        <v>4164.1040000000003</v>
      </c>
      <c r="E2330" s="6">
        <v>4000.8</v>
      </c>
    </row>
    <row r="2331" spans="4:5" x14ac:dyDescent="0.25">
      <c r="D2331" s="6">
        <v>6468.6279999999997</v>
      </c>
      <c r="E2331" s="6">
        <v>5343.1009999999997</v>
      </c>
    </row>
    <row r="2332" spans="4:5" x14ac:dyDescent="0.25">
      <c r="D2332" s="6">
        <v>4799.2690000000002</v>
      </c>
      <c r="E2332" s="6">
        <v>727.58439999999996</v>
      </c>
    </row>
    <row r="2333" spans="4:5" x14ac:dyDescent="0.25">
      <c r="D2333" s="6">
        <v>1722.9680000000001</v>
      </c>
      <c r="E2333" s="6">
        <v>3502.4189999999999</v>
      </c>
    </row>
    <row r="2334" spans="4:5" x14ac:dyDescent="0.25">
      <c r="D2334" s="6">
        <v>488.48390000000001</v>
      </c>
      <c r="E2334" s="6">
        <v>635.1979</v>
      </c>
    </row>
    <row r="2335" spans="4:5" x14ac:dyDescent="0.25">
      <c r="D2335" s="6">
        <v>3834.3989999999999</v>
      </c>
      <c r="E2335" s="6">
        <v>1132.31</v>
      </c>
    </row>
    <row r="2336" spans="4:5" x14ac:dyDescent="0.25">
      <c r="D2336" s="6">
        <v>859.05129999999997</v>
      </c>
      <c r="E2336" s="6">
        <v>1194.5889999999999</v>
      </c>
    </row>
    <row r="2337" spans="4:5" x14ac:dyDescent="0.25">
      <c r="D2337" s="6">
        <v>1426.662</v>
      </c>
      <c r="E2337" s="6">
        <v>879.92219999999998</v>
      </c>
    </row>
    <row r="2338" spans="4:5" x14ac:dyDescent="0.25">
      <c r="D2338" s="6">
        <v>951.54319999999996</v>
      </c>
      <c r="E2338" s="6">
        <v>3461.8429999999998</v>
      </c>
    </row>
    <row r="2339" spans="4:5" x14ac:dyDescent="0.25">
      <c r="D2339" s="6">
        <v>892.27390000000003</v>
      </c>
      <c r="E2339" s="6">
        <v>4285.143</v>
      </c>
    </row>
    <row r="2340" spans="4:5" x14ac:dyDescent="0.25">
      <c r="D2340" s="6">
        <v>626.56449999999995</v>
      </c>
      <c r="E2340" s="6">
        <v>550.19709999999998</v>
      </c>
    </row>
    <row r="2341" spans="4:5" x14ac:dyDescent="0.25">
      <c r="D2341" s="6">
        <v>665.11940000000004</v>
      </c>
      <c r="E2341" s="6">
        <v>2370.076</v>
      </c>
    </row>
    <row r="2342" spans="4:5" x14ac:dyDescent="0.25">
      <c r="D2342" s="6">
        <v>1305.9829999999999</v>
      </c>
      <c r="E2342" s="6">
        <v>588.32629999999995</v>
      </c>
    </row>
    <row r="2343" spans="4:5" x14ac:dyDescent="0.25">
      <c r="D2343" s="6">
        <v>5606.299</v>
      </c>
      <c r="E2343" s="6">
        <v>1413.7819999999999</v>
      </c>
    </row>
    <row r="2344" spans="4:5" x14ac:dyDescent="0.25">
      <c r="D2344" s="6">
        <v>783.81029999999998</v>
      </c>
      <c r="E2344" s="6">
        <v>8421.8819999999996</v>
      </c>
    </row>
    <row r="2345" spans="4:5" x14ac:dyDescent="0.25">
      <c r="D2345" s="6">
        <v>849.4008</v>
      </c>
      <c r="E2345" s="6">
        <v>890.47059999999999</v>
      </c>
    </row>
    <row r="2346" spans="4:5" x14ac:dyDescent="0.25">
      <c r="D2346" s="6">
        <v>1052.643</v>
      </c>
      <c r="E2346" s="6">
        <v>4229.665</v>
      </c>
    </row>
    <row r="2347" spans="4:5" x14ac:dyDescent="0.25">
      <c r="D2347" s="6">
        <v>851.30899999999997</v>
      </c>
      <c r="E2347" s="6">
        <v>5000.7110000000002</v>
      </c>
    </row>
    <row r="2348" spans="4:5" x14ac:dyDescent="0.25">
      <c r="D2348" s="6">
        <v>5425.9269999999997</v>
      </c>
      <c r="E2348" s="6">
        <v>633.39260000000002</v>
      </c>
    </row>
    <row r="2349" spans="4:5" x14ac:dyDescent="0.25">
      <c r="D2349" s="6">
        <v>1612.1659999999999</v>
      </c>
      <c r="E2349" s="6">
        <v>691.25409999999999</v>
      </c>
    </row>
    <row r="2350" spans="4:5" x14ac:dyDescent="0.25">
      <c r="D2350" s="6">
        <v>713.83050000000003</v>
      </c>
      <c r="E2350" s="6">
        <v>1440.652</v>
      </c>
    </row>
    <row r="2351" spans="4:5" x14ac:dyDescent="0.25">
      <c r="D2351" s="6">
        <v>724.99839999999995</v>
      </c>
      <c r="E2351" s="6">
        <v>1499.915</v>
      </c>
    </row>
    <row r="2352" spans="4:5" x14ac:dyDescent="0.25">
      <c r="D2352" s="6">
        <v>555.16290000000004</v>
      </c>
      <c r="E2352" s="6">
        <v>5177.4219999999996</v>
      </c>
    </row>
    <row r="2353" spans="4:5" x14ac:dyDescent="0.25">
      <c r="D2353" s="6">
        <v>811.56029999999998</v>
      </c>
      <c r="E2353" s="6">
        <v>4028.616</v>
      </c>
    </row>
    <row r="2354" spans="4:5" x14ac:dyDescent="0.25">
      <c r="D2354" s="6">
        <v>986.7953</v>
      </c>
      <c r="E2354" s="6">
        <v>493.05419999999998</v>
      </c>
    </row>
    <row r="2355" spans="4:5" x14ac:dyDescent="0.25">
      <c r="D2355" s="6">
        <v>783.8732</v>
      </c>
      <c r="E2355" s="6">
        <v>3859.6959999999999</v>
      </c>
    </row>
    <row r="2356" spans="4:5" x14ac:dyDescent="0.25">
      <c r="D2356" s="6">
        <v>877.13720000000001</v>
      </c>
      <c r="E2356" s="6">
        <v>4049.1419999999998</v>
      </c>
    </row>
    <row r="2357" spans="4:5" x14ac:dyDescent="0.25">
      <c r="D2357" s="6">
        <v>854.53359999999998</v>
      </c>
      <c r="E2357" s="6">
        <v>595.71969999999999</v>
      </c>
    </row>
    <row r="2358" spans="4:5" x14ac:dyDescent="0.25">
      <c r="D2358" s="6">
        <v>4550.4830000000002</v>
      </c>
      <c r="E2358" s="6">
        <v>3164.8020000000001</v>
      </c>
    </row>
    <row r="2359" spans="4:5" x14ac:dyDescent="0.25">
      <c r="D2359" s="6">
        <v>1814.472</v>
      </c>
      <c r="E2359" s="6">
        <v>3852.556</v>
      </c>
    </row>
    <row r="2360" spans="4:5" x14ac:dyDescent="0.25">
      <c r="D2360" s="6">
        <v>659.2097</v>
      </c>
      <c r="E2360" s="6">
        <v>1011.014</v>
      </c>
    </row>
    <row r="2361" spans="4:5" x14ac:dyDescent="0.25">
      <c r="D2361" s="6">
        <v>896.12180000000001</v>
      </c>
      <c r="E2361" s="6">
        <v>1563.135</v>
      </c>
    </row>
    <row r="2362" spans="4:5" x14ac:dyDescent="0.25">
      <c r="D2362" s="6">
        <v>6428.9889999999996</v>
      </c>
      <c r="E2362" s="6">
        <v>500.9</v>
      </c>
    </row>
    <row r="2363" spans="4:5" x14ac:dyDescent="0.25">
      <c r="D2363" s="6">
        <v>8998.1749999999993</v>
      </c>
      <c r="E2363" s="6">
        <v>587.62360000000001</v>
      </c>
    </row>
    <row r="2364" spans="4:5" x14ac:dyDescent="0.25">
      <c r="D2364" s="6">
        <v>1992.4159999999999</v>
      </c>
      <c r="E2364" s="6">
        <v>993.07389999999998</v>
      </c>
    </row>
    <row r="2365" spans="4:5" x14ac:dyDescent="0.25">
      <c r="D2365" s="6">
        <v>698.58619999999996</v>
      </c>
      <c r="E2365" s="6">
        <v>3981.8910000000001</v>
      </c>
    </row>
    <row r="2366" spans="4:5" x14ac:dyDescent="0.25">
      <c r="D2366" s="6">
        <v>3631.94</v>
      </c>
      <c r="E2366" s="6">
        <v>928.13559999999995</v>
      </c>
    </row>
    <row r="2367" spans="4:5" x14ac:dyDescent="0.25">
      <c r="D2367" s="6">
        <v>6402.4009999999998</v>
      </c>
      <c r="E2367" s="6">
        <v>5556.0649999999996</v>
      </c>
    </row>
    <row r="2368" spans="4:5" x14ac:dyDescent="0.25">
      <c r="D2368" s="6">
        <v>618.75379999999996</v>
      </c>
      <c r="E2368" s="6">
        <v>1675.5</v>
      </c>
    </row>
    <row r="2369" spans="4:5" x14ac:dyDescent="0.25">
      <c r="D2369" s="6">
        <v>6460.8490000000002</v>
      </c>
      <c r="E2369" s="6">
        <v>3121.357</v>
      </c>
    </row>
    <row r="2370" spans="4:5" x14ac:dyDescent="0.25">
      <c r="D2370" s="6">
        <v>614.40890000000002</v>
      </c>
      <c r="E2370" s="6">
        <v>562.29589999999996</v>
      </c>
    </row>
    <row r="2371" spans="4:5" x14ac:dyDescent="0.25">
      <c r="D2371" s="6">
        <v>626.20659999999998</v>
      </c>
      <c r="E2371" s="6">
        <v>598.7835</v>
      </c>
    </row>
    <row r="2372" spans="4:5" x14ac:dyDescent="0.25">
      <c r="D2372" s="6">
        <v>857.23</v>
      </c>
      <c r="E2372" s="6">
        <v>552</v>
      </c>
    </row>
    <row r="2373" spans="4:5" x14ac:dyDescent="0.25">
      <c r="D2373" s="6">
        <v>590.94159999999999</v>
      </c>
      <c r="E2373" s="6">
        <v>704.25329999999997</v>
      </c>
    </row>
    <row r="2374" spans="4:5" x14ac:dyDescent="0.25">
      <c r="D2374" s="6">
        <v>3392.9409999999998</v>
      </c>
      <c r="E2374" s="6">
        <v>1052.307</v>
      </c>
    </row>
    <row r="2375" spans="4:5" x14ac:dyDescent="0.25">
      <c r="D2375" s="6">
        <v>2442.857</v>
      </c>
      <c r="E2375" s="6">
        <v>745.06610000000001</v>
      </c>
    </row>
    <row r="2376" spans="4:5" x14ac:dyDescent="0.25">
      <c r="D2376" s="6">
        <v>2766.681</v>
      </c>
      <c r="E2376" s="6">
        <v>866.01179999999999</v>
      </c>
    </row>
    <row r="2377" spans="4:5" x14ac:dyDescent="0.25">
      <c r="D2377" s="6">
        <v>6509.4679999999998</v>
      </c>
      <c r="E2377" s="6">
        <v>871.35270000000003</v>
      </c>
    </row>
    <row r="2378" spans="4:5" x14ac:dyDescent="0.25">
      <c r="D2378" s="6">
        <v>828.54420000000005</v>
      </c>
      <c r="E2378" s="6">
        <v>1510.1210000000001</v>
      </c>
    </row>
    <row r="2379" spans="4:5" x14ac:dyDescent="0.25">
      <c r="D2379" s="6">
        <v>1045.6849999999999</v>
      </c>
      <c r="E2379" s="6">
        <v>4270.7849999999999</v>
      </c>
    </row>
    <row r="2380" spans="4:5" x14ac:dyDescent="0.25">
      <c r="D2380" s="6">
        <v>793.99670000000003</v>
      </c>
      <c r="E2380" s="6">
        <v>728.404</v>
      </c>
    </row>
    <row r="2381" spans="4:5" x14ac:dyDescent="0.25">
      <c r="D2381" s="6">
        <v>659.69299999999998</v>
      </c>
      <c r="E2381" s="6">
        <v>5326.0529999999999</v>
      </c>
    </row>
    <row r="2382" spans="4:5" x14ac:dyDescent="0.25">
      <c r="D2382" s="6">
        <v>5711.9520000000002</v>
      </c>
      <c r="E2382" s="6">
        <v>690.10320000000002</v>
      </c>
    </row>
    <row r="2383" spans="4:5" x14ac:dyDescent="0.25">
      <c r="D2383" s="6">
        <v>909.62289999999996</v>
      </c>
      <c r="E2383" s="6">
        <v>4335.7110000000002</v>
      </c>
    </row>
    <row r="2384" spans="4:5" x14ac:dyDescent="0.25">
      <c r="D2384" s="6">
        <v>7583.6670000000004</v>
      </c>
      <c r="E2384" s="6">
        <v>1291.5</v>
      </c>
    </row>
    <row r="2385" spans="4:5" x14ac:dyDescent="0.25">
      <c r="D2385" s="6">
        <v>495.85489999999999</v>
      </c>
      <c r="E2385" s="6">
        <v>1369.7750000000001</v>
      </c>
    </row>
    <row r="2386" spans="4:5" x14ac:dyDescent="0.25">
      <c r="D2386" s="6">
        <v>714.64649999999995</v>
      </c>
      <c r="E2386" s="6">
        <v>821.67309999999998</v>
      </c>
    </row>
    <row r="2387" spans="4:5" x14ac:dyDescent="0.25">
      <c r="D2387" s="6">
        <v>624</v>
      </c>
      <c r="E2387" s="6">
        <v>783.5652</v>
      </c>
    </row>
    <row r="2388" spans="4:5" x14ac:dyDescent="0.25">
      <c r="D2388" s="6">
        <v>667.77499999999998</v>
      </c>
      <c r="E2388" s="6">
        <v>6454.8739999999998</v>
      </c>
    </row>
    <row r="2389" spans="4:5" x14ac:dyDescent="0.25">
      <c r="D2389" s="6">
        <v>1525.107</v>
      </c>
      <c r="E2389" s="6">
        <v>3713.317</v>
      </c>
    </row>
    <row r="2390" spans="4:5" x14ac:dyDescent="0.25">
      <c r="D2390" s="6">
        <v>722.78750000000002</v>
      </c>
      <c r="E2390" s="6">
        <v>4740.009</v>
      </c>
    </row>
    <row r="2391" spans="4:5" x14ac:dyDescent="0.25">
      <c r="D2391" s="6">
        <v>886.44119999999998</v>
      </c>
      <c r="E2391" s="6">
        <v>4367.0069999999996</v>
      </c>
    </row>
    <row r="2392" spans="4:5" x14ac:dyDescent="0.25">
      <c r="D2392" s="6">
        <v>1027.547</v>
      </c>
      <c r="E2392" s="6">
        <v>868.09389999999996</v>
      </c>
    </row>
    <row r="2393" spans="4:5" x14ac:dyDescent="0.25">
      <c r="D2393" s="6">
        <v>6760.5280000000002</v>
      </c>
      <c r="E2393" s="6">
        <v>2749.6</v>
      </c>
    </row>
    <row r="2394" spans="4:5" x14ac:dyDescent="0.25">
      <c r="D2394" s="6">
        <v>501.00319999999999</v>
      </c>
      <c r="E2394" s="6">
        <v>1021.333</v>
      </c>
    </row>
    <row r="2395" spans="4:5" x14ac:dyDescent="0.25">
      <c r="D2395" s="6">
        <v>642.21870000000001</v>
      </c>
      <c r="E2395" s="6">
        <v>3570.2530000000002</v>
      </c>
    </row>
    <row r="2396" spans="4:5" x14ac:dyDescent="0.25">
      <c r="D2396" s="6">
        <v>830.81709999999998</v>
      </c>
      <c r="E2396" s="6">
        <v>668.72709999999995</v>
      </c>
    </row>
    <row r="2397" spans="4:5" x14ac:dyDescent="0.25">
      <c r="D2397" s="6">
        <v>2647.8310000000001</v>
      </c>
      <c r="E2397" s="6">
        <v>698.77290000000005</v>
      </c>
    </row>
    <row r="2398" spans="4:5" x14ac:dyDescent="0.25">
      <c r="D2398" s="6">
        <v>5409.1570000000002</v>
      </c>
      <c r="E2398" s="6">
        <v>705.73329999999999</v>
      </c>
    </row>
    <row r="2399" spans="4:5" x14ac:dyDescent="0.25">
      <c r="D2399" s="6">
        <v>719.72670000000005</v>
      </c>
      <c r="E2399" s="6">
        <v>289.49110000000002</v>
      </c>
    </row>
    <row r="2400" spans="4:5" x14ac:dyDescent="0.25">
      <c r="D2400" s="6">
        <v>7170.6390000000001</v>
      </c>
      <c r="E2400" s="6">
        <v>876.79989999999998</v>
      </c>
    </row>
    <row r="2401" spans="4:5" x14ac:dyDescent="0.25">
      <c r="D2401" s="6">
        <v>2060.84</v>
      </c>
      <c r="E2401" s="6">
        <v>3991.6109999999999</v>
      </c>
    </row>
    <row r="2402" spans="4:5" x14ac:dyDescent="0.25">
      <c r="D2402" s="6">
        <v>707.70939999999996</v>
      </c>
      <c r="E2402" s="6">
        <v>606.38890000000004</v>
      </c>
    </row>
    <row r="2403" spans="4:5" x14ac:dyDescent="0.25">
      <c r="D2403" s="6">
        <v>642.23860000000002</v>
      </c>
      <c r="E2403" s="6">
        <v>986.47919999999999</v>
      </c>
    </row>
    <row r="2404" spans="4:5" x14ac:dyDescent="0.25">
      <c r="D2404" s="6">
        <v>4860.0510000000004</v>
      </c>
      <c r="E2404" s="6">
        <v>704.25</v>
      </c>
    </row>
    <row r="2405" spans="4:5" x14ac:dyDescent="0.25">
      <c r="D2405" s="6">
        <v>1336.816</v>
      </c>
      <c r="E2405" s="6">
        <v>711.35680000000002</v>
      </c>
    </row>
    <row r="2406" spans="4:5" x14ac:dyDescent="0.25">
      <c r="D2406" s="6">
        <v>3715.299</v>
      </c>
      <c r="E2406" s="6">
        <v>1255.6510000000001</v>
      </c>
    </row>
    <row r="2407" spans="4:5" x14ac:dyDescent="0.25">
      <c r="D2407" s="6">
        <v>958.47640000000001</v>
      </c>
      <c r="E2407" s="6">
        <v>1074.8409999999999</v>
      </c>
    </row>
    <row r="2408" spans="4:5" x14ac:dyDescent="0.25">
      <c r="D2408" s="6">
        <v>1007.1849999999999</v>
      </c>
      <c r="E2408" s="6">
        <v>5092.2340000000004</v>
      </c>
    </row>
    <row r="2409" spans="4:5" x14ac:dyDescent="0.25">
      <c r="D2409" s="6">
        <v>2349.558</v>
      </c>
      <c r="E2409" s="6">
        <v>820.47159999999997</v>
      </c>
    </row>
    <row r="2410" spans="4:5" x14ac:dyDescent="0.25">
      <c r="D2410" s="6">
        <v>672.85090000000002</v>
      </c>
      <c r="E2410" s="6">
        <v>3926.9549999999999</v>
      </c>
    </row>
    <row r="2411" spans="4:5" x14ac:dyDescent="0.25">
      <c r="D2411" s="6">
        <v>718.92660000000001</v>
      </c>
      <c r="E2411" s="6">
        <v>5208.924</v>
      </c>
    </row>
    <row r="2412" spans="4:5" x14ac:dyDescent="0.25">
      <c r="D2412" s="6">
        <v>2131.19</v>
      </c>
      <c r="E2412" s="6">
        <v>476.22719999999998</v>
      </c>
    </row>
    <row r="2413" spans="4:5" x14ac:dyDescent="0.25">
      <c r="D2413" s="6">
        <v>5667.19</v>
      </c>
      <c r="E2413" s="6">
        <v>2887.3739999999998</v>
      </c>
    </row>
    <row r="2414" spans="4:5" x14ac:dyDescent="0.25">
      <c r="D2414" s="6">
        <v>606.17790000000002</v>
      </c>
      <c r="E2414" s="6">
        <v>1064.6610000000001</v>
      </c>
    </row>
    <row r="2415" spans="4:5" x14ac:dyDescent="0.25">
      <c r="D2415" s="6">
        <v>852.28110000000004</v>
      </c>
      <c r="E2415" s="6">
        <v>4651.7740000000003</v>
      </c>
    </row>
    <row r="2416" spans="4:5" x14ac:dyDescent="0.25">
      <c r="D2416" s="6">
        <v>1713.5340000000001</v>
      </c>
      <c r="E2416" s="6">
        <v>1155.0360000000001</v>
      </c>
    </row>
    <row r="2417" spans="4:5" x14ac:dyDescent="0.25">
      <c r="D2417" s="6">
        <v>602.46029999999996</v>
      </c>
      <c r="E2417" s="6">
        <v>5341.7</v>
      </c>
    </row>
    <row r="2418" spans="4:5" x14ac:dyDescent="0.25">
      <c r="D2418" s="6">
        <v>929.14660000000003</v>
      </c>
      <c r="E2418" s="6">
        <v>888.57389999999998</v>
      </c>
    </row>
    <row r="2419" spans="4:5" x14ac:dyDescent="0.25">
      <c r="D2419" s="6">
        <v>6743.0230000000001</v>
      </c>
      <c r="E2419" s="6">
        <v>696.94290000000001</v>
      </c>
    </row>
    <row r="2420" spans="4:5" x14ac:dyDescent="0.25">
      <c r="D2420" s="6">
        <v>774.61839999999995</v>
      </c>
      <c r="E2420" s="6">
        <v>1250.75</v>
      </c>
    </row>
    <row r="2421" spans="4:5" x14ac:dyDescent="0.25">
      <c r="D2421" s="6">
        <v>6155.3429999999998</v>
      </c>
      <c r="E2421" s="6">
        <v>550.22670000000005</v>
      </c>
    </row>
    <row r="2422" spans="4:5" x14ac:dyDescent="0.25">
      <c r="D2422" s="6">
        <v>862.75509999999997</v>
      </c>
      <c r="E2422" s="6">
        <v>619.50080000000003</v>
      </c>
    </row>
    <row r="2423" spans="4:5" x14ac:dyDescent="0.25">
      <c r="D2423" s="6">
        <v>770.52350000000001</v>
      </c>
      <c r="E2423" s="6">
        <v>711.36800000000005</v>
      </c>
    </row>
    <row r="2424" spans="4:5" x14ac:dyDescent="0.25">
      <c r="D2424" s="6">
        <v>809.95240000000001</v>
      </c>
      <c r="E2424" s="6">
        <v>1104.556</v>
      </c>
    </row>
    <row r="2425" spans="4:5" x14ac:dyDescent="0.25">
      <c r="D2425" s="6">
        <v>1238.1389999999999</v>
      </c>
      <c r="E2425" s="6">
        <v>3296.9609999999998</v>
      </c>
    </row>
    <row r="2426" spans="4:5" x14ac:dyDescent="0.25">
      <c r="D2426" s="6">
        <v>4091.069</v>
      </c>
      <c r="E2426" s="6">
        <v>3794.3180000000002</v>
      </c>
    </row>
    <row r="2427" spans="4:5" x14ac:dyDescent="0.25">
      <c r="D2427" s="6">
        <v>4337.9610000000002</v>
      </c>
      <c r="E2427" s="6">
        <v>1439.0170000000001</v>
      </c>
    </row>
    <row r="2428" spans="4:5" x14ac:dyDescent="0.25">
      <c r="D2428" s="6">
        <v>1009.4829999999999</v>
      </c>
      <c r="E2428" s="6">
        <v>1111.356</v>
      </c>
    </row>
    <row r="2429" spans="4:5" x14ac:dyDescent="0.25">
      <c r="D2429" s="6">
        <v>725.68970000000002</v>
      </c>
      <c r="E2429" s="6">
        <v>3894.6320000000001</v>
      </c>
    </row>
    <row r="2430" spans="4:5" x14ac:dyDescent="0.25">
      <c r="D2430" s="6">
        <v>3292.5619999999999</v>
      </c>
      <c r="E2430" s="6">
        <v>1283.252</v>
      </c>
    </row>
    <row r="2431" spans="4:5" x14ac:dyDescent="0.25">
      <c r="D2431" s="6">
        <v>6407.701</v>
      </c>
      <c r="E2431" s="6">
        <v>3456.1880000000001</v>
      </c>
    </row>
    <row r="2432" spans="4:5" x14ac:dyDescent="0.25">
      <c r="D2432" s="6">
        <v>702.26890000000003</v>
      </c>
      <c r="E2432" s="6">
        <v>3762.7809999999999</v>
      </c>
    </row>
    <row r="2433" spans="4:5" x14ac:dyDescent="0.25">
      <c r="D2433" s="6">
        <v>704.67380000000003</v>
      </c>
      <c r="E2433" s="6">
        <v>3875.1210000000001</v>
      </c>
    </row>
    <row r="2434" spans="4:5" x14ac:dyDescent="0.25">
      <c r="D2434" s="6">
        <v>1767.6110000000001</v>
      </c>
      <c r="E2434" s="6">
        <v>976.95240000000001</v>
      </c>
    </row>
    <row r="2435" spans="4:5" x14ac:dyDescent="0.25">
      <c r="D2435" s="6">
        <v>825.12040000000002</v>
      </c>
      <c r="E2435" s="6">
        <v>723.29039999999998</v>
      </c>
    </row>
    <row r="2436" spans="4:5" x14ac:dyDescent="0.25">
      <c r="D2436" s="6">
        <v>1984.7739999999999</v>
      </c>
      <c r="E2436" s="6">
        <v>2340.3690000000001</v>
      </c>
    </row>
    <row r="2437" spans="4:5" x14ac:dyDescent="0.25">
      <c r="D2437" s="6">
        <v>1946.9749999999999</v>
      </c>
      <c r="E2437" s="6">
        <v>733.38099999999997</v>
      </c>
    </row>
    <row r="2438" spans="4:5" x14ac:dyDescent="0.25">
      <c r="D2438" s="6">
        <v>1395.748</v>
      </c>
      <c r="E2438" s="6">
        <v>916.81759999999997</v>
      </c>
    </row>
    <row r="2439" spans="4:5" x14ac:dyDescent="0.25">
      <c r="D2439" s="6">
        <v>2399.7719999999999</v>
      </c>
      <c r="E2439" s="6">
        <v>631.33720000000005</v>
      </c>
    </row>
    <row r="2440" spans="4:5" x14ac:dyDescent="0.25">
      <c r="D2440" s="6">
        <v>1364.2</v>
      </c>
      <c r="E2440" s="6">
        <v>898.68589999999995</v>
      </c>
    </row>
    <row r="2441" spans="4:5" x14ac:dyDescent="0.25">
      <c r="D2441" s="6">
        <v>618.13080000000002</v>
      </c>
      <c r="E2441" s="6">
        <v>4980.5140000000001</v>
      </c>
    </row>
    <row r="2442" spans="4:5" x14ac:dyDescent="0.25">
      <c r="D2442" s="6">
        <v>452.67579999999998</v>
      </c>
      <c r="E2442" s="6">
        <v>6716.0810000000001</v>
      </c>
    </row>
    <row r="2443" spans="4:5" x14ac:dyDescent="0.25">
      <c r="D2443" s="6">
        <v>1614.7550000000001</v>
      </c>
      <c r="E2443" s="6">
        <v>907.92750000000001</v>
      </c>
    </row>
    <row r="2444" spans="4:5" x14ac:dyDescent="0.25">
      <c r="D2444" s="6">
        <v>744.01310000000001</v>
      </c>
      <c r="E2444" s="6">
        <v>664.26390000000004</v>
      </c>
    </row>
    <row r="2445" spans="4:5" x14ac:dyDescent="0.25">
      <c r="D2445" s="6">
        <v>5034.808</v>
      </c>
      <c r="E2445" s="6">
        <v>1017.51</v>
      </c>
    </row>
    <row r="2446" spans="4:5" x14ac:dyDescent="0.25">
      <c r="D2446" s="6">
        <v>1316.18</v>
      </c>
      <c r="E2446" s="6">
        <v>3232.0810000000001</v>
      </c>
    </row>
    <row r="2447" spans="4:5" x14ac:dyDescent="0.25">
      <c r="D2447" s="6">
        <v>1378.7180000000001</v>
      </c>
      <c r="E2447" s="6">
        <v>3834.2269999999999</v>
      </c>
    </row>
    <row r="2448" spans="4:5" x14ac:dyDescent="0.25">
      <c r="D2448" s="6">
        <v>1054.5440000000001</v>
      </c>
      <c r="E2448" s="6">
        <v>3237.4540000000002</v>
      </c>
    </row>
    <row r="2449" spans="4:5" x14ac:dyDescent="0.25">
      <c r="D2449" s="6">
        <v>940.96680000000003</v>
      </c>
      <c r="E2449" s="6">
        <v>619.74789999999996</v>
      </c>
    </row>
    <row r="2450" spans="4:5" x14ac:dyDescent="0.25">
      <c r="D2450" s="6">
        <v>710.28250000000003</v>
      </c>
      <c r="E2450" s="6">
        <v>4860.8860000000004</v>
      </c>
    </row>
    <row r="2451" spans="4:5" x14ac:dyDescent="0.25">
      <c r="D2451" s="6">
        <v>760.38649999999996</v>
      </c>
      <c r="E2451" s="6">
        <v>5139.1970000000001</v>
      </c>
    </row>
    <row r="2452" spans="4:5" x14ac:dyDescent="0.25">
      <c r="D2452" s="6">
        <v>982.49159999999995</v>
      </c>
      <c r="E2452" s="6">
        <v>703.4597</v>
      </c>
    </row>
    <row r="2453" spans="4:5" x14ac:dyDescent="0.25">
      <c r="D2453" s="6">
        <v>1619.3119999999999</v>
      </c>
      <c r="E2453" s="6">
        <v>570.79840000000002</v>
      </c>
    </row>
    <row r="2454" spans="4:5" x14ac:dyDescent="0.25">
      <c r="D2454" s="6">
        <v>7063.0309999999999</v>
      </c>
      <c r="E2454" s="6">
        <v>4618.8159999999998</v>
      </c>
    </row>
    <row r="2455" spans="4:5" x14ac:dyDescent="0.25">
      <c r="D2455" s="6">
        <v>1878.9949999999999</v>
      </c>
      <c r="E2455" s="6">
        <v>580.72670000000005</v>
      </c>
    </row>
    <row r="2456" spans="4:5" x14ac:dyDescent="0.25">
      <c r="D2456" s="6">
        <v>1339.33</v>
      </c>
      <c r="E2456" s="6">
        <v>692.25369999999998</v>
      </c>
    </row>
    <row r="2457" spans="4:5" x14ac:dyDescent="0.25">
      <c r="D2457" s="6">
        <v>1674.318</v>
      </c>
      <c r="E2457" s="6">
        <v>4549.0410000000002</v>
      </c>
    </row>
    <row r="2458" spans="4:5" x14ac:dyDescent="0.25">
      <c r="D2458" s="6">
        <v>729.45280000000002</v>
      </c>
      <c r="E2458" s="6">
        <v>3866.4670000000001</v>
      </c>
    </row>
    <row r="2459" spans="4:5" x14ac:dyDescent="0.25">
      <c r="D2459" s="6">
        <v>2297.8609999999999</v>
      </c>
      <c r="E2459" s="6">
        <v>639.3569</v>
      </c>
    </row>
    <row r="2460" spans="4:5" x14ac:dyDescent="0.25">
      <c r="D2460" s="6">
        <v>775.08569999999997</v>
      </c>
      <c r="E2460" s="6">
        <v>3147.402</v>
      </c>
    </row>
    <row r="2461" spans="4:5" x14ac:dyDescent="0.25">
      <c r="D2461" s="6">
        <v>585.73099999999999</v>
      </c>
      <c r="E2461" s="6">
        <v>3788.346</v>
      </c>
    </row>
    <row r="2462" spans="4:5" x14ac:dyDescent="0.25">
      <c r="D2462" s="6">
        <v>707.04930000000002</v>
      </c>
      <c r="E2462" s="6">
        <v>4932.3029999999999</v>
      </c>
    </row>
    <row r="2463" spans="4:5" x14ac:dyDescent="0.25">
      <c r="D2463" s="6">
        <v>752.89149999999995</v>
      </c>
      <c r="E2463" s="6">
        <v>3742.3820000000001</v>
      </c>
    </row>
    <row r="2464" spans="4:5" x14ac:dyDescent="0.25">
      <c r="D2464" s="6">
        <v>577.45759999999996</v>
      </c>
      <c r="E2464" s="6">
        <v>4779.4040000000005</v>
      </c>
    </row>
    <row r="2465" spans="4:5" x14ac:dyDescent="0.25">
      <c r="D2465" s="6">
        <v>5995.0469999999996</v>
      </c>
      <c r="E2465" s="6">
        <v>6076.4520000000002</v>
      </c>
    </row>
    <row r="2466" spans="4:5" x14ac:dyDescent="0.25">
      <c r="D2466" s="6">
        <v>6827.8829999999998</v>
      </c>
      <c r="E2466" s="6">
        <v>1206.8320000000001</v>
      </c>
    </row>
    <row r="2467" spans="4:5" x14ac:dyDescent="0.25">
      <c r="D2467" s="6">
        <v>893.57339999999999</v>
      </c>
      <c r="E2467" s="6">
        <v>1842.896</v>
      </c>
    </row>
    <row r="2468" spans="4:5" x14ac:dyDescent="0.25">
      <c r="D2468" s="6">
        <v>640.42089999999996</v>
      </c>
      <c r="E2468" s="6">
        <v>1319.165</v>
      </c>
    </row>
    <row r="2469" spans="4:5" x14ac:dyDescent="0.25">
      <c r="D2469" s="6">
        <v>629.09199999999998</v>
      </c>
      <c r="E2469" s="6">
        <v>490.79329999999999</v>
      </c>
    </row>
    <row r="2470" spans="4:5" x14ac:dyDescent="0.25">
      <c r="D2470" s="6">
        <v>1266.059</v>
      </c>
      <c r="E2470" s="6">
        <v>5196.8770000000004</v>
      </c>
    </row>
    <row r="2471" spans="4:5" x14ac:dyDescent="0.25">
      <c r="D2471" s="6">
        <v>899.89200000000005</v>
      </c>
      <c r="E2471" s="6">
        <v>1527.057</v>
      </c>
    </row>
    <row r="2472" spans="4:5" x14ac:dyDescent="0.25">
      <c r="D2472" s="6">
        <v>944.01110000000006</v>
      </c>
      <c r="E2472" s="6">
        <v>2660.741</v>
      </c>
    </row>
    <row r="2473" spans="4:5" x14ac:dyDescent="0.25">
      <c r="D2473" s="6">
        <v>593.45129999999995</v>
      </c>
      <c r="E2473" s="6">
        <v>1857.5640000000001</v>
      </c>
    </row>
    <row r="2474" spans="4:5" x14ac:dyDescent="0.25">
      <c r="D2474" s="6">
        <v>2573.067</v>
      </c>
      <c r="E2474" s="6">
        <v>591.8433</v>
      </c>
    </row>
    <row r="2475" spans="4:5" x14ac:dyDescent="0.25">
      <c r="D2475" s="6">
        <v>6266.6549999999997</v>
      </c>
      <c r="E2475" s="6">
        <v>577.24080000000004</v>
      </c>
    </row>
    <row r="2476" spans="4:5" x14ac:dyDescent="0.25">
      <c r="D2476" s="6">
        <v>792.92309999999998</v>
      </c>
      <c r="E2476" s="6">
        <v>459.68380000000002</v>
      </c>
    </row>
    <row r="2477" spans="4:5" x14ac:dyDescent="0.25">
      <c r="D2477" s="6">
        <v>6237.2550000000001</v>
      </c>
      <c r="E2477" s="6">
        <v>683.16110000000003</v>
      </c>
    </row>
    <row r="2478" spans="4:5" x14ac:dyDescent="0.25">
      <c r="D2478" s="6">
        <v>999.6884</v>
      </c>
      <c r="E2478" s="6">
        <v>688.55970000000002</v>
      </c>
    </row>
    <row r="2479" spans="4:5" x14ac:dyDescent="0.25">
      <c r="D2479" s="6">
        <v>559.86710000000005</v>
      </c>
      <c r="E2479" s="6">
        <v>1721.1659999999999</v>
      </c>
    </row>
    <row r="2480" spans="4:5" x14ac:dyDescent="0.25">
      <c r="D2480" s="6">
        <v>1190.1679999999999</v>
      </c>
      <c r="E2480" s="6">
        <v>477.73930000000001</v>
      </c>
    </row>
    <row r="2481" spans="4:5" x14ac:dyDescent="0.25">
      <c r="D2481" s="6">
        <v>1360.788</v>
      </c>
      <c r="E2481" s="6">
        <v>822.99260000000004</v>
      </c>
    </row>
    <row r="2482" spans="4:5" x14ac:dyDescent="0.25">
      <c r="D2482" s="6">
        <v>771.02639999999997</v>
      </c>
      <c r="E2482" s="6">
        <v>653.09270000000004</v>
      </c>
    </row>
    <row r="2483" spans="4:5" x14ac:dyDescent="0.25">
      <c r="D2483" s="6">
        <v>1893.172</v>
      </c>
      <c r="E2483" s="6">
        <v>3588.7570000000001</v>
      </c>
    </row>
    <row r="2484" spans="4:5" x14ac:dyDescent="0.25">
      <c r="D2484" s="6">
        <v>699.6866</v>
      </c>
      <c r="E2484" s="6">
        <v>543.23019999999997</v>
      </c>
    </row>
    <row r="2485" spans="4:5" x14ac:dyDescent="0.25">
      <c r="D2485" s="6">
        <v>886.37810000000002</v>
      </c>
      <c r="E2485" s="6">
        <v>960.54790000000003</v>
      </c>
    </row>
    <row r="2486" spans="4:5" x14ac:dyDescent="0.25">
      <c r="D2486" s="6">
        <v>660.48159999999996</v>
      </c>
      <c r="E2486" s="6">
        <v>4858.5219999999999</v>
      </c>
    </row>
    <row r="2487" spans="4:5" x14ac:dyDescent="0.25">
      <c r="D2487" s="6">
        <v>3265.3560000000002</v>
      </c>
      <c r="E2487" s="6">
        <v>4336.6419999999998</v>
      </c>
    </row>
    <row r="2488" spans="4:5" x14ac:dyDescent="0.25">
      <c r="D2488" s="6">
        <v>5025.4620000000004</v>
      </c>
      <c r="E2488" s="6">
        <v>5278.768</v>
      </c>
    </row>
    <row r="2489" spans="4:5" x14ac:dyDescent="0.25">
      <c r="D2489" s="6">
        <v>501.81720000000001</v>
      </c>
      <c r="E2489" s="6">
        <v>1376.232</v>
      </c>
    </row>
    <row r="2490" spans="4:5" x14ac:dyDescent="0.25">
      <c r="D2490" s="6">
        <v>831.53139999999996</v>
      </c>
      <c r="E2490" s="6">
        <v>719.81330000000003</v>
      </c>
    </row>
    <row r="2491" spans="4:5" x14ac:dyDescent="0.25">
      <c r="D2491" s="6">
        <v>616.44399999999996</v>
      </c>
      <c r="E2491" s="6">
        <v>4082.2849999999999</v>
      </c>
    </row>
    <row r="2492" spans="4:5" x14ac:dyDescent="0.25">
      <c r="D2492" s="6">
        <v>1915.383</v>
      </c>
      <c r="E2492" s="6">
        <v>1014.0410000000001</v>
      </c>
    </row>
    <row r="2493" spans="4:5" x14ac:dyDescent="0.25">
      <c r="D2493" s="6">
        <v>951.5</v>
      </c>
      <c r="E2493" s="6">
        <v>2009.5329999999999</v>
      </c>
    </row>
    <row r="2494" spans="4:5" x14ac:dyDescent="0.25">
      <c r="D2494" s="6">
        <v>832.32029999999997</v>
      </c>
      <c r="E2494" s="6">
        <v>4684.07</v>
      </c>
    </row>
    <row r="2495" spans="4:5" x14ac:dyDescent="0.25">
      <c r="D2495" s="6">
        <v>790.59889999999996</v>
      </c>
      <c r="E2495" s="6">
        <v>916.57090000000005</v>
      </c>
    </row>
    <row r="2496" spans="4:5" x14ac:dyDescent="0.25">
      <c r="D2496" s="6">
        <v>801.25300000000004</v>
      </c>
      <c r="E2496" s="6">
        <v>605.12720000000002</v>
      </c>
    </row>
    <row r="2497" spans="4:5" x14ac:dyDescent="0.25">
      <c r="D2497" s="6">
        <v>2532.5340000000001</v>
      </c>
      <c r="E2497" s="6">
        <v>626.55849999999998</v>
      </c>
    </row>
    <row r="2498" spans="4:5" x14ac:dyDescent="0.25">
      <c r="D2498" s="6">
        <v>558.02880000000005</v>
      </c>
      <c r="E2498" s="6">
        <v>3936.8040000000001</v>
      </c>
    </row>
    <row r="2499" spans="4:5" x14ac:dyDescent="0.25">
      <c r="D2499" s="6">
        <v>754.42819999999995</v>
      </c>
      <c r="E2499" s="6">
        <v>3898.518</v>
      </c>
    </row>
    <row r="2500" spans="4:5" x14ac:dyDescent="0.25">
      <c r="D2500" s="6">
        <v>5318.4380000000001</v>
      </c>
      <c r="E2500" s="6">
        <v>843.11720000000003</v>
      </c>
    </row>
    <row r="2501" spans="4:5" x14ac:dyDescent="0.25">
      <c r="D2501" s="6">
        <v>628.45510000000002</v>
      </c>
      <c r="E2501" s="6">
        <v>2425.125</v>
      </c>
    </row>
    <row r="2502" spans="4:5" x14ac:dyDescent="0.25">
      <c r="D2502" s="6">
        <v>795.96</v>
      </c>
      <c r="E2502" s="6">
        <v>1151.5039999999999</v>
      </c>
    </row>
    <row r="2503" spans="4:5" x14ac:dyDescent="0.25">
      <c r="D2503" s="6">
        <v>2745.1840000000002</v>
      </c>
      <c r="E2503" s="6">
        <v>5876.8090000000002</v>
      </c>
    </row>
    <row r="2504" spans="4:5" x14ac:dyDescent="0.25">
      <c r="D2504" s="6">
        <v>797.76580000000001</v>
      </c>
      <c r="E2504" s="6">
        <v>590.12009999999998</v>
      </c>
    </row>
    <row r="2505" spans="4:5" x14ac:dyDescent="0.25">
      <c r="D2505" s="6">
        <v>621.99760000000003</v>
      </c>
      <c r="E2505" s="6">
        <v>633.11839999999995</v>
      </c>
    </row>
    <row r="2506" spans="4:5" x14ac:dyDescent="0.25">
      <c r="D2506" s="6">
        <v>650.33090000000004</v>
      </c>
      <c r="E2506" s="6">
        <v>612.40890000000002</v>
      </c>
    </row>
    <row r="2507" spans="4:5" x14ac:dyDescent="0.25">
      <c r="D2507" s="6">
        <v>1242.5429999999999</v>
      </c>
      <c r="E2507" s="6">
        <v>2177.9479999999999</v>
      </c>
    </row>
    <row r="2508" spans="4:5" x14ac:dyDescent="0.25">
      <c r="D2508" s="6">
        <v>562.39750000000004</v>
      </c>
      <c r="E2508" s="6">
        <v>4471.5079999999998</v>
      </c>
    </row>
    <row r="2509" spans="4:5" x14ac:dyDescent="0.25">
      <c r="D2509" s="6">
        <v>679.56399999999996</v>
      </c>
      <c r="E2509" s="6">
        <v>1146.1780000000001</v>
      </c>
    </row>
    <row r="2510" spans="4:5" x14ac:dyDescent="0.25">
      <c r="D2510" s="6">
        <v>1075.127</v>
      </c>
      <c r="E2510" s="6">
        <v>4594.2280000000001</v>
      </c>
    </row>
    <row r="2511" spans="4:5" x14ac:dyDescent="0.25">
      <c r="D2511" s="6">
        <v>1794.876</v>
      </c>
      <c r="E2511" s="6">
        <v>3588.3809999999999</v>
      </c>
    </row>
    <row r="2512" spans="4:5" x14ac:dyDescent="0.25">
      <c r="D2512" s="6">
        <v>796.67539999999997</v>
      </c>
      <c r="E2512" s="6">
        <v>2748.1260000000002</v>
      </c>
    </row>
    <row r="2513" spans="4:5" x14ac:dyDescent="0.25">
      <c r="D2513" s="6">
        <v>844.81619999999998</v>
      </c>
      <c r="E2513" s="6">
        <v>612.25250000000005</v>
      </c>
    </row>
    <row r="2514" spans="4:5" x14ac:dyDescent="0.25">
      <c r="D2514" s="6">
        <v>1313.0920000000001</v>
      </c>
      <c r="E2514" s="6">
        <v>4217.2479999999996</v>
      </c>
    </row>
    <row r="2515" spans="4:5" x14ac:dyDescent="0.25">
      <c r="D2515" s="6">
        <v>743.25019999999995</v>
      </c>
      <c r="E2515" s="6">
        <v>2637.623</v>
      </c>
    </row>
    <row r="2516" spans="4:5" x14ac:dyDescent="0.25">
      <c r="D2516" s="6">
        <v>6393.9920000000002</v>
      </c>
      <c r="E2516" s="6">
        <v>3718.9830000000002</v>
      </c>
    </row>
    <row r="2517" spans="4:5" x14ac:dyDescent="0.25">
      <c r="D2517" s="6">
        <v>3180.5639999999999</v>
      </c>
      <c r="E2517" s="6">
        <v>4374.1390000000001</v>
      </c>
    </row>
    <row r="2518" spans="4:5" x14ac:dyDescent="0.25">
      <c r="D2518" s="6">
        <v>761.96839999999997</v>
      </c>
      <c r="E2518" s="6">
        <v>2650.8780000000002</v>
      </c>
    </row>
    <row r="2519" spans="4:5" x14ac:dyDescent="0.25">
      <c r="D2519" s="6">
        <v>886.75080000000003</v>
      </c>
      <c r="E2519" s="6">
        <v>3294.68</v>
      </c>
    </row>
    <row r="2520" spans="4:5" x14ac:dyDescent="0.25">
      <c r="D2520" s="6">
        <v>5612.6270000000004</v>
      </c>
      <c r="E2520" s="6">
        <v>8749.0949999999993</v>
      </c>
    </row>
    <row r="2521" spans="4:5" x14ac:dyDescent="0.25">
      <c r="D2521" s="6">
        <v>815.34960000000001</v>
      </c>
      <c r="E2521" s="6">
        <v>708</v>
      </c>
    </row>
    <row r="2522" spans="4:5" x14ac:dyDescent="0.25">
      <c r="D2522" s="6">
        <v>3753.4029999999998</v>
      </c>
      <c r="E2522" s="6">
        <v>3080.1120000000001</v>
      </c>
    </row>
    <row r="2523" spans="4:5" x14ac:dyDescent="0.25">
      <c r="D2523" s="6">
        <v>788.62170000000003</v>
      </c>
      <c r="E2523" s="6">
        <v>4169.32</v>
      </c>
    </row>
    <row r="2524" spans="4:5" x14ac:dyDescent="0.25">
      <c r="D2524" s="6">
        <v>3619.8020000000001</v>
      </c>
      <c r="E2524" s="6">
        <v>1467.71</v>
      </c>
    </row>
    <row r="2525" spans="4:5" x14ac:dyDescent="0.25">
      <c r="D2525" s="6">
        <v>1051.826</v>
      </c>
      <c r="E2525" s="6">
        <v>919.12450000000001</v>
      </c>
    </row>
    <row r="2526" spans="4:5" x14ac:dyDescent="0.25">
      <c r="D2526" s="6">
        <v>625.42449999999997</v>
      </c>
      <c r="E2526" s="6">
        <v>3394.1289999999999</v>
      </c>
    </row>
    <row r="2527" spans="4:5" x14ac:dyDescent="0.25">
      <c r="D2527" s="6">
        <v>978.97140000000002</v>
      </c>
      <c r="E2527" s="6">
        <v>578.83860000000004</v>
      </c>
    </row>
    <row r="2528" spans="4:5" x14ac:dyDescent="0.25">
      <c r="D2528" s="6">
        <v>617.61170000000004</v>
      </c>
      <c r="E2528" s="6">
        <v>2622.8890000000001</v>
      </c>
    </row>
    <row r="2529" spans="4:5" x14ac:dyDescent="0.25">
      <c r="D2529" s="6">
        <v>1416.6579999999999</v>
      </c>
      <c r="E2529" s="6">
        <v>961.76469999999995</v>
      </c>
    </row>
    <row r="2530" spans="4:5" x14ac:dyDescent="0.25">
      <c r="D2530" s="6">
        <v>1575.636</v>
      </c>
      <c r="E2530" s="6">
        <v>3962.8009999999999</v>
      </c>
    </row>
    <row r="2531" spans="4:5" x14ac:dyDescent="0.25">
      <c r="D2531" s="6">
        <v>420.32850000000002</v>
      </c>
      <c r="E2531" s="6">
        <v>1130.925</v>
      </c>
    </row>
    <row r="2532" spans="4:5" x14ac:dyDescent="0.25">
      <c r="D2532" s="6">
        <v>1290.1669999999999</v>
      </c>
      <c r="E2532" s="6">
        <v>4426.759</v>
      </c>
    </row>
    <row r="2533" spans="4:5" x14ac:dyDescent="0.25">
      <c r="D2533" s="6">
        <v>5581.9679999999998</v>
      </c>
      <c r="E2533" s="6">
        <v>673.50490000000002</v>
      </c>
    </row>
    <row r="2534" spans="4:5" x14ac:dyDescent="0.25">
      <c r="D2534" s="6">
        <v>847.97879999999998</v>
      </c>
      <c r="E2534" s="6">
        <v>626.61980000000005</v>
      </c>
    </row>
    <row r="2535" spans="4:5" x14ac:dyDescent="0.25">
      <c r="D2535" s="6">
        <v>1155.4549999999999</v>
      </c>
      <c r="E2535" s="6">
        <v>3426.5439999999999</v>
      </c>
    </row>
    <row r="2536" spans="4:5" x14ac:dyDescent="0.25">
      <c r="D2536" s="6">
        <v>759.57230000000004</v>
      </c>
      <c r="E2536" s="6">
        <v>4300.2150000000001</v>
      </c>
    </row>
    <row r="2537" spans="4:5" x14ac:dyDescent="0.25">
      <c r="D2537" s="6">
        <v>702.45839999999998</v>
      </c>
      <c r="E2537" s="6">
        <v>2741.5</v>
      </c>
    </row>
    <row r="2538" spans="4:5" x14ac:dyDescent="0.25">
      <c r="D2538" s="6">
        <v>1114.6289999999999</v>
      </c>
      <c r="E2538" s="6">
        <v>1341</v>
      </c>
    </row>
    <row r="2539" spans="4:5" x14ac:dyDescent="0.25">
      <c r="D2539" s="6">
        <v>727.69929999999999</v>
      </c>
      <c r="E2539" s="6">
        <v>1580.2159999999999</v>
      </c>
    </row>
    <row r="2540" spans="4:5" x14ac:dyDescent="0.25">
      <c r="D2540" s="6">
        <v>3668.6010000000001</v>
      </c>
      <c r="E2540" s="6">
        <v>703.35900000000004</v>
      </c>
    </row>
    <row r="2541" spans="4:5" x14ac:dyDescent="0.25">
      <c r="D2541" s="6">
        <v>3249.0540000000001</v>
      </c>
      <c r="E2541" s="6">
        <v>894.37</v>
      </c>
    </row>
    <row r="2542" spans="4:5" x14ac:dyDescent="0.25">
      <c r="D2542" s="6">
        <v>732.91930000000002</v>
      </c>
      <c r="E2542" s="6">
        <v>4471.683</v>
      </c>
    </row>
    <row r="2543" spans="4:5" x14ac:dyDescent="0.25">
      <c r="D2543" s="6">
        <v>2226.5189999999998</v>
      </c>
      <c r="E2543" s="6">
        <v>1727.875</v>
      </c>
    </row>
    <row r="2544" spans="4:5" x14ac:dyDescent="0.25">
      <c r="D2544" s="6">
        <v>911.05219999999997</v>
      </c>
      <c r="E2544" s="6">
        <v>3867.0729999999999</v>
      </c>
    </row>
    <row r="2545" spans="4:5" x14ac:dyDescent="0.25">
      <c r="D2545" s="6">
        <v>818.70479999999998</v>
      </c>
      <c r="E2545" s="6">
        <v>1140.307</v>
      </c>
    </row>
    <row r="2546" spans="4:5" x14ac:dyDescent="0.25">
      <c r="D2546" s="6">
        <v>678.84770000000003</v>
      </c>
      <c r="E2546" s="6">
        <v>576.76670000000001</v>
      </c>
    </row>
    <row r="2547" spans="4:5" x14ac:dyDescent="0.25">
      <c r="D2547" s="6">
        <v>876.91160000000002</v>
      </c>
      <c r="E2547" s="6">
        <v>4368.3329999999996</v>
      </c>
    </row>
    <row r="2548" spans="4:5" x14ac:dyDescent="0.25">
      <c r="D2548" s="6">
        <v>797.21810000000005</v>
      </c>
      <c r="E2548" s="6">
        <v>3431.0920000000001</v>
      </c>
    </row>
    <row r="2549" spans="4:5" x14ac:dyDescent="0.25">
      <c r="D2549" s="6">
        <v>5606.0690000000004</v>
      </c>
      <c r="E2549" s="6">
        <v>4579.8729999999996</v>
      </c>
    </row>
    <row r="2550" spans="4:5" x14ac:dyDescent="0.25">
      <c r="D2550" s="6">
        <v>3712.7269999999999</v>
      </c>
      <c r="E2550" s="6">
        <v>555.19550000000004</v>
      </c>
    </row>
    <row r="2551" spans="4:5" x14ac:dyDescent="0.25">
      <c r="D2551" s="6">
        <v>895.68240000000003</v>
      </c>
      <c r="E2551" s="6">
        <v>651.01900000000001</v>
      </c>
    </row>
    <row r="2552" spans="4:5" x14ac:dyDescent="0.25">
      <c r="D2552" s="6">
        <v>6562.8010000000004</v>
      </c>
      <c r="E2552" s="6">
        <v>4387.2550000000001</v>
      </c>
    </row>
    <row r="2553" spans="4:5" x14ac:dyDescent="0.25">
      <c r="D2553" s="6">
        <v>1442.692</v>
      </c>
      <c r="E2553" s="6">
        <v>1885.056</v>
      </c>
    </row>
    <row r="2554" spans="4:5" x14ac:dyDescent="0.25">
      <c r="D2554" s="6">
        <v>901.37270000000001</v>
      </c>
      <c r="E2554" s="6">
        <v>917.95119999999997</v>
      </c>
    </row>
    <row r="2555" spans="4:5" x14ac:dyDescent="0.25">
      <c r="D2555" s="6">
        <v>2631.203</v>
      </c>
      <c r="E2555" s="6">
        <v>4069.098</v>
      </c>
    </row>
    <row r="2556" spans="4:5" x14ac:dyDescent="0.25">
      <c r="D2556" s="6">
        <v>6298.0429999999997</v>
      </c>
      <c r="E2556" s="6">
        <v>980.47450000000003</v>
      </c>
    </row>
    <row r="2557" spans="4:5" x14ac:dyDescent="0.25">
      <c r="D2557" s="6">
        <v>694.61120000000005</v>
      </c>
      <c r="E2557" s="6">
        <v>3238</v>
      </c>
    </row>
    <row r="2558" spans="4:5" x14ac:dyDescent="0.25">
      <c r="D2558" s="6">
        <v>847.30340000000001</v>
      </c>
      <c r="E2558" s="6">
        <v>3037.5450000000001</v>
      </c>
    </row>
    <row r="2559" spans="4:5" x14ac:dyDescent="0.25">
      <c r="D2559" s="6">
        <v>1838.1869999999999</v>
      </c>
      <c r="E2559" s="6">
        <v>4357.0600000000004</v>
      </c>
    </row>
    <row r="2560" spans="4:5" x14ac:dyDescent="0.25">
      <c r="D2560" s="6">
        <v>6199.2089999999998</v>
      </c>
      <c r="E2560" s="6">
        <v>560.52300000000002</v>
      </c>
    </row>
    <row r="2561" spans="4:5" x14ac:dyDescent="0.25">
      <c r="D2561" s="6">
        <v>1522.829</v>
      </c>
      <c r="E2561" s="6">
        <v>2273.3760000000002</v>
      </c>
    </row>
    <row r="2562" spans="4:5" x14ac:dyDescent="0.25">
      <c r="D2562" s="6">
        <v>868.39490000000001</v>
      </c>
      <c r="E2562" s="6">
        <v>722.91859999999997</v>
      </c>
    </row>
    <row r="2563" spans="4:5" x14ac:dyDescent="0.25">
      <c r="D2563" s="6">
        <v>648.75810000000001</v>
      </c>
      <c r="E2563" s="6">
        <v>703.41319999999996</v>
      </c>
    </row>
    <row r="2564" spans="4:5" x14ac:dyDescent="0.25">
      <c r="D2564" s="6">
        <v>664.35829999999999</v>
      </c>
      <c r="E2564" s="6">
        <v>907.20460000000003</v>
      </c>
    </row>
    <row r="2565" spans="4:5" x14ac:dyDescent="0.25">
      <c r="D2565" s="6">
        <v>5040.9629999999997</v>
      </c>
      <c r="E2565" s="6">
        <v>2394.2159999999999</v>
      </c>
    </row>
    <row r="2566" spans="4:5" x14ac:dyDescent="0.25">
      <c r="D2566" s="6">
        <v>5959.5479999999998</v>
      </c>
      <c r="E2566" s="6">
        <v>697.93740000000003</v>
      </c>
    </row>
    <row r="2567" spans="4:5" x14ac:dyDescent="0.25">
      <c r="D2567" s="6">
        <v>5495.4160000000002</v>
      </c>
      <c r="E2567" s="6">
        <v>3093.884</v>
      </c>
    </row>
    <row r="2568" spans="4:5" x14ac:dyDescent="0.25">
      <c r="D2568" s="6">
        <v>7198.6670000000004</v>
      </c>
      <c r="E2568" s="6">
        <v>4502.652</v>
      </c>
    </row>
    <row r="2569" spans="4:5" x14ac:dyDescent="0.25">
      <c r="D2569" s="6">
        <v>609.22090000000003</v>
      </c>
      <c r="E2569" s="6">
        <v>1179.5170000000001</v>
      </c>
    </row>
    <row r="2570" spans="4:5" x14ac:dyDescent="0.25">
      <c r="D2570" s="6">
        <v>4912.027</v>
      </c>
      <c r="E2570" s="6">
        <v>4209.1809999999996</v>
      </c>
    </row>
    <row r="2571" spans="4:5" x14ac:dyDescent="0.25">
      <c r="D2571" s="6">
        <v>5441.5020000000004</v>
      </c>
      <c r="E2571" s="6">
        <v>306.84750000000003</v>
      </c>
    </row>
    <row r="2572" spans="4:5" x14ac:dyDescent="0.25">
      <c r="D2572" s="6">
        <v>5582.9570000000003</v>
      </c>
      <c r="E2572" s="6">
        <v>1178.3710000000001</v>
      </c>
    </row>
    <row r="2573" spans="4:5" x14ac:dyDescent="0.25">
      <c r="D2573" s="6">
        <v>880.59400000000005</v>
      </c>
      <c r="E2573" s="6">
        <v>3918.279</v>
      </c>
    </row>
    <row r="2574" spans="4:5" x14ac:dyDescent="0.25">
      <c r="D2574" s="6">
        <v>1000.152</v>
      </c>
      <c r="E2574" s="6">
        <v>594.46579999999994</v>
      </c>
    </row>
    <row r="2575" spans="4:5" x14ac:dyDescent="0.25">
      <c r="D2575" s="6">
        <v>583.72349999999994</v>
      </c>
      <c r="E2575" s="6">
        <v>2447.0309999999999</v>
      </c>
    </row>
    <row r="2576" spans="4:5" x14ac:dyDescent="0.25">
      <c r="D2576" s="6">
        <v>6451.9830000000002</v>
      </c>
      <c r="E2576" s="6">
        <v>4208.4579999999996</v>
      </c>
    </row>
    <row r="2577" spans="4:5" x14ac:dyDescent="0.25">
      <c r="D2577" s="6">
        <v>911.27290000000005</v>
      </c>
      <c r="E2577" s="6">
        <v>3100.7469999999998</v>
      </c>
    </row>
    <row r="2578" spans="4:5" x14ac:dyDescent="0.25">
      <c r="D2578" s="6">
        <v>5073.5330000000004</v>
      </c>
      <c r="E2578" s="6">
        <v>485.27850000000001</v>
      </c>
    </row>
    <row r="2579" spans="4:5" x14ac:dyDescent="0.25">
      <c r="D2579" s="6">
        <v>853.13969999999995</v>
      </c>
      <c r="E2579" s="6">
        <v>1389.5029999999999</v>
      </c>
    </row>
    <row r="2580" spans="4:5" x14ac:dyDescent="0.25">
      <c r="D2580" s="6">
        <v>957.07489999999996</v>
      </c>
      <c r="E2580" s="6">
        <v>869.98760000000004</v>
      </c>
    </row>
    <row r="2581" spans="4:5" x14ac:dyDescent="0.25">
      <c r="D2581" s="6">
        <v>1125.761</v>
      </c>
      <c r="E2581" s="6">
        <v>811.09680000000003</v>
      </c>
    </row>
    <row r="2582" spans="4:5" x14ac:dyDescent="0.25">
      <c r="D2582" s="6">
        <v>660.17520000000002</v>
      </c>
      <c r="E2582" s="6">
        <v>990.39110000000005</v>
      </c>
    </row>
    <row r="2583" spans="4:5" x14ac:dyDescent="0.25">
      <c r="D2583" s="6">
        <v>5343.31</v>
      </c>
      <c r="E2583" s="6">
        <v>1031.654</v>
      </c>
    </row>
    <row r="2584" spans="4:5" x14ac:dyDescent="0.25">
      <c r="D2584" s="6">
        <v>5845.7169999999996</v>
      </c>
      <c r="E2584" s="6">
        <v>2956.3530000000001</v>
      </c>
    </row>
    <row r="2585" spans="4:5" x14ac:dyDescent="0.25">
      <c r="D2585" s="6">
        <v>669.2758</v>
      </c>
      <c r="E2585" s="6">
        <v>1317.0650000000001</v>
      </c>
    </row>
    <row r="2586" spans="4:5" x14ac:dyDescent="0.25">
      <c r="D2586" s="6">
        <v>2272.3249999999998</v>
      </c>
      <c r="E2586" s="6">
        <v>3197.7370000000001</v>
      </c>
    </row>
    <row r="2587" spans="4:5" x14ac:dyDescent="0.25">
      <c r="D2587" s="6">
        <v>1006.715</v>
      </c>
      <c r="E2587" s="6">
        <v>2999.3119999999999</v>
      </c>
    </row>
    <row r="2588" spans="4:5" x14ac:dyDescent="0.25">
      <c r="D2588" s="6">
        <v>8157.0309999999999</v>
      </c>
      <c r="E2588" s="6">
        <v>3573.335</v>
      </c>
    </row>
    <row r="2589" spans="4:5" x14ac:dyDescent="0.25">
      <c r="D2589" s="6">
        <v>780.02179999999998</v>
      </c>
      <c r="E2589" s="6">
        <v>530.66359999999997</v>
      </c>
    </row>
    <row r="2590" spans="4:5" x14ac:dyDescent="0.25">
      <c r="D2590" s="6">
        <v>1160.385</v>
      </c>
      <c r="E2590" s="6">
        <v>3004.038</v>
      </c>
    </row>
    <row r="2591" spans="4:5" x14ac:dyDescent="0.25">
      <c r="D2591" s="6">
        <v>4003.2109999999998</v>
      </c>
      <c r="E2591" s="6">
        <v>583.94370000000004</v>
      </c>
    </row>
    <row r="2592" spans="4:5" x14ac:dyDescent="0.25">
      <c r="D2592" s="6">
        <v>782.50980000000004</v>
      </c>
      <c r="E2592" s="6">
        <v>994.80370000000005</v>
      </c>
    </row>
    <row r="2593" spans="4:5" x14ac:dyDescent="0.25">
      <c r="D2593" s="6">
        <v>853.9212</v>
      </c>
      <c r="E2593" s="6">
        <v>610.19809999999995</v>
      </c>
    </row>
    <row r="2594" spans="4:5" x14ac:dyDescent="0.25">
      <c r="D2594" s="6">
        <v>4906.2259999999997</v>
      </c>
      <c r="E2594" s="6">
        <v>565.15329999999994</v>
      </c>
    </row>
    <row r="2595" spans="4:5" x14ac:dyDescent="0.25">
      <c r="D2595" s="6">
        <v>490.33879999999999</v>
      </c>
      <c r="E2595" s="6">
        <v>613.63369999999998</v>
      </c>
    </row>
    <row r="2596" spans="4:5" x14ac:dyDescent="0.25">
      <c r="D2596" s="6">
        <v>769.42319999999995</v>
      </c>
      <c r="E2596" s="6">
        <v>1252.6849999999999</v>
      </c>
    </row>
    <row r="2597" spans="4:5" x14ac:dyDescent="0.25">
      <c r="D2597" s="6">
        <v>932.88279999999997</v>
      </c>
      <c r="E2597" s="6">
        <v>1646.2249999999999</v>
      </c>
    </row>
    <row r="2598" spans="4:5" x14ac:dyDescent="0.25">
      <c r="D2598" s="6">
        <v>793.38940000000002</v>
      </c>
      <c r="E2598" s="6">
        <v>4504.6970000000001</v>
      </c>
    </row>
    <row r="2599" spans="4:5" x14ac:dyDescent="0.25">
      <c r="D2599" s="6">
        <v>1902.0029999999999</v>
      </c>
      <c r="E2599" s="6">
        <v>3286.8850000000002</v>
      </c>
    </row>
    <row r="2600" spans="4:5" x14ac:dyDescent="0.25">
      <c r="D2600" s="6">
        <v>2698.4189999999999</v>
      </c>
      <c r="E2600" s="6">
        <v>3184.3850000000002</v>
      </c>
    </row>
    <row r="2601" spans="4:5" x14ac:dyDescent="0.25">
      <c r="D2601" s="6">
        <v>6717.9129999999996</v>
      </c>
      <c r="E2601" s="6">
        <v>616.05830000000003</v>
      </c>
    </row>
    <row r="2602" spans="4:5" x14ac:dyDescent="0.25">
      <c r="D2602" s="6">
        <v>592.82460000000003</v>
      </c>
      <c r="E2602" s="6">
        <v>3917.308</v>
      </c>
    </row>
    <row r="2603" spans="4:5" x14ac:dyDescent="0.25">
      <c r="D2603" s="6">
        <v>3775.4290000000001</v>
      </c>
      <c r="E2603" s="6">
        <v>3639.7249999999999</v>
      </c>
    </row>
    <row r="2604" spans="4:5" x14ac:dyDescent="0.25">
      <c r="D2604" s="6">
        <v>708.32830000000001</v>
      </c>
      <c r="E2604" s="6">
        <v>3943.54</v>
      </c>
    </row>
    <row r="2605" spans="4:5" x14ac:dyDescent="0.25">
      <c r="D2605" s="6">
        <v>811.88340000000005</v>
      </c>
      <c r="E2605" s="6">
        <v>450.41890000000001</v>
      </c>
    </row>
    <row r="2606" spans="4:5" x14ac:dyDescent="0.25">
      <c r="D2606" s="6">
        <v>719.58680000000004</v>
      </c>
      <c r="E2606" s="6">
        <v>4666.6130000000003</v>
      </c>
    </row>
    <row r="2607" spans="4:5" x14ac:dyDescent="0.25">
      <c r="D2607" s="6">
        <v>688.23739999999998</v>
      </c>
      <c r="E2607" s="6">
        <v>3170.105</v>
      </c>
    </row>
    <row r="2608" spans="4:5" x14ac:dyDescent="0.25">
      <c r="D2608" s="6">
        <v>862.13980000000004</v>
      </c>
      <c r="E2608" s="6">
        <v>3238.7979999999998</v>
      </c>
    </row>
    <row r="2609" spans="4:5" x14ac:dyDescent="0.25">
      <c r="D2609" s="6">
        <v>1663.16</v>
      </c>
      <c r="E2609" s="6">
        <v>218.6429</v>
      </c>
    </row>
    <row r="2610" spans="4:5" x14ac:dyDescent="0.25">
      <c r="D2610" s="6">
        <v>1384.472</v>
      </c>
      <c r="E2610" s="6">
        <v>2208.2750000000001</v>
      </c>
    </row>
    <row r="2611" spans="4:5" x14ac:dyDescent="0.25">
      <c r="D2611" s="6">
        <v>3219.76</v>
      </c>
      <c r="E2611" s="6">
        <v>3546.6149999999998</v>
      </c>
    </row>
    <row r="2612" spans="4:5" x14ac:dyDescent="0.25">
      <c r="D2612" s="6">
        <v>1125.3209999999999</v>
      </c>
      <c r="E2612" s="6">
        <v>3216.058</v>
      </c>
    </row>
    <row r="2613" spans="4:5" x14ac:dyDescent="0.25">
      <c r="D2613" s="6">
        <v>787.30640000000005</v>
      </c>
      <c r="E2613" s="6">
        <v>2496.2840000000001</v>
      </c>
    </row>
    <row r="2614" spans="4:5" x14ac:dyDescent="0.25">
      <c r="D2614" s="6">
        <v>720.53099999999995</v>
      </c>
      <c r="E2614" s="6">
        <v>3094.6489999999999</v>
      </c>
    </row>
    <row r="2615" spans="4:5" x14ac:dyDescent="0.25">
      <c r="D2615" s="6">
        <v>1576.115</v>
      </c>
      <c r="E2615" s="6">
        <v>639.04100000000005</v>
      </c>
    </row>
    <row r="2616" spans="4:5" x14ac:dyDescent="0.25">
      <c r="D2616" s="6">
        <v>687.59320000000002</v>
      </c>
      <c r="E2616" s="6">
        <v>3870.806</v>
      </c>
    </row>
    <row r="2617" spans="4:5" x14ac:dyDescent="0.25">
      <c r="D2617" s="6">
        <v>660.9162</v>
      </c>
      <c r="E2617" s="6">
        <v>199.12569999999999</v>
      </c>
    </row>
    <row r="2618" spans="4:5" x14ac:dyDescent="0.25">
      <c r="D2618" s="6">
        <v>765.36680000000001</v>
      </c>
      <c r="E2618" s="6">
        <v>1553.7650000000001</v>
      </c>
    </row>
    <row r="2619" spans="4:5" x14ac:dyDescent="0.25">
      <c r="D2619" s="6">
        <v>676.07079999999996</v>
      </c>
      <c r="E2619" s="6">
        <v>4020.0590000000002</v>
      </c>
    </row>
    <row r="2620" spans="4:5" x14ac:dyDescent="0.25">
      <c r="D2620" s="6">
        <v>731.0684</v>
      </c>
      <c r="E2620" s="6">
        <v>746.22389999999996</v>
      </c>
    </row>
    <row r="2621" spans="4:5" x14ac:dyDescent="0.25">
      <c r="D2621" s="6">
        <v>866.03579999999999</v>
      </c>
      <c r="E2621" s="6">
        <v>1011.205</v>
      </c>
    </row>
    <row r="2622" spans="4:5" x14ac:dyDescent="0.25">
      <c r="D2622" s="6">
        <v>4765.6909999999998</v>
      </c>
      <c r="E2622" s="6">
        <v>3807.4290000000001</v>
      </c>
    </row>
    <row r="2623" spans="4:5" x14ac:dyDescent="0.25">
      <c r="D2623" s="6">
        <v>6026.125</v>
      </c>
      <c r="E2623" s="6">
        <v>3601.3629999999998</v>
      </c>
    </row>
    <row r="2624" spans="4:5" x14ac:dyDescent="0.25">
      <c r="D2624" s="6">
        <v>723.82449999999994</v>
      </c>
      <c r="E2624" s="6">
        <v>2776.3850000000002</v>
      </c>
    </row>
    <row r="2625" spans="4:5" x14ac:dyDescent="0.25">
      <c r="D2625" s="6">
        <v>1447.2</v>
      </c>
      <c r="E2625" s="6">
        <v>1216.2550000000001</v>
      </c>
    </row>
    <row r="2626" spans="4:5" x14ac:dyDescent="0.25">
      <c r="D2626" s="6">
        <v>6452.527</v>
      </c>
      <c r="E2626" s="6">
        <v>2005.249</v>
      </c>
    </row>
    <row r="2627" spans="4:5" x14ac:dyDescent="0.25">
      <c r="D2627" s="6">
        <v>1964.4</v>
      </c>
      <c r="E2627" s="6">
        <v>2859.5729999999999</v>
      </c>
    </row>
    <row r="2628" spans="4:5" x14ac:dyDescent="0.25">
      <c r="D2628" s="6">
        <v>722.61739999999998</v>
      </c>
      <c r="E2628" s="6">
        <v>3484.944</v>
      </c>
    </row>
    <row r="2629" spans="4:5" x14ac:dyDescent="0.25">
      <c r="D2629" s="6">
        <v>3463.97</v>
      </c>
      <c r="E2629" s="6">
        <v>2888.0920000000001</v>
      </c>
    </row>
    <row r="2630" spans="4:5" x14ac:dyDescent="0.25">
      <c r="D2630" s="6">
        <v>2432.163</v>
      </c>
      <c r="E2630" s="6">
        <v>608.12980000000005</v>
      </c>
    </row>
    <row r="2631" spans="4:5" x14ac:dyDescent="0.25">
      <c r="D2631" s="6">
        <v>445.65649999999999</v>
      </c>
      <c r="E2631" s="6">
        <v>1197.8800000000001</v>
      </c>
    </row>
    <row r="2632" spans="4:5" x14ac:dyDescent="0.25">
      <c r="D2632" s="6">
        <v>1579.665</v>
      </c>
      <c r="E2632" s="6">
        <v>3225.1509999999998</v>
      </c>
    </row>
    <row r="2633" spans="4:5" x14ac:dyDescent="0.25">
      <c r="D2633" s="6">
        <v>1140.6189999999999</v>
      </c>
      <c r="E2633" s="6">
        <v>1022.554</v>
      </c>
    </row>
    <row r="2634" spans="4:5" x14ac:dyDescent="0.25">
      <c r="D2634" s="6">
        <v>2068.04</v>
      </c>
      <c r="E2634" s="6">
        <v>1320.377</v>
      </c>
    </row>
    <row r="2635" spans="4:5" x14ac:dyDescent="0.25">
      <c r="D2635" s="6">
        <v>1364.6610000000001</v>
      </c>
      <c r="E2635" s="6">
        <v>3713.288</v>
      </c>
    </row>
    <row r="2636" spans="4:5" x14ac:dyDescent="0.25">
      <c r="D2636" s="6">
        <v>786.09709999999995</v>
      </c>
      <c r="E2636" s="6">
        <v>460.62830000000002</v>
      </c>
    </row>
    <row r="2637" spans="4:5" x14ac:dyDescent="0.25">
      <c r="D2637" s="6">
        <v>6511.6369999999997</v>
      </c>
      <c r="E2637" s="6">
        <v>3782.6480000000001</v>
      </c>
    </row>
    <row r="2638" spans="4:5" x14ac:dyDescent="0.25">
      <c r="D2638" s="6">
        <v>999.54280000000006</v>
      </c>
      <c r="E2638" s="6">
        <v>4489.3940000000002</v>
      </c>
    </row>
    <row r="2639" spans="4:5" x14ac:dyDescent="0.25">
      <c r="D2639" s="6">
        <v>806.03629999999998</v>
      </c>
      <c r="E2639" s="6">
        <v>1050.3330000000001</v>
      </c>
    </row>
    <row r="2640" spans="4:5" x14ac:dyDescent="0.25">
      <c r="D2640" s="6">
        <v>3677.8829999999998</v>
      </c>
      <c r="E2640" s="6">
        <v>1088.2919999999999</v>
      </c>
    </row>
    <row r="2641" spans="4:5" x14ac:dyDescent="0.25">
      <c r="D2641" s="6">
        <v>846.44809999999995</v>
      </c>
      <c r="E2641" s="6">
        <v>3429.386</v>
      </c>
    </row>
    <row r="2642" spans="4:5" x14ac:dyDescent="0.25">
      <c r="D2642" s="6">
        <v>632.34690000000001</v>
      </c>
      <c r="E2642" s="6">
        <v>695.26559999999995</v>
      </c>
    </row>
    <row r="2643" spans="4:5" x14ac:dyDescent="0.25">
      <c r="D2643" s="6">
        <v>900.29420000000005</v>
      </c>
      <c r="E2643" s="6">
        <v>1601.1880000000001</v>
      </c>
    </row>
    <row r="2644" spans="4:5" x14ac:dyDescent="0.25">
      <c r="D2644" s="6">
        <v>5817.277</v>
      </c>
      <c r="E2644" s="6">
        <v>4705.4390000000003</v>
      </c>
    </row>
    <row r="2645" spans="4:5" x14ac:dyDescent="0.25">
      <c r="D2645" s="6">
        <v>620.92449999999997</v>
      </c>
      <c r="E2645" s="6">
        <v>644.42859999999996</v>
      </c>
    </row>
    <row r="2646" spans="4:5" x14ac:dyDescent="0.25">
      <c r="D2646" s="6">
        <v>714.5</v>
      </c>
      <c r="E2646" s="6">
        <v>1327.873</v>
      </c>
    </row>
    <row r="2647" spans="4:5" x14ac:dyDescent="0.25">
      <c r="D2647" s="6">
        <v>1430.154</v>
      </c>
      <c r="E2647" s="6">
        <v>988.05460000000005</v>
      </c>
    </row>
    <row r="2648" spans="4:5" x14ac:dyDescent="0.25">
      <c r="D2648" s="6">
        <v>661.98159999999996</v>
      </c>
      <c r="E2648" s="6">
        <v>2893.4760000000001</v>
      </c>
    </row>
    <row r="2649" spans="4:5" x14ac:dyDescent="0.25">
      <c r="D2649" s="6">
        <v>1861.5260000000001</v>
      </c>
      <c r="E2649" s="6">
        <v>4847.2979999999998</v>
      </c>
    </row>
    <row r="2650" spans="4:5" x14ac:dyDescent="0.25">
      <c r="D2650" s="6">
        <v>6915.3119999999999</v>
      </c>
      <c r="E2650" s="6">
        <v>1257.837</v>
      </c>
    </row>
    <row r="2651" spans="4:5" x14ac:dyDescent="0.25">
      <c r="D2651" s="6">
        <v>543.02470000000005</v>
      </c>
      <c r="E2651" s="6">
        <v>1159.0250000000001</v>
      </c>
    </row>
    <row r="2652" spans="4:5" x14ac:dyDescent="0.25">
      <c r="D2652" s="6">
        <v>6293.0479999999998</v>
      </c>
      <c r="E2652" s="6">
        <v>619.81920000000002</v>
      </c>
    </row>
    <row r="2653" spans="4:5" x14ac:dyDescent="0.25">
      <c r="D2653" s="6">
        <v>686.5</v>
      </c>
      <c r="E2653" s="6">
        <v>1037.3979999999999</v>
      </c>
    </row>
    <row r="2654" spans="4:5" x14ac:dyDescent="0.25">
      <c r="D2654" s="6">
        <v>1424.5630000000001</v>
      </c>
      <c r="E2654" s="6">
        <v>1601.14</v>
      </c>
    </row>
    <row r="2655" spans="4:5" x14ac:dyDescent="0.25">
      <c r="D2655" s="6">
        <v>753.4923</v>
      </c>
      <c r="E2655" s="6">
        <v>2870.4789999999998</v>
      </c>
    </row>
    <row r="2656" spans="4:5" x14ac:dyDescent="0.25">
      <c r="D2656" s="6">
        <v>917.51440000000002</v>
      </c>
      <c r="E2656" s="6">
        <v>3453.3850000000002</v>
      </c>
    </row>
    <row r="2657" spans="4:5" x14ac:dyDescent="0.25">
      <c r="D2657" s="6">
        <v>741.0883</v>
      </c>
      <c r="E2657" s="6">
        <v>4463.1360000000004</v>
      </c>
    </row>
    <row r="2658" spans="4:5" x14ac:dyDescent="0.25">
      <c r="D2658" s="6">
        <v>871.19069999999999</v>
      </c>
      <c r="E2658" s="6">
        <v>767.47730000000001</v>
      </c>
    </row>
    <row r="2659" spans="4:5" x14ac:dyDescent="0.25">
      <c r="D2659" s="6">
        <v>3207.4639999999999</v>
      </c>
      <c r="E2659" s="6">
        <v>588.98040000000003</v>
      </c>
    </row>
    <row r="2660" spans="4:5" x14ac:dyDescent="0.25">
      <c r="D2660" s="6">
        <v>3035.6849999999999</v>
      </c>
      <c r="E2660" s="6">
        <v>3646.21</v>
      </c>
    </row>
    <row r="2661" spans="4:5" x14ac:dyDescent="0.25">
      <c r="D2661" s="6">
        <v>763.0652</v>
      </c>
      <c r="E2661" s="6">
        <v>1179.059</v>
      </c>
    </row>
    <row r="2662" spans="4:5" x14ac:dyDescent="0.25">
      <c r="D2662" s="6">
        <v>1392.086</v>
      </c>
      <c r="E2662" s="6">
        <v>967.53520000000003</v>
      </c>
    </row>
    <row r="2663" spans="4:5" x14ac:dyDescent="0.25">
      <c r="D2663" s="6">
        <v>1019.182</v>
      </c>
      <c r="E2663" s="6">
        <v>894.22029999999995</v>
      </c>
    </row>
    <row r="2664" spans="4:5" x14ac:dyDescent="0.25">
      <c r="D2664" s="6">
        <v>6639.9059999999999</v>
      </c>
      <c r="E2664" s="6">
        <v>4310.82</v>
      </c>
    </row>
    <row r="2665" spans="4:5" x14ac:dyDescent="0.25">
      <c r="D2665" s="6">
        <v>3794.37</v>
      </c>
      <c r="E2665" s="6">
        <v>681.11569999999995</v>
      </c>
    </row>
    <row r="2666" spans="4:5" x14ac:dyDescent="0.25">
      <c r="D2666" s="6">
        <v>2404</v>
      </c>
      <c r="E2666" s="6">
        <v>2630.5949999999998</v>
      </c>
    </row>
    <row r="2667" spans="4:5" x14ac:dyDescent="0.25">
      <c r="D2667" s="6">
        <v>5628.8090000000002</v>
      </c>
      <c r="E2667" s="6">
        <v>1858.94</v>
      </c>
    </row>
    <row r="2668" spans="4:5" x14ac:dyDescent="0.25">
      <c r="D2668" s="6">
        <v>712.81060000000002</v>
      </c>
      <c r="E2668" s="6">
        <v>596.03470000000004</v>
      </c>
    </row>
    <row r="2669" spans="4:5" x14ac:dyDescent="0.25">
      <c r="D2669" s="6">
        <v>867.85709999999995</v>
      </c>
      <c r="E2669" s="6">
        <v>4647.2579999999998</v>
      </c>
    </row>
    <row r="2670" spans="4:5" x14ac:dyDescent="0.25">
      <c r="D2670" s="6">
        <v>835.77930000000003</v>
      </c>
      <c r="E2670" s="6">
        <v>457.88049999999998</v>
      </c>
    </row>
    <row r="2671" spans="4:5" x14ac:dyDescent="0.25">
      <c r="D2671" s="6">
        <v>576.39229999999998</v>
      </c>
      <c r="E2671" s="6">
        <v>532.08159999999998</v>
      </c>
    </row>
    <row r="2672" spans="4:5" x14ac:dyDescent="0.25">
      <c r="D2672" s="6">
        <v>2433.5709999999999</v>
      </c>
      <c r="E2672" s="6">
        <v>655.33330000000001</v>
      </c>
    </row>
    <row r="2673" spans="4:5" x14ac:dyDescent="0.25">
      <c r="D2673" s="6">
        <v>505.88549999999998</v>
      </c>
      <c r="E2673" s="6">
        <v>3864.8519999999999</v>
      </c>
    </row>
    <row r="2674" spans="4:5" x14ac:dyDescent="0.25">
      <c r="D2674" s="6">
        <v>4226.4849999999997</v>
      </c>
      <c r="E2674" s="6">
        <v>803.61659999999995</v>
      </c>
    </row>
    <row r="2675" spans="4:5" x14ac:dyDescent="0.25">
      <c r="D2675" s="6">
        <v>6019.4849999999997</v>
      </c>
      <c r="E2675" s="6">
        <v>564.44150000000002</v>
      </c>
    </row>
    <row r="2676" spans="4:5" x14ac:dyDescent="0.25">
      <c r="D2676" s="6">
        <v>670.29729999999995</v>
      </c>
      <c r="E2676" s="6">
        <v>603.67359999999996</v>
      </c>
    </row>
    <row r="2677" spans="4:5" x14ac:dyDescent="0.25">
      <c r="D2677" s="6">
        <v>5734.5770000000002</v>
      </c>
      <c r="E2677" s="6">
        <v>2216.9580000000001</v>
      </c>
    </row>
    <row r="2678" spans="4:5" x14ac:dyDescent="0.25">
      <c r="D2678" s="6">
        <v>5385.2619999999997</v>
      </c>
      <c r="E2678" s="6">
        <v>4254.576</v>
      </c>
    </row>
    <row r="2679" spans="4:5" x14ac:dyDescent="0.25">
      <c r="D2679" s="6">
        <v>4532.335</v>
      </c>
      <c r="E2679" s="6">
        <v>858.88049999999998</v>
      </c>
    </row>
    <row r="2680" spans="4:5" x14ac:dyDescent="0.25">
      <c r="D2680" s="6">
        <v>754.05700000000002</v>
      </c>
      <c r="E2680" s="6">
        <v>3311.8359999999998</v>
      </c>
    </row>
    <row r="2681" spans="4:5" x14ac:dyDescent="0.25">
      <c r="D2681" s="6">
        <v>793.43799999999999</v>
      </c>
      <c r="E2681" s="6">
        <v>2390.174</v>
      </c>
    </row>
    <row r="2682" spans="4:5" x14ac:dyDescent="0.25">
      <c r="D2682" s="6">
        <v>729.26070000000004</v>
      </c>
      <c r="E2682" s="6">
        <v>725.6268</v>
      </c>
    </row>
    <row r="2683" spans="4:5" x14ac:dyDescent="0.25">
      <c r="D2683" s="6">
        <v>590.91200000000003</v>
      </c>
      <c r="E2683" s="6">
        <v>544.03049999999996</v>
      </c>
    </row>
    <row r="2684" spans="4:5" x14ac:dyDescent="0.25">
      <c r="D2684" s="6">
        <v>857.59</v>
      </c>
      <c r="E2684" s="6">
        <v>492.46409999999997</v>
      </c>
    </row>
    <row r="2685" spans="4:5" x14ac:dyDescent="0.25">
      <c r="D2685" s="6">
        <v>1282.067</v>
      </c>
      <c r="E2685" s="6">
        <v>2877.4569999999999</v>
      </c>
    </row>
    <row r="2686" spans="4:5" x14ac:dyDescent="0.25">
      <c r="D2686" s="6">
        <v>2300.6669999999999</v>
      </c>
      <c r="E2686" s="6">
        <v>2161.3180000000002</v>
      </c>
    </row>
    <row r="2687" spans="4:5" x14ac:dyDescent="0.25">
      <c r="D2687" s="6">
        <v>1464.0319999999999</v>
      </c>
      <c r="E2687" s="6">
        <v>379.67869999999999</v>
      </c>
    </row>
    <row r="2688" spans="4:5" x14ac:dyDescent="0.25">
      <c r="D2688" s="6">
        <v>4230.2719999999999</v>
      </c>
      <c r="E2688" s="6">
        <v>2882.4450000000002</v>
      </c>
    </row>
    <row r="2689" spans="4:5" x14ac:dyDescent="0.25">
      <c r="D2689" s="6">
        <v>870.39620000000002</v>
      </c>
      <c r="E2689" s="6">
        <v>1436.241</v>
      </c>
    </row>
    <row r="2690" spans="4:5" x14ac:dyDescent="0.25">
      <c r="D2690" s="6">
        <v>2093.232</v>
      </c>
      <c r="E2690" s="6">
        <v>1030.4670000000001</v>
      </c>
    </row>
    <row r="2691" spans="4:5" x14ac:dyDescent="0.25">
      <c r="D2691" s="6">
        <v>1090.124</v>
      </c>
      <c r="E2691" s="6">
        <v>1584.568</v>
      </c>
    </row>
    <row r="2692" spans="4:5" x14ac:dyDescent="0.25">
      <c r="D2692" s="6">
        <v>4657.768</v>
      </c>
      <c r="E2692" s="6">
        <v>3026.51</v>
      </c>
    </row>
    <row r="2693" spans="4:5" x14ac:dyDescent="0.25">
      <c r="D2693" s="6">
        <v>956.12490000000003</v>
      </c>
      <c r="E2693" s="6">
        <v>2906.5839999999998</v>
      </c>
    </row>
    <row r="2694" spans="4:5" x14ac:dyDescent="0.25">
      <c r="D2694" s="6">
        <v>1613.0070000000001</v>
      </c>
      <c r="E2694" s="6">
        <v>3664.616</v>
      </c>
    </row>
    <row r="2695" spans="4:5" x14ac:dyDescent="0.25">
      <c r="D2695" s="6">
        <v>687.61440000000005</v>
      </c>
      <c r="E2695" s="6">
        <v>600.06200000000001</v>
      </c>
    </row>
    <row r="2696" spans="4:5" x14ac:dyDescent="0.25">
      <c r="D2696" s="6">
        <v>840.73239999999998</v>
      </c>
      <c r="E2696" s="6">
        <v>885.76120000000003</v>
      </c>
    </row>
    <row r="2697" spans="4:5" x14ac:dyDescent="0.25">
      <c r="D2697" s="6">
        <v>765.18430000000001</v>
      </c>
      <c r="E2697" s="6">
        <v>4048.3020000000001</v>
      </c>
    </row>
    <row r="2698" spans="4:5" x14ac:dyDescent="0.25">
      <c r="D2698" s="6">
        <v>564.2319</v>
      </c>
      <c r="E2698" s="6">
        <v>767.95069999999998</v>
      </c>
    </row>
    <row r="2699" spans="4:5" x14ac:dyDescent="0.25">
      <c r="D2699" s="6">
        <v>6395.107</v>
      </c>
      <c r="E2699" s="6">
        <v>961.78750000000002</v>
      </c>
    </row>
    <row r="2700" spans="4:5" x14ac:dyDescent="0.25">
      <c r="D2700" s="6">
        <v>1939.182</v>
      </c>
      <c r="E2700" s="6">
        <v>1004.602</v>
      </c>
    </row>
    <row r="2701" spans="4:5" x14ac:dyDescent="0.25">
      <c r="D2701" s="6">
        <v>818.95749999999998</v>
      </c>
      <c r="E2701" s="6">
        <v>978.97080000000005</v>
      </c>
    </row>
    <row r="2702" spans="4:5" x14ac:dyDescent="0.25">
      <c r="D2702" s="6">
        <v>5718.5020000000004</v>
      </c>
      <c r="E2702" s="6">
        <v>1048.7840000000001</v>
      </c>
    </row>
    <row r="2703" spans="4:5" x14ac:dyDescent="0.25">
      <c r="D2703" s="6">
        <v>2030.027</v>
      </c>
      <c r="E2703" s="6">
        <v>2031.41</v>
      </c>
    </row>
    <row r="2704" spans="4:5" x14ac:dyDescent="0.25">
      <c r="D2704" s="6">
        <v>558.73889999999994</v>
      </c>
      <c r="E2704" s="6">
        <v>747.12779999999998</v>
      </c>
    </row>
    <row r="2705" spans="4:5" x14ac:dyDescent="0.25">
      <c r="D2705" s="6">
        <v>2287.5770000000002</v>
      </c>
      <c r="E2705" s="6">
        <v>874.9819</v>
      </c>
    </row>
    <row r="2706" spans="4:5" x14ac:dyDescent="0.25">
      <c r="D2706" s="6">
        <v>858.13850000000002</v>
      </c>
      <c r="E2706" s="6">
        <v>1834</v>
      </c>
    </row>
    <row r="2707" spans="4:5" x14ac:dyDescent="0.25">
      <c r="D2707" s="6">
        <v>5814.0640000000003</v>
      </c>
      <c r="E2707" s="6">
        <v>882.77070000000003</v>
      </c>
    </row>
    <row r="2708" spans="4:5" x14ac:dyDescent="0.25">
      <c r="D2708" s="6">
        <v>861.59349999999995</v>
      </c>
      <c r="E2708" s="6">
        <v>3287.0430000000001</v>
      </c>
    </row>
    <row r="2709" spans="4:5" x14ac:dyDescent="0.25">
      <c r="D2709" s="6">
        <v>705.49019999999996</v>
      </c>
      <c r="E2709" s="6">
        <v>3601.9009999999998</v>
      </c>
    </row>
    <row r="2710" spans="4:5" x14ac:dyDescent="0.25">
      <c r="D2710" s="6">
        <v>813.77139999999997</v>
      </c>
      <c r="E2710" s="6">
        <v>4289.0020000000004</v>
      </c>
    </row>
    <row r="2711" spans="4:5" x14ac:dyDescent="0.25">
      <c r="D2711" s="6">
        <v>3145.92</v>
      </c>
      <c r="E2711" s="6">
        <v>3454.2919999999999</v>
      </c>
    </row>
    <row r="2712" spans="4:5" x14ac:dyDescent="0.25">
      <c r="D2712" s="6">
        <v>720.78369999999995</v>
      </c>
      <c r="E2712" s="6">
        <v>1117.758</v>
      </c>
    </row>
    <row r="2713" spans="4:5" x14ac:dyDescent="0.25">
      <c r="D2713" s="6">
        <v>1135.3820000000001</v>
      </c>
      <c r="E2713" s="6">
        <v>2985.9749999999999</v>
      </c>
    </row>
    <row r="2714" spans="4:5" x14ac:dyDescent="0.25">
      <c r="D2714" s="6">
        <v>5056.8429999999998</v>
      </c>
      <c r="E2714" s="6">
        <v>8745.4639999999999</v>
      </c>
    </row>
    <row r="2715" spans="4:5" x14ac:dyDescent="0.25">
      <c r="D2715" s="6">
        <v>900.59059999999999</v>
      </c>
      <c r="E2715" s="6">
        <v>3108.0639999999999</v>
      </c>
    </row>
    <row r="2716" spans="4:5" x14ac:dyDescent="0.25">
      <c r="D2716" s="6">
        <v>600.64819999999997</v>
      </c>
      <c r="E2716" s="6">
        <v>1018.391</v>
      </c>
    </row>
    <row r="2717" spans="4:5" x14ac:dyDescent="0.25">
      <c r="D2717" s="6">
        <v>926.85990000000004</v>
      </c>
      <c r="E2717" s="6">
        <v>449.4615</v>
      </c>
    </row>
    <row r="2718" spans="4:5" x14ac:dyDescent="0.25">
      <c r="D2718" s="6">
        <v>3372.143</v>
      </c>
      <c r="E2718" s="6">
        <v>723.67759999999998</v>
      </c>
    </row>
    <row r="2719" spans="4:5" x14ac:dyDescent="0.25">
      <c r="D2719" s="6">
        <v>1949.05</v>
      </c>
      <c r="E2719" s="6">
        <v>541.33330000000001</v>
      </c>
    </row>
    <row r="2720" spans="4:5" x14ac:dyDescent="0.25">
      <c r="D2720" s="6">
        <v>5843.4629999999997</v>
      </c>
      <c r="E2720" s="6">
        <v>3066.1289999999999</v>
      </c>
    </row>
    <row r="2721" spans="4:5" x14ac:dyDescent="0.25">
      <c r="D2721" s="6">
        <v>779.6</v>
      </c>
      <c r="E2721" s="6">
        <v>582.12139999999999</v>
      </c>
    </row>
    <row r="2722" spans="4:5" x14ac:dyDescent="0.25">
      <c r="D2722" s="6">
        <v>663.57770000000005</v>
      </c>
      <c r="E2722" s="6">
        <v>1206.2639999999999</v>
      </c>
    </row>
    <row r="2723" spans="4:5" x14ac:dyDescent="0.25">
      <c r="D2723" s="6">
        <v>755.09640000000002</v>
      </c>
      <c r="E2723" s="6">
        <v>2783.0219999999999</v>
      </c>
    </row>
    <row r="2724" spans="4:5" x14ac:dyDescent="0.25">
      <c r="D2724" s="6">
        <v>603.77639999999997</v>
      </c>
      <c r="E2724" s="6">
        <v>1078.9770000000001</v>
      </c>
    </row>
    <row r="2725" spans="4:5" x14ac:dyDescent="0.25">
      <c r="D2725" s="6">
        <v>731.32190000000003</v>
      </c>
      <c r="E2725" s="6">
        <v>1261.7670000000001</v>
      </c>
    </row>
    <row r="2726" spans="4:5" x14ac:dyDescent="0.25">
      <c r="D2726" s="6">
        <v>1963.2080000000001</v>
      </c>
      <c r="E2726" s="6">
        <v>3045.8119999999999</v>
      </c>
    </row>
    <row r="2727" spans="4:5" x14ac:dyDescent="0.25">
      <c r="D2727" s="6">
        <v>664.51890000000003</v>
      </c>
      <c r="E2727" s="6">
        <v>532.67610000000002</v>
      </c>
    </row>
    <row r="2728" spans="4:5" x14ac:dyDescent="0.25">
      <c r="D2728" s="6">
        <v>579.75120000000004</v>
      </c>
      <c r="E2728" s="6">
        <v>2099.8739999999998</v>
      </c>
    </row>
    <row r="2729" spans="4:5" x14ac:dyDescent="0.25">
      <c r="D2729" s="6">
        <v>819.19410000000005</v>
      </c>
      <c r="E2729" s="6">
        <v>583.49339999999995</v>
      </c>
    </row>
    <row r="2730" spans="4:5" x14ac:dyDescent="0.25">
      <c r="D2730" s="6">
        <v>1918.8789999999999</v>
      </c>
      <c r="E2730" s="6">
        <v>2461.0970000000002</v>
      </c>
    </row>
    <row r="2731" spans="4:5" x14ac:dyDescent="0.25">
      <c r="D2731" s="6">
        <v>2861.6570000000002</v>
      </c>
      <c r="E2731" s="6">
        <v>2714.9969999999998</v>
      </c>
    </row>
    <row r="2732" spans="4:5" x14ac:dyDescent="0.25">
      <c r="D2732" s="6">
        <v>642.47469999999998</v>
      </c>
      <c r="E2732" s="6">
        <v>2574.2629999999999</v>
      </c>
    </row>
    <row r="2733" spans="4:5" x14ac:dyDescent="0.25">
      <c r="D2733" s="6">
        <v>6738.6540000000005</v>
      </c>
      <c r="E2733" s="6">
        <v>3415.6959999999999</v>
      </c>
    </row>
    <row r="2734" spans="4:5" x14ac:dyDescent="0.25">
      <c r="D2734" s="6">
        <v>4859.8919999999998</v>
      </c>
      <c r="E2734" s="6">
        <v>687.36</v>
      </c>
    </row>
    <row r="2735" spans="4:5" x14ac:dyDescent="0.25">
      <c r="D2735" s="6">
        <v>795.02629999999999</v>
      </c>
      <c r="E2735" s="6">
        <v>915.40679999999998</v>
      </c>
    </row>
    <row r="2736" spans="4:5" x14ac:dyDescent="0.25">
      <c r="D2736" s="6">
        <v>6705.5630000000001</v>
      </c>
      <c r="E2736" s="6">
        <v>1537.4179999999999</v>
      </c>
    </row>
    <row r="2737" spans="4:5" x14ac:dyDescent="0.25">
      <c r="D2737" s="6">
        <v>665.16010000000006</v>
      </c>
      <c r="E2737" s="6">
        <v>557</v>
      </c>
    </row>
    <row r="2738" spans="4:5" x14ac:dyDescent="0.25">
      <c r="D2738" s="6">
        <v>551.58510000000001</v>
      </c>
      <c r="E2738" s="6">
        <v>1015.9109999999999</v>
      </c>
    </row>
    <row r="2739" spans="4:5" x14ac:dyDescent="0.25">
      <c r="D2739" s="6">
        <v>682.26329999999996</v>
      </c>
      <c r="E2739" s="6">
        <v>713.8383</v>
      </c>
    </row>
    <row r="2740" spans="4:5" x14ac:dyDescent="0.25">
      <c r="D2740" s="6">
        <v>783.73530000000005</v>
      </c>
      <c r="E2740" s="6">
        <v>1765.6849999999999</v>
      </c>
    </row>
    <row r="2741" spans="4:5" x14ac:dyDescent="0.25">
      <c r="D2741" s="6">
        <v>851.31320000000005</v>
      </c>
      <c r="E2741" s="6">
        <v>1372.556</v>
      </c>
    </row>
    <row r="2742" spans="4:5" x14ac:dyDescent="0.25">
      <c r="D2742" s="6">
        <v>1112.7750000000001</v>
      </c>
      <c r="E2742" s="6">
        <v>2184.0529999999999</v>
      </c>
    </row>
    <row r="2743" spans="4:5" x14ac:dyDescent="0.25">
      <c r="D2743" s="6">
        <v>2379.14</v>
      </c>
      <c r="E2743" s="6">
        <v>1019.223</v>
      </c>
    </row>
    <row r="2744" spans="4:5" x14ac:dyDescent="0.25">
      <c r="D2744" s="6">
        <v>3692.8090000000002</v>
      </c>
      <c r="E2744" s="6">
        <v>829.24279999999999</v>
      </c>
    </row>
    <row r="2745" spans="4:5" x14ac:dyDescent="0.25">
      <c r="D2745" s="6">
        <v>822.58330000000001</v>
      </c>
      <c r="E2745" s="6">
        <v>705.95240000000001</v>
      </c>
    </row>
    <row r="2746" spans="4:5" x14ac:dyDescent="0.25">
      <c r="D2746" s="6">
        <v>2435.3429999999998</v>
      </c>
      <c r="E2746" s="6">
        <v>876.70439999999996</v>
      </c>
    </row>
    <row r="2747" spans="4:5" x14ac:dyDescent="0.25">
      <c r="D2747" s="6">
        <v>736.58659999999998</v>
      </c>
      <c r="E2747" s="6">
        <v>808.43039999999996</v>
      </c>
    </row>
    <row r="2748" spans="4:5" x14ac:dyDescent="0.25">
      <c r="D2748" s="6">
        <v>784.35289999999998</v>
      </c>
      <c r="E2748" s="6">
        <v>4086.9319999999998</v>
      </c>
    </row>
    <row r="2749" spans="4:5" x14ac:dyDescent="0.25">
      <c r="D2749" s="6">
        <v>760.25310000000002</v>
      </c>
      <c r="E2749" s="6">
        <v>659.93140000000005</v>
      </c>
    </row>
    <row r="2750" spans="4:5" x14ac:dyDescent="0.25">
      <c r="D2750" s="6">
        <v>1085.502</v>
      </c>
      <c r="E2750" s="6">
        <v>4581.8040000000001</v>
      </c>
    </row>
    <row r="2751" spans="4:5" x14ac:dyDescent="0.25">
      <c r="D2751" s="6">
        <v>3960</v>
      </c>
      <c r="E2751" s="6">
        <v>645.51949999999999</v>
      </c>
    </row>
    <row r="2752" spans="4:5" x14ac:dyDescent="0.25">
      <c r="D2752" s="6">
        <v>1172.5</v>
      </c>
      <c r="E2752" s="6">
        <v>3084.002</v>
      </c>
    </row>
    <row r="2753" spans="4:5" x14ac:dyDescent="0.25">
      <c r="D2753" s="6">
        <v>1542.96</v>
      </c>
      <c r="E2753" s="6">
        <v>2904.5680000000002</v>
      </c>
    </row>
    <row r="2754" spans="4:5" x14ac:dyDescent="0.25">
      <c r="D2754" s="6">
        <v>832.7672</v>
      </c>
      <c r="E2754" s="6">
        <v>623.81449999999995</v>
      </c>
    </row>
    <row r="2755" spans="4:5" x14ac:dyDescent="0.25">
      <c r="D2755" s="6">
        <v>633.68769999999995</v>
      </c>
      <c r="E2755" s="6">
        <v>757.03840000000002</v>
      </c>
    </row>
    <row r="2756" spans="4:5" x14ac:dyDescent="0.25">
      <c r="D2756" s="6">
        <v>888.27739999999994</v>
      </c>
      <c r="E2756" s="6">
        <v>3324.0839999999998</v>
      </c>
    </row>
    <row r="2757" spans="4:5" x14ac:dyDescent="0.25">
      <c r="D2757" s="6">
        <v>745.41579999999999</v>
      </c>
      <c r="E2757" s="6">
        <v>1521.2619999999999</v>
      </c>
    </row>
    <row r="2758" spans="4:5" x14ac:dyDescent="0.25">
      <c r="D2758" s="6">
        <v>4963.7950000000001</v>
      </c>
      <c r="E2758" s="6">
        <v>901.4778</v>
      </c>
    </row>
    <row r="2759" spans="4:5" x14ac:dyDescent="0.25">
      <c r="D2759" s="6">
        <v>2158.0819999999999</v>
      </c>
      <c r="E2759" s="6">
        <v>1123.1780000000001</v>
      </c>
    </row>
    <row r="2760" spans="4:5" x14ac:dyDescent="0.25">
      <c r="D2760" s="6">
        <v>1438.4659999999999</v>
      </c>
      <c r="E2760" s="6">
        <v>3622.4540000000002</v>
      </c>
    </row>
    <row r="2761" spans="4:5" x14ac:dyDescent="0.25">
      <c r="D2761" s="6">
        <v>948.11369999999999</v>
      </c>
      <c r="E2761" s="6">
        <v>3125.404</v>
      </c>
    </row>
    <row r="2762" spans="4:5" x14ac:dyDescent="0.25">
      <c r="D2762" s="6">
        <v>593.36540000000002</v>
      </c>
      <c r="E2762" s="6">
        <v>774.87869999999998</v>
      </c>
    </row>
    <row r="2763" spans="4:5" x14ac:dyDescent="0.25">
      <c r="D2763" s="6">
        <v>4783.6440000000002</v>
      </c>
      <c r="E2763" s="6">
        <v>640.73249999999996</v>
      </c>
    </row>
    <row r="2764" spans="4:5" x14ac:dyDescent="0.25">
      <c r="D2764" s="6">
        <v>758.42259999999999</v>
      </c>
      <c r="E2764" s="6">
        <v>1803.289</v>
      </c>
    </row>
    <row r="2765" spans="4:5" x14ac:dyDescent="0.25">
      <c r="D2765" s="6">
        <v>5608.8540000000003</v>
      </c>
      <c r="E2765" s="6">
        <v>2587.2840000000001</v>
      </c>
    </row>
    <row r="2766" spans="4:5" x14ac:dyDescent="0.25">
      <c r="D2766" s="6">
        <v>752.75250000000005</v>
      </c>
      <c r="E2766" s="6">
        <v>746.72299999999996</v>
      </c>
    </row>
    <row r="2767" spans="4:5" x14ac:dyDescent="0.25">
      <c r="D2767" s="6">
        <v>1926.44</v>
      </c>
      <c r="E2767" s="6">
        <v>1699.038</v>
      </c>
    </row>
    <row r="2768" spans="4:5" x14ac:dyDescent="0.25">
      <c r="D2768" s="6">
        <v>3048.6819999999998</v>
      </c>
      <c r="E2768" s="6">
        <v>601.93190000000004</v>
      </c>
    </row>
    <row r="2769" spans="4:5" x14ac:dyDescent="0.25">
      <c r="D2769" s="6">
        <v>1533.4559999999999</v>
      </c>
      <c r="E2769" s="6">
        <v>1372</v>
      </c>
    </row>
    <row r="2770" spans="4:5" x14ac:dyDescent="0.25">
      <c r="D2770" s="6">
        <v>687.76419999999996</v>
      </c>
      <c r="E2770" s="6">
        <v>904.98099999999999</v>
      </c>
    </row>
    <row r="2771" spans="4:5" x14ac:dyDescent="0.25">
      <c r="D2771" s="6">
        <v>4267.7839999999997</v>
      </c>
      <c r="E2771" s="6">
        <v>1935.3240000000001</v>
      </c>
    </row>
    <row r="2772" spans="4:5" x14ac:dyDescent="0.25">
      <c r="D2772" s="6">
        <v>5366.152</v>
      </c>
      <c r="E2772" s="6">
        <v>1848.126</v>
      </c>
    </row>
    <row r="2773" spans="4:5" x14ac:dyDescent="0.25">
      <c r="D2773" s="6">
        <v>878.4588</v>
      </c>
      <c r="E2773" s="6">
        <v>1327.06</v>
      </c>
    </row>
    <row r="2774" spans="4:5" x14ac:dyDescent="0.25">
      <c r="D2774" s="6">
        <v>612.45450000000005</v>
      </c>
      <c r="E2774" s="6">
        <v>3409.0419999999999</v>
      </c>
    </row>
    <row r="2775" spans="4:5" x14ac:dyDescent="0.25">
      <c r="D2775" s="6">
        <v>2079.806</v>
      </c>
      <c r="E2775" s="6">
        <v>864.81010000000003</v>
      </c>
    </row>
    <row r="2776" spans="4:5" x14ac:dyDescent="0.25">
      <c r="D2776" s="6">
        <v>4929.1980000000003</v>
      </c>
      <c r="E2776" s="6">
        <v>3850.9409999999998</v>
      </c>
    </row>
    <row r="2777" spans="4:5" x14ac:dyDescent="0.25">
      <c r="D2777" s="6">
        <v>1387.5340000000001</v>
      </c>
      <c r="E2777" s="6">
        <v>4631.817</v>
      </c>
    </row>
    <row r="2778" spans="4:5" x14ac:dyDescent="0.25">
      <c r="D2778" s="6">
        <v>658.7405</v>
      </c>
      <c r="E2778" s="6">
        <v>3339.4769999999999</v>
      </c>
    </row>
    <row r="2779" spans="4:5" x14ac:dyDescent="0.25">
      <c r="D2779" s="6">
        <v>1211.1389999999999</v>
      </c>
      <c r="E2779" s="6">
        <v>871.40940000000001</v>
      </c>
    </row>
    <row r="2780" spans="4:5" x14ac:dyDescent="0.25">
      <c r="D2780" s="6">
        <v>616.43330000000003</v>
      </c>
      <c r="E2780" s="6">
        <v>3332.672</v>
      </c>
    </row>
    <row r="2781" spans="4:5" x14ac:dyDescent="0.25">
      <c r="D2781" s="6">
        <v>661.42759999999998</v>
      </c>
      <c r="E2781" s="6">
        <v>455.07380000000001</v>
      </c>
    </row>
    <row r="2782" spans="4:5" x14ac:dyDescent="0.25">
      <c r="D2782" s="6">
        <v>868.93719999999996</v>
      </c>
      <c r="E2782" s="6">
        <v>4618.848</v>
      </c>
    </row>
    <row r="2783" spans="4:5" x14ac:dyDescent="0.25">
      <c r="D2783" s="6">
        <v>5917.2730000000001</v>
      </c>
      <c r="E2783" s="6">
        <v>908.58439999999996</v>
      </c>
    </row>
    <row r="2784" spans="4:5" x14ac:dyDescent="0.25">
      <c r="D2784" s="6">
        <v>1398.106</v>
      </c>
      <c r="E2784" s="6">
        <v>1114.423</v>
      </c>
    </row>
    <row r="2785" spans="4:5" x14ac:dyDescent="0.25">
      <c r="D2785" s="6">
        <v>5036.3010000000004</v>
      </c>
      <c r="E2785" s="6">
        <v>485.44380000000001</v>
      </c>
    </row>
    <row r="2786" spans="4:5" x14ac:dyDescent="0.25">
      <c r="D2786" s="6">
        <v>718.74149999999997</v>
      </c>
      <c r="E2786" s="6">
        <v>3772.1779999999999</v>
      </c>
    </row>
    <row r="2787" spans="4:5" x14ac:dyDescent="0.25">
      <c r="D2787" s="6">
        <v>686.48230000000001</v>
      </c>
      <c r="E2787" s="6">
        <v>1959.5709999999999</v>
      </c>
    </row>
    <row r="2788" spans="4:5" x14ac:dyDescent="0.25">
      <c r="D2788" s="6">
        <v>680.91219999999998</v>
      </c>
      <c r="E2788" s="6">
        <v>2250.4389999999999</v>
      </c>
    </row>
    <row r="2789" spans="4:5" x14ac:dyDescent="0.25">
      <c r="D2789" s="6">
        <v>6130.268</v>
      </c>
      <c r="E2789" s="6">
        <v>1130.7059999999999</v>
      </c>
    </row>
    <row r="2790" spans="4:5" x14ac:dyDescent="0.25">
      <c r="D2790" s="6">
        <v>1594.431</v>
      </c>
      <c r="E2790" s="6">
        <v>765.54700000000003</v>
      </c>
    </row>
    <row r="2791" spans="4:5" x14ac:dyDescent="0.25">
      <c r="D2791" s="6">
        <v>782.3039</v>
      </c>
      <c r="E2791" s="6">
        <v>3262.2979999999998</v>
      </c>
    </row>
    <row r="2792" spans="4:5" x14ac:dyDescent="0.25">
      <c r="D2792" s="6">
        <v>1250.365</v>
      </c>
      <c r="E2792" s="6">
        <v>3455.92</v>
      </c>
    </row>
    <row r="2793" spans="4:5" x14ac:dyDescent="0.25">
      <c r="D2793" s="6">
        <v>1458.817</v>
      </c>
      <c r="E2793" s="6">
        <v>2752.0120000000002</v>
      </c>
    </row>
    <row r="2794" spans="4:5" x14ac:dyDescent="0.25">
      <c r="D2794" s="6">
        <v>2030.3879999999999</v>
      </c>
      <c r="E2794" s="6">
        <v>728.97389999999996</v>
      </c>
    </row>
    <row r="2795" spans="4:5" x14ac:dyDescent="0.25">
      <c r="D2795" s="6">
        <v>623.78319999999997</v>
      </c>
      <c r="E2795" s="6">
        <v>4174.4369999999999</v>
      </c>
    </row>
    <row r="2796" spans="4:5" x14ac:dyDescent="0.25">
      <c r="D2796" s="6">
        <v>720.52729999999997</v>
      </c>
      <c r="E2796" s="6">
        <v>3073.4270000000001</v>
      </c>
    </row>
    <row r="2797" spans="4:5" x14ac:dyDescent="0.25">
      <c r="D2797" s="6">
        <v>661.29</v>
      </c>
      <c r="E2797" s="6">
        <v>4109.71</v>
      </c>
    </row>
    <row r="2798" spans="4:5" x14ac:dyDescent="0.25">
      <c r="D2798" s="6">
        <v>760.31949999999995</v>
      </c>
      <c r="E2798" s="6">
        <v>1019.02</v>
      </c>
    </row>
    <row r="2799" spans="4:5" x14ac:dyDescent="0.25">
      <c r="D2799" s="6">
        <v>1078.415</v>
      </c>
      <c r="E2799" s="6">
        <v>3087.6840000000002</v>
      </c>
    </row>
    <row r="2800" spans="4:5" x14ac:dyDescent="0.25">
      <c r="D2800" s="6">
        <v>6740.6360000000004</v>
      </c>
      <c r="E2800" s="6">
        <v>1659.778</v>
      </c>
    </row>
    <row r="2801" spans="4:5" x14ac:dyDescent="0.25">
      <c r="D2801" s="6">
        <v>1486.085</v>
      </c>
      <c r="E2801" s="6">
        <v>980.44169999999997</v>
      </c>
    </row>
    <row r="2802" spans="4:5" x14ac:dyDescent="0.25">
      <c r="D2802" s="6">
        <v>527.32740000000001</v>
      </c>
      <c r="E2802" s="6">
        <v>1632.2</v>
      </c>
    </row>
    <row r="2803" spans="4:5" x14ac:dyDescent="0.25">
      <c r="D2803" s="6">
        <v>669.44500000000005</v>
      </c>
      <c r="E2803" s="6">
        <v>4653.3940000000002</v>
      </c>
    </row>
    <row r="2804" spans="4:5" x14ac:dyDescent="0.25">
      <c r="D2804" s="6">
        <v>753.48429999999996</v>
      </c>
      <c r="E2804" s="6">
        <v>3808.3380000000002</v>
      </c>
    </row>
    <row r="2805" spans="4:5" x14ac:dyDescent="0.25">
      <c r="D2805" s="6">
        <v>6484.0659999999998</v>
      </c>
      <c r="E2805" s="6">
        <v>3662.0120000000002</v>
      </c>
    </row>
    <row r="2806" spans="4:5" x14ac:dyDescent="0.25">
      <c r="D2806" s="6">
        <v>703.03599999999994</v>
      </c>
      <c r="E2806" s="6">
        <v>1850.08</v>
      </c>
    </row>
    <row r="2807" spans="4:5" x14ac:dyDescent="0.25">
      <c r="D2807" s="6">
        <v>3720.5250000000001</v>
      </c>
      <c r="E2807" s="6">
        <v>3165.6709999999998</v>
      </c>
    </row>
    <row r="2808" spans="4:5" x14ac:dyDescent="0.25">
      <c r="D2808" s="6">
        <v>2114.154</v>
      </c>
      <c r="E2808" s="6">
        <v>593.66129999999998</v>
      </c>
    </row>
    <row r="2809" spans="4:5" x14ac:dyDescent="0.25">
      <c r="D2809" s="6">
        <v>903.9357</v>
      </c>
      <c r="E2809" s="6">
        <v>572.65989999999999</v>
      </c>
    </row>
    <row r="2810" spans="4:5" x14ac:dyDescent="0.25">
      <c r="D2810" s="6">
        <v>698.8</v>
      </c>
      <c r="E2810" s="6">
        <v>4456.9740000000002</v>
      </c>
    </row>
    <row r="2811" spans="4:5" x14ac:dyDescent="0.25">
      <c r="D2811" s="6">
        <v>5053.152</v>
      </c>
      <c r="E2811" s="6">
        <v>4850.3540000000003</v>
      </c>
    </row>
    <row r="2812" spans="4:5" x14ac:dyDescent="0.25">
      <c r="D2812" s="6">
        <v>731.53660000000002</v>
      </c>
      <c r="E2812" s="6">
        <v>3619.0149999999999</v>
      </c>
    </row>
    <row r="2813" spans="4:5" x14ac:dyDescent="0.25">
      <c r="D2813" s="6">
        <v>5866</v>
      </c>
      <c r="E2813" s="6">
        <v>3440.9920000000002</v>
      </c>
    </row>
    <row r="2814" spans="4:5" x14ac:dyDescent="0.25">
      <c r="D2814" s="6">
        <v>591.58159999999998</v>
      </c>
      <c r="E2814" s="6">
        <v>3938.9380000000001</v>
      </c>
    </row>
    <row r="2815" spans="4:5" x14ac:dyDescent="0.25">
      <c r="D2815" s="6">
        <v>4140</v>
      </c>
      <c r="E2815" s="6">
        <v>469.90589999999997</v>
      </c>
    </row>
    <row r="2816" spans="4:5" x14ac:dyDescent="0.25">
      <c r="D2816" s="6">
        <v>1864.56</v>
      </c>
      <c r="E2816" s="6">
        <v>1199.9649999999999</v>
      </c>
    </row>
    <row r="2817" spans="4:5" x14ac:dyDescent="0.25">
      <c r="D2817" s="6">
        <v>762.92650000000003</v>
      </c>
      <c r="E2817" s="6">
        <v>3254.1819999999998</v>
      </c>
    </row>
    <row r="2818" spans="4:5" x14ac:dyDescent="0.25">
      <c r="D2818" s="6">
        <v>5403.1210000000001</v>
      </c>
      <c r="E2818" s="6">
        <v>2053.5070000000001</v>
      </c>
    </row>
    <row r="2819" spans="4:5" x14ac:dyDescent="0.25">
      <c r="D2819" s="6">
        <v>402.76029999999997</v>
      </c>
      <c r="E2819" s="6">
        <v>966.57380000000001</v>
      </c>
    </row>
    <row r="2820" spans="4:5" x14ac:dyDescent="0.25">
      <c r="D2820" s="6">
        <v>3743.2660000000001</v>
      </c>
      <c r="E2820" s="6">
        <v>3264.5059999999999</v>
      </c>
    </row>
    <row r="2821" spans="4:5" x14ac:dyDescent="0.25">
      <c r="D2821" s="6">
        <v>4437.3829999999998</v>
      </c>
      <c r="E2821" s="6">
        <v>614.54010000000005</v>
      </c>
    </row>
    <row r="2822" spans="4:5" x14ac:dyDescent="0.25">
      <c r="D2822" s="6">
        <v>1251.491</v>
      </c>
      <c r="E2822" s="6">
        <v>918.00660000000005</v>
      </c>
    </row>
    <row r="2823" spans="4:5" x14ac:dyDescent="0.25">
      <c r="D2823" s="6">
        <v>804.48289999999997</v>
      </c>
      <c r="E2823" s="6">
        <v>2523.6489999999999</v>
      </c>
    </row>
    <row r="2824" spans="4:5" x14ac:dyDescent="0.25">
      <c r="D2824" s="6">
        <v>7169.6540000000005</v>
      </c>
      <c r="E2824" s="6">
        <v>3292.8850000000002</v>
      </c>
    </row>
    <row r="2825" spans="4:5" x14ac:dyDescent="0.25">
      <c r="D2825" s="6">
        <v>776.30079999999998</v>
      </c>
      <c r="E2825" s="6">
        <v>1357.039</v>
      </c>
    </row>
    <row r="2826" spans="4:5" x14ac:dyDescent="0.25">
      <c r="D2826" s="6">
        <v>720.86670000000004</v>
      </c>
      <c r="E2826" s="6">
        <v>724.09519999999998</v>
      </c>
    </row>
    <row r="2827" spans="4:5" x14ac:dyDescent="0.25">
      <c r="D2827" s="6">
        <v>1524.5150000000001</v>
      </c>
      <c r="E2827" s="6">
        <v>4672.9489999999996</v>
      </c>
    </row>
    <row r="2828" spans="4:5" x14ac:dyDescent="0.25">
      <c r="D2828" s="6">
        <v>1482.143</v>
      </c>
      <c r="E2828" s="6">
        <v>4256.6570000000002</v>
      </c>
    </row>
    <row r="2829" spans="4:5" x14ac:dyDescent="0.25">
      <c r="D2829" s="6">
        <v>5746.4719999999998</v>
      </c>
      <c r="E2829" s="6">
        <v>2784.7220000000002</v>
      </c>
    </row>
    <row r="2830" spans="4:5" x14ac:dyDescent="0.25">
      <c r="D2830" s="6">
        <v>884.13170000000002</v>
      </c>
      <c r="E2830" s="6">
        <v>497.09359999999998</v>
      </c>
    </row>
    <row r="2831" spans="4:5" x14ac:dyDescent="0.25">
      <c r="D2831" s="6">
        <v>1171.0129999999999</v>
      </c>
      <c r="E2831" s="6">
        <v>989.27719999999999</v>
      </c>
    </row>
    <row r="2832" spans="4:5" x14ac:dyDescent="0.25">
      <c r="D2832" s="6">
        <v>1389.922</v>
      </c>
      <c r="E2832" s="6">
        <v>3127.0940000000001</v>
      </c>
    </row>
    <row r="2833" spans="4:5" x14ac:dyDescent="0.25">
      <c r="D2833" s="6">
        <v>816.83249999999998</v>
      </c>
      <c r="E2833" s="6">
        <v>3068.319</v>
      </c>
    </row>
    <row r="2834" spans="4:5" x14ac:dyDescent="0.25">
      <c r="D2834" s="6">
        <v>6387.8909999999996</v>
      </c>
      <c r="E2834" s="6">
        <v>2962.7959999999998</v>
      </c>
    </row>
    <row r="2835" spans="4:5" x14ac:dyDescent="0.25">
      <c r="D2835" s="6">
        <v>4989.4059999999999</v>
      </c>
      <c r="E2835" s="6">
        <v>1665</v>
      </c>
    </row>
    <row r="2836" spans="4:5" x14ac:dyDescent="0.25">
      <c r="D2836" s="6">
        <v>5245.6819999999998</v>
      </c>
      <c r="E2836" s="6">
        <v>3891.5039999999999</v>
      </c>
    </row>
    <row r="2837" spans="4:5" x14ac:dyDescent="0.25">
      <c r="D2837" s="6">
        <v>5390.43</v>
      </c>
      <c r="E2837" s="6">
        <v>1009.143</v>
      </c>
    </row>
    <row r="2838" spans="4:5" x14ac:dyDescent="0.25">
      <c r="D2838" s="6">
        <v>1824.12</v>
      </c>
      <c r="E2838" s="6">
        <v>2561.6930000000002</v>
      </c>
    </row>
    <row r="2839" spans="4:5" x14ac:dyDescent="0.25">
      <c r="D2839" s="6">
        <v>1101.6400000000001</v>
      </c>
      <c r="E2839" s="6">
        <v>3512.7820000000002</v>
      </c>
    </row>
    <row r="2840" spans="4:5" x14ac:dyDescent="0.25">
      <c r="D2840" s="6">
        <v>1796.231</v>
      </c>
      <c r="E2840" s="6">
        <v>1186.807</v>
      </c>
    </row>
    <row r="2841" spans="4:5" x14ac:dyDescent="0.25">
      <c r="D2841" s="6">
        <v>5034.8649999999998</v>
      </c>
      <c r="E2841" s="6">
        <v>995.02869999999996</v>
      </c>
    </row>
    <row r="2842" spans="4:5" x14ac:dyDescent="0.25">
      <c r="D2842" s="6">
        <v>2401</v>
      </c>
      <c r="E2842" s="6">
        <v>3676.74</v>
      </c>
    </row>
    <row r="2843" spans="4:5" x14ac:dyDescent="0.25">
      <c r="D2843" s="6">
        <v>3316.1410000000001</v>
      </c>
      <c r="E2843" s="6">
        <v>1220.44</v>
      </c>
    </row>
    <row r="2844" spans="4:5" x14ac:dyDescent="0.25">
      <c r="D2844" s="6">
        <v>437.33519999999999</v>
      </c>
      <c r="E2844" s="6">
        <v>3132.4659999999999</v>
      </c>
    </row>
    <row r="2845" spans="4:5" x14ac:dyDescent="0.25">
      <c r="D2845" s="6">
        <v>621.68979999999999</v>
      </c>
      <c r="E2845" s="6">
        <v>3828.4650000000001</v>
      </c>
    </row>
    <row r="2846" spans="4:5" x14ac:dyDescent="0.25">
      <c r="D2846" s="6">
        <v>4749.8130000000001</v>
      </c>
      <c r="E2846" s="6">
        <v>3518.0450000000001</v>
      </c>
    </row>
    <row r="2847" spans="4:5" x14ac:dyDescent="0.25">
      <c r="D2847" s="6">
        <v>817.62360000000001</v>
      </c>
      <c r="E2847" s="6">
        <v>905.64440000000002</v>
      </c>
    </row>
    <row r="2848" spans="4:5" x14ac:dyDescent="0.25">
      <c r="D2848" s="6">
        <v>741.52160000000003</v>
      </c>
      <c r="E2848" s="6">
        <v>2912.652</v>
      </c>
    </row>
    <row r="2849" spans="4:5" x14ac:dyDescent="0.25">
      <c r="D2849" s="6">
        <v>1402.374</v>
      </c>
      <c r="E2849" s="6">
        <v>895.54769999999996</v>
      </c>
    </row>
    <row r="2850" spans="4:5" x14ac:dyDescent="0.25">
      <c r="D2850" s="6">
        <v>893.97799999999995</v>
      </c>
      <c r="E2850" s="6">
        <v>1197.961</v>
      </c>
    </row>
    <row r="2851" spans="4:5" x14ac:dyDescent="0.25">
      <c r="D2851" s="6">
        <v>827</v>
      </c>
      <c r="E2851" s="6">
        <v>2766.431</v>
      </c>
    </row>
    <row r="2852" spans="4:5" x14ac:dyDescent="0.25">
      <c r="D2852" s="6">
        <v>1483.318</v>
      </c>
      <c r="E2852" s="6">
        <v>1656.482</v>
      </c>
    </row>
    <row r="2853" spans="4:5" x14ac:dyDescent="0.25">
      <c r="D2853" s="6">
        <v>1428.2619999999999</v>
      </c>
      <c r="E2853" s="6">
        <v>664.50080000000003</v>
      </c>
    </row>
    <row r="2854" spans="4:5" x14ac:dyDescent="0.25">
      <c r="D2854" s="6">
        <v>832.62369999999999</v>
      </c>
      <c r="E2854" s="6">
        <v>744.34670000000006</v>
      </c>
    </row>
    <row r="2855" spans="4:5" x14ac:dyDescent="0.25">
      <c r="D2855" s="6">
        <v>793.35940000000005</v>
      </c>
      <c r="E2855" s="6">
        <v>512.81479999999999</v>
      </c>
    </row>
    <row r="2856" spans="4:5" x14ac:dyDescent="0.25">
      <c r="D2856" s="6">
        <v>811.05129999999997</v>
      </c>
      <c r="E2856" s="6">
        <v>1023.159</v>
      </c>
    </row>
    <row r="2857" spans="4:5" x14ac:dyDescent="0.25">
      <c r="D2857" s="6">
        <v>855.32780000000002</v>
      </c>
      <c r="E2857" s="6">
        <v>3578.0259999999998</v>
      </c>
    </row>
    <row r="2858" spans="4:5" x14ac:dyDescent="0.25">
      <c r="D2858" s="6">
        <v>588.62710000000004</v>
      </c>
      <c r="E2858" s="6">
        <v>1950.691</v>
      </c>
    </row>
    <row r="2859" spans="4:5" x14ac:dyDescent="0.25">
      <c r="D2859" s="6">
        <v>5773.9620000000004</v>
      </c>
      <c r="E2859" s="6">
        <v>2745.7269999999999</v>
      </c>
    </row>
    <row r="2860" spans="4:5" x14ac:dyDescent="0.25">
      <c r="D2860" s="6">
        <v>776.49069999999995</v>
      </c>
      <c r="E2860" s="6">
        <v>3784.5070000000001</v>
      </c>
    </row>
    <row r="2861" spans="4:5" x14ac:dyDescent="0.25">
      <c r="D2861" s="6">
        <v>747.02560000000005</v>
      </c>
      <c r="E2861" s="6">
        <v>593.84159999999997</v>
      </c>
    </row>
    <row r="2862" spans="4:5" x14ac:dyDescent="0.25">
      <c r="D2862" s="6">
        <v>723.14</v>
      </c>
      <c r="E2862" s="6">
        <v>3353.6190000000001</v>
      </c>
    </row>
    <row r="2863" spans="4:5" x14ac:dyDescent="0.25">
      <c r="D2863" s="6">
        <v>6810.8530000000001</v>
      </c>
      <c r="E2863" s="6">
        <v>951.89</v>
      </c>
    </row>
    <row r="2864" spans="4:5" x14ac:dyDescent="0.25">
      <c r="D2864" s="6">
        <v>457.51459999999997</v>
      </c>
      <c r="E2864" s="6">
        <v>3843.1019999999999</v>
      </c>
    </row>
    <row r="2865" spans="4:5" x14ac:dyDescent="0.25">
      <c r="D2865" s="6">
        <v>651.14909999999998</v>
      </c>
      <c r="E2865" s="6">
        <v>3102.7440000000001</v>
      </c>
    </row>
    <row r="2866" spans="4:5" x14ac:dyDescent="0.25">
      <c r="D2866" s="6">
        <v>720.77650000000006</v>
      </c>
      <c r="E2866" s="6">
        <v>523.17129999999997</v>
      </c>
    </row>
    <row r="2867" spans="4:5" x14ac:dyDescent="0.25">
      <c r="D2867" s="6">
        <v>680.52790000000005</v>
      </c>
      <c r="E2867" s="6">
        <v>3752.913</v>
      </c>
    </row>
    <row r="2868" spans="4:5" x14ac:dyDescent="0.25">
      <c r="D2868" s="6">
        <v>3544.5</v>
      </c>
      <c r="E2868" s="6">
        <v>3421.5239999999999</v>
      </c>
    </row>
    <row r="2869" spans="4:5" x14ac:dyDescent="0.25">
      <c r="D2869" s="6">
        <v>682.58450000000005</v>
      </c>
      <c r="E2869" s="6">
        <v>1200.732</v>
      </c>
    </row>
    <row r="2870" spans="4:5" x14ac:dyDescent="0.25">
      <c r="D2870" s="6">
        <v>1164.2429999999999</v>
      </c>
      <c r="E2870" s="6">
        <v>2122.9949999999999</v>
      </c>
    </row>
    <row r="2871" spans="4:5" x14ac:dyDescent="0.25">
      <c r="D2871" s="6">
        <v>1358.1120000000001</v>
      </c>
      <c r="E2871" s="6">
        <v>887.59389999999996</v>
      </c>
    </row>
    <row r="2872" spans="4:5" x14ac:dyDescent="0.25">
      <c r="D2872" s="6">
        <v>635.47680000000003</v>
      </c>
      <c r="E2872" s="6">
        <v>1045.529</v>
      </c>
    </row>
    <row r="2873" spans="4:5" x14ac:dyDescent="0.25">
      <c r="D2873" s="6">
        <v>719.65089999999998</v>
      </c>
      <c r="E2873" s="6">
        <v>4015.6509999999998</v>
      </c>
    </row>
    <row r="2874" spans="4:5" x14ac:dyDescent="0.25">
      <c r="D2874" s="6">
        <v>6528.2380000000003</v>
      </c>
      <c r="E2874" s="6">
        <v>435.23050000000001</v>
      </c>
    </row>
    <row r="2875" spans="4:5" x14ac:dyDescent="0.25">
      <c r="D2875" s="6">
        <v>625.09849999999994</v>
      </c>
      <c r="E2875" s="6">
        <v>1416.5830000000001</v>
      </c>
    </row>
    <row r="2876" spans="4:5" x14ac:dyDescent="0.25">
      <c r="D2876" s="6">
        <v>5736.893</v>
      </c>
      <c r="E2876" s="6">
        <v>1279.4169999999999</v>
      </c>
    </row>
    <row r="2877" spans="4:5" x14ac:dyDescent="0.25">
      <c r="D2877" s="6">
        <v>4835.33</v>
      </c>
      <c r="E2877" s="6">
        <v>994.30499999999995</v>
      </c>
    </row>
    <row r="2878" spans="4:5" x14ac:dyDescent="0.25">
      <c r="D2878" s="6">
        <v>903.17150000000004</v>
      </c>
      <c r="E2878" s="6">
        <v>964.44640000000004</v>
      </c>
    </row>
    <row r="2879" spans="4:5" x14ac:dyDescent="0.25">
      <c r="D2879" s="6">
        <v>2128.5500000000002</v>
      </c>
      <c r="E2879" s="6">
        <v>484.6617</v>
      </c>
    </row>
    <row r="2880" spans="4:5" x14ac:dyDescent="0.25">
      <c r="D2880" s="6">
        <v>1529.405</v>
      </c>
      <c r="E2880" s="6">
        <v>1090.211</v>
      </c>
    </row>
    <row r="2881" spans="4:5" x14ac:dyDescent="0.25">
      <c r="D2881" s="6">
        <v>2703.34</v>
      </c>
      <c r="E2881" s="6">
        <v>1294.2059999999999</v>
      </c>
    </row>
    <row r="2882" spans="4:5" x14ac:dyDescent="0.25">
      <c r="D2882" s="6">
        <v>2362.6860000000001</v>
      </c>
      <c r="E2882" s="6">
        <v>1096.105</v>
      </c>
    </row>
    <row r="2883" spans="4:5" x14ac:dyDescent="0.25">
      <c r="D2883" s="6">
        <v>954.6626</v>
      </c>
      <c r="E2883" s="6">
        <v>2488.7159999999999</v>
      </c>
    </row>
    <row r="2884" spans="4:5" x14ac:dyDescent="0.25">
      <c r="D2884" s="6">
        <v>3200.9740000000002</v>
      </c>
      <c r="E2884" s="6">
        <v>658.54100000000005</v>
      </c>
    </row>
    <row r="2885" spans="4:5" x14ac:dyDescent="0.25">
      <c r="D2885" s="6">
        <v>1774.2090000000001</v>
      </c>
      <c r="E2885" s="6">
        <v>1344.5229999999999</v>
      </c>
    </row>
    <row r="2886" spans="4:5" x14ac:dyDescent="0.25">
      <c r="D2886" s="6">
        <v>774.58569999999997</v>
      </c>
      <c r="E2886" s="6">
        <v>931.83709999999996</v>
      </c>
    </row>
    <row r="2887" spans="4:5" x14ac:dyDescent="0.25">
      <c r="D2887" s="6">
        <v>928.68790000000001</v>
      </c>
      <c r="E2887" s="6">
        <v>645.27269999999999</v>
      </c>
    </row>
    <row r="2888" spans="4:5" x14ac:dyDescent="0.25">
      <c r="D2888" s="6">
        <v>478.56540000000001</v>
      </c>
      <c r="E2888" s="6">
        <v>4359.9750000000004</v>
      </c>
    </row>
    <row r="2889" spans="4:5" x14ac:dyDescent="0.25">
      <c r="D2889" s="6">
        <v>690.78779999999995</v>
      </c>
      <c r="E2889" s="6">
        <v>572.70899999999995</v>
      </c>
    </row>
    <row r="2890" spans="4:5" x14ac:dyDescent="0.25">
      <c r="D2890" s="6">
        <v>1105.671</v>
      </c>
      <c r="E2890" s="6">
        <v>4047.3029999999999</v>
      </c>
    </row>
    <row r="2891" spans="4:5" x14ac:dyDescent="0.25">
      <c r="D2891" s="6">
        <v>623.48929999999996</v>
      </c>
      <c r="E2891" s="6">
        <v>873.64760000000001</v>
      </c>
    </row>
    <row r="2892" spans="4:5" x14ac:dyDescent="0.25">
      <c r="D2892" s="6">
        <v>2945.7959999999998</v>
      </c>
      <c r="E2892" s="6">
        <v>995.54989999999998</v>
      </c>
    </row>
    <row r="2893" spans="4:5" x14ac:dyDescent="0.25">
      <c r="D2893" s="6">
        <v>1180.3520000000001</v>
      </c>
      <c r="E2893" s="6">
        <v>8108.6949999999997</v>
      </c>
    </row>
    <row r="2894" spans="4:5" x14ac:dyDescent="0.25">
      <c r="D2894" s="6">
        <v>734.43899999999996</v>
      </c>
      <c r="E2894" s="6">
        <v>1698.117</v>
      </c>
    </row>
    <row r="2895" spans="4:5" x14ac:dyDescent="0.25">
      <c r="D2895" s="6">
        <v>733.42639999999994</v>
      </c>
      <c r="E2895" s="6">
        <v>1522.309</v>
      </c>
    </row>
    <row r="2896" spans="4:5" x14ac:dyDescent="0.25">
      <c r="D2896" s="6">
        <v>1673.951</v>
      </c>
      <c r="E2896" s="6">
        <v>1095.0899999999999</v>
      </c>
    </row>
    <row r="2897" spans="4:5" x14ac:dyDescent="0.25">
      <c r="D2897" s="6">
        <v>691.45939999999996</v>
      </c>
      <c r="E2897" s="6">
        <v>3314.0450000000001</v>
      </c>
    </row>
    <row r="2898" spans="4:5" x14ac:dyDescent="0.25">
      <c r="D2898" s="6">
        <v>5597.5</v>
      </c>
      <c r="E2898" s="6">
        <v>704.9434</v>
      </c>
    </row>
    <row r="2899" spans="4:5" x14ac:dyDescent="0.25">
      <c r="D2899" s="6">
        <v>885.4556</v>
      </c>
      <c r="E2899" s="6">
        <v>3031.9540000000002</v>
      </c>
    </row>
    <row r="2900" spans="4:5" x14ac:dyDescent="0.25">
      <c r="D2900" s="6">
        <v>701.13490000000002</v>
      </c>
      <c r="E2900" s="6">
        <v>1381.903</v>
      </c>
    </row>
    <row r="2901" spans="4:5" x14ac:dyDescent="0.25">
      <c r="D2901" s="6">
        <v>3348.5</v>
      </c>
      <c r="E2901" s="6">
        <v>3772.3119999999999</v>
      </c>
    </row>
    <row r="2902" spans="4:5" x14ac:dyDescent="0.25">
      <c r="D2902" s="6">
        <v>5217.3909999999996</v>
      </c>
      <c r="E2902" s="6">
        <v>587.03340000000003</v>
      </c>
    </row>
    <row r="2903" spans="4:5" x14ac:dyDescent="0.25">
      <c r="D2903" s="6">
        <v>6924.7309999999998</v>
      </c>
      <c r="E2903" s="6">
        <v>880.27790000000005</v>
      </c>
    </row>
    <row r="2904" spans="4:5" x14ac:dyDescent="0.25">
      <c r="D2904" s="6">
        <v>709.82680000000005</v>
      </c>
      <c r="E2904" s="6">
        <v>2904.692</v>
      </c>
    </row>
    <row r="2905" spans="4:5" x14ac:dyDescent="0.25">
      <c r="D2905" s="6">
        <v>3251.2469999999998</v>
      </c>
      <c r="E2905" s="6">
        <v>812.79639999999995</v>
      </c>
    </row>
    <row r="2906" spans="4:5" x14ac:dyDescent="0.25">
      <c r="D2906" s="6">
        <v>1249.269</v>
      </c>
      <c r="E2906" s="6">
        <v>1541.4</v>
      </c>
    </row>
    <row r="2907" spans="4:5" x14ac:dyDescent="0.25">
      <c r="D2907" s="6">
        <v>6696.6790000000001</v>
      </c>
      <c r="E2907" s="6">
        <v>310.70319999999998</v>
      </c>
    </row>
    <row r="2908" spans="4:5" x14ac:dyDescent="0.25">
      <c r="D2908" s="6">
        <v>1970.2470000000001</v>
      </c>
      <c r="E2908" s="6">
        <v>3377.24</v>
      </c>
    </row>
    <row r="2909" spans="4:5" x14ac:dyDescent="0.25">
      <c r="D2909" s="6">
        <v>3282.6480000000001</v>
      </c>
      <c r="E2909" s="6">
        <v>2928.2689999999998</v>
      </c>
    </row>
    <row r="2910" spans="4:5" x14ac:dyDescent="0.25">
      <c r="D2910" s="6">
        <v>633.36699999999996</v>
      </c>
      <c r="E2910" s="6">
        <v>2781.3879999999999</v>
      </c>
    </row>
    <row r="2911" spans="4:5" x14ac:dyDescent="0.25">
      <c r="D2911" s="6">
        <v>820.57579999999996</v>
      </c>
      <c r="E2911" s="6">
        <v>915.13599999999997</v>
      </c>
    </row>
    <row r="2912" spans="4:5" x14ac:dyDescent="0.25">
      <c r="D2912" s="6">
        <v>884.64909999999998</v>
      </c>
      <c r="E2912" s="6">
        <v>2985.357</v>
      </c>
    </row>
    <row r="2913" spans="4:5" x14ac:dyDescent="0.25">
      <c r="D2913" s="6">
        <v>4550.4489999999996</v>
      </c>
      <c r="E2913" s="6">
        <v>764.48739999999998</v>
      </c>
    </row>
    <row r="2914" spans="4:5" x14ac:dyDescent="0.25">
      <c r="D2914" s="6">
        <v>2629.8139999999999</v>
      </c>
      <c r="E2914" s="6">
        <v>900.71280000000002</v>
      </c>
    </row>
    <row r="2915" spans="4:5" x14ac:dyDescent="0.25">
      <c r="D2915" s="6">
        <v>4179.76</v>
      </c>
      <c r="E2915" s="6">
        <v>1128.722</v>
      </c>
    </row>
    <row r="2916" spans="4:5" x14ac:dyDescent="0.25">
      <c r="D2916" s="6">
        <v>785.51</v>
      </c>
      <c r="E2916" s="6">
        <v>561.89649999999995</v>
      </c>
    </row>
    <row r="2917" spans="4:5" x14ac:dyDescent="0.25">
      <c r="D2917" s="6">
        <v>4980.5770000000002</v>
      </c>
      <c r="E2917" s="6">
        <v>809.24630000000002</v>
      </c>
    </row>
    <row r="2918" spans="4:5" x14ac:dyDescent="0.25">
      <c r="D2918" s="6">
        <v>3127.0569999999998</v>
      </c>
      <c r="E2918" s="6">
        <v>3064.848</v>
      </c>
    </row>
    <row r="2919" spans="4:5" x14ac:dyDescent="0.25">
      <c r="D2919" s="6">
        <v>978.09410000000003</v>
      </c>
      <c r="E2919" s="6">
        <v>475.40730000000002</v>
      </c>
    </row>
    <row r="2920" spans="4:5" x14ac:dyDescent="0.25">
      <c r="D2920" s="6">
        <v>806.13049999999998</v>
      </c>
      <c r="E2920" s="6">
        <v>579.60299999999995</v>
      </c>
    </row>
    <row r="2921" spans="4:5" x14ac:dyDescent="0.25">
      <c r="D2921" s="6">
        <v>862.50969999999995</v>
      </c>
      <c r="E2921" s="6">
        <v>3274.0349999999999</v>
      </c>
    </row>
    <row r="2922" spans="4:5" x14ac:dyDescent="0.25">
      <c r="D2922" s="6">
        <v>1812.6610000000001</v>
      </c>
      <c r="E2922" s="6">
        <v>3465.3270000000002</v>
      </c>
    </row>
    <row r="2923" spans="4:5" x14ac:dyDescent="0.25">
      <c r="D2923" s="6">
        <v>5245.3729999999996</v>
      </c>
      <c r="E2923" s="6">
        <v>3100.13</v>
      </c>
    </row>
    <row r="2924" spans="4:5" x14ac:dyDescent="0.25">
      <c r="D2924" s="6">
        <v>738.76940000000002</v>
      </c>
      <c r="E2924" s="6">
        <v>557.11030000000005</v>
      </c>
    </row>
    <row r="2925" spans="4:5" x14ac:dyDescent="0.25">
      <c r="D2925" s="6">
        <v>735.65610000000004</v>
      </c>
      <c r="E2925" s="6">
        <v>548.62739999999997</v>
      </c>
    </row>
    <row r="2926" spans="4:5" x14ac:dyDescent="0.25">
      <c r="D2926" s="6">
        <v>3800.864</v>
      </c>
      <c r="E2926" s="6">
        <v>1287.6849999999999</v>
      </c>
    </row>
    <row r="2927" spans="4:5" x14ac:dyDescent="0.25">
      <c r="D2927" s="6">
        <v>722.84339999999997</v>
      </c>
      <c r="E2927" s="6">
        <v>3554.2350000000001</v>
      </c>
    </row>
    <row r="2928" spans="4:5" x14ac:dyDescent="0.25">
      <c r="D2928" s="6">
        <v>689.82680000000005</v>
      </c>
      <c r="E2928" s="6">
        <v>3215.1309999999999</v>
      </c>
    </row>
    <row r="2929" spans="4:5" x14ac:dyDescent="0.25">
      <c r="D2929" s="6">
        <v>739.02319999999997</v>
      </c>
      <c r="E2929" s="6">
        <v>3329.7959999999998</v>
      </c>
    </row>
    <row r="2930" spans="4:5" x14ac:dyDescent="0.25">
      <c r="D2930" s="6">
        <v>1724.9690000000001</v>
      </c>
      <c r="E2930" s="6">
        <v>1087.454</v>
      </c>
    </row>
    <row r="2931" spans="4:5" x14ac:dyDescent="0.25">
      <c r="D2931" s="6">
        <v>863.34900000000005</v>
      </c>
      <c r="E2931" s="6">
        <v>862.93640000000005</v>
      </c>
    </row>
    <row r="2932" spans="4:5" x14ac:dyDescent="0.25">
      <c r="D2932" s="6">
        <v>4563.3329999999996</v>
      </c>
      <c r="E2932" s="6">
        <v>1015.784</v>
      </c>
    </row>
    <row r="2933" spans="4:5" x14ac:dyDescent="0.25">
      <c r="D2933" s="6">
        <v>3837.6669999999999</v>
      </c>
      <c r="E2933" s="6">
        <v>734.39890000000003</v>
      </c>
    </row>
    <row r="2934" spans="4:5" x14ac:dyDescent="0.25">
      <c r="D2934" s="6">
        <v>1606.0060000000001</v>
      </c>
      <c r="E2934" s="6">
        <v>625.58420000000001</v>
      </c>
    </row>
    <row r="2935" spans="4:5" x14ac:dyDescent="0.25">
      <c r="D2935" s="6">
        <v>654.62310000000002</v>
      </c>
      <c r="E2935" s="6">
        <v>3010.6410000000001</v>
      </c>
    </row>
    <row r="2936" spans="4:5" x14ac:dyDescent="0.25">
      <c r="D2936" s="6">
        <v>765.43449999999996</v>
      </c>
      <c r="E2936" s="6">
        <v>675.82600000000002</v>
      </c>
    </row>
    <row r="2937" spans="4:5" x14ac:dyDescent="0.25">
      <c r="D2937" s="6">
        <v>1431.8879999999999</v>
      </c>
      <c r="E2937" s="6">
        <v>1050.72</v>
      </c>
    </row>
    <row r="2938" spans="4:5" x14ac:dyDescent="0.25">
      <c r="D2938" s="6">
        <v>692.30309999999997</v>
      </c>
      <c r="E2938" s="6">
        <v>1327.8679999999999</v>
      </c>
    </row>
    <row r="2939" spans="4:5" x14ac:dyDescent="0.25">
      <c r="D2939" s="6">
        <v>3731.4450000000002</v>
      </c>
      <c r="E2939" s="6">
        <v>1902.4380000000001</v>
      </c>
    </row>
    <row r="2940" spans="4:5" x14ac:dyDescent="0.25">
      <c r="D2940" s="6">
        <v>1429.479</v>
      </c>
      <c r="E2940" s="6">
        <v>623.23530000000005</v>
      </c>
    </row>
    <row r="2941" spans="4:5" x14ac:dyDescent="0.25">
      <c r="D2941" s="6">
        <v>5094.1289999999999</v>
      </c>
      <c r="E2941" s="6">
        <v>3553.3609999999999</v>
      </c>
    </row>
    <row r="2942" spans="4:5" x14ac:dyDescent="0.25">
      <c r="D2942" s="6">
        <v>1236.306</v>
      </c>
      <c r="E2942" s="6">
        <v>4538.0630000000001</v>
      </c>
    </row>
    <row r="2943" spans="4:5" x14ac:dyDescent="0.25">
      <c r="D2943" s="6">
        <v>833.0222</v>
      </c>
      <c r="E2943" s="6">
        <v>1069.93</v>
      </c>
    </row>
    <row r="2944" spans="4:5" x14ac:dyDescent="0.25">
      <c r="D2944" s="6">
        <v>509.29570000000001</v>
      </c>
      <c r="E2944" s="6">
        <v>3524.8760000000002</v>
      </c>
    </row>
    <row r="2945" spans="4:5" x14ac:dyDescent="0.25">
      <c r="D2945" s="6">
        <v>702.37609999999995</v>
      </c>
      <c r="E2945" s="6">
        <v>3988.71</v>
      </c>
    </row>
    <row r="2946" spans="4:5" x14ac:dyDescent="0.25">
      <c r="D2946" s="6">
        <v>5636.0159999999996</v>
      </c>
      <c r="E2946" s="6">
        <v>936.54259999999999</v>
      </c>
    </row>
    <row r="2947" spans="4:5" x14ac:dyDescent="0.25">
      <c r="D2947" s="6">
        <v>707.45510000000002</v>
      </c>
      <c r="E2947" s="6">
        <v>972.85969999999998</v>
      </c>
    </row>
    <row r="2948" spans="4:5" x14ac:dyDescent="0.25">
      <c r="D2948" s="6">
        <v>697.25329999999997</v>
      </c>
      <c r="E2948" s="6">
        <v>2750.3760000000002</v>
      </c>
    </row>
    <row r="2949" spans="4:5" x14ac:dyDescent="0.25">
      <c r="D2949" s="6">
        <v>5846.143</v>
      </c>
      <c r="E2949" s="6">
        <v>3496.056</v>
      </c>
    </row>
    <row r="2950" spans="4:5" x14ac:dyDescent="0.25">
      <c r="D2950" s="6">
        <v>717.34159999999997</v>
      </c>
      <c r="E2950" s="6">
        <v>1756.405</v>
      </c>
    </row>
    <row r="2951" spans="4:5" x14ac:dyDescent="0.25">
      <c r="D2951" s="6">
        <v>701.54840000000002</v>
      </c>
      <c r="E2951" s="6">
        <v>1096.616</v>
      </c>
    </row>
    <row r="2952" spans="4:5" x14ac:dyDescent="0.25">
      <c r="D2952" s="6">
        <v>837.98689999999999</v>
      </c>
      <c r="E2952" s="6">
        <v>1841.5029999999999</v>
      </c>
    </row>
    <row r="2953" spans="4:5" x14ac:dyDescent="0.25">
      <c r="D2953" s="6">
        <v>1998.193</v>
      </c>
      <c r="E2953" s="6">
        <v>7916.0159999999996</v>
      </c>
    </row>
    <row r="2954" spans="4:5" x14ac:dyDescent="0.25">
      <c r="D2954" s="6">
        <v>1141.9269999999999</v>
      </c>
      <c r="E2954" s="6">
        <v>3712.3980000000001</v>
      </c>
    </row>
    <row r="2955" spans="4:5" x14ac:dyDescent="0.25">
      <c r="D2955" s="6">
        <v>580.37429999999995</v>
      </c>
      <c r="E2955" s="6">
        <v>3927.71</v>
      </c>
    </row>
    <row r="2956" spans="4:5" x14ac:dyDescent="0.25">
      <c r="D2956" s="6">
        <v>3694.9459999999999</v>
      </c>
      <c r="E2956" s="6">
        <v>844.67169999999999</v>
      </c>
    </row>
    <row r="2957" spans="4:5" x14ac:dyDescent="0.25">
      <c r="D2957" s="6">
        <v>3154.3690000000001</v>
      </c>
      <c r="E2957" s="6">
        <v>5024.2529999999997</v>
      </c>
    </row>
    <row r="2958" spans="4:5" x14ac:dyDescent="0.25">
      <c r="D2958" s="6">
        <v>4904.8440000000001</v>
      </c>
      <c r="E2958" s="6">
        <v>779.93389999999999</v>
      </c>
    </row>
    <row r="2959" spans="4:5" x14ac:dyDescent="0.25">
      <c r="D2959" s="6">
        <v>725.01279999999997</v>
      </c>
      <c r="E2959" s="6">
        <v>2749.9250000000002</v>
      </c>
    </row>
    <row r="2960" spans="4:5" x14ac:dyDescent="0.25">
      <c r="D2960" s="6">
        <v>635.81799999999998</v>
      </c>
      <c r="E2960" s="6">
        <v>2779.0569999999998</v>
      </c>
    </row>
    <row r="2961" spans="4:5" x14ac:dyDescent="0.25">
      <c r="D2961" s="6">
        <v>2614.2890000000002</v>
      </c>
      <c r="E2961" s="6">
        <v>3301.3649999999998</v>
      </c>
    </row>
    <row r="2962" spans="4:5" x14ac:dyDescent="0.25">
      <c r="D2962" s="6">
        <v>5165.9399999999996</v>
      </c>
      <c r="E2962" s="6">
        <v>993.27239999999995</v>
      </c>
    </row>
    <row r="2963" spans="4:5" x14ac:dyDescent="0.25">
      <c r="D2963" s="6">
        <v>799.89829999999995</v>
      </c>
      <c r="E2963" s="6">
        <v>3664.748</v>
      </c>
    </row>
    <row r="2964" spans="4:5" x14ac:dyDescent="0.25">
      <c r="D2964" s="6">
        <v>784.79690000000005</v>
      </c>
      <c r="E2964" s="6">
        <v>7347.2120000000004</v>
      </c>
    </row>
    <row r="2965" spans="4:5" x14ac:dyDescent="0.25">
      <c r="D2965" s="6">
        <v>605.09789999999998</v>
      </c>
      <c r="E2965" s="6">
        <v>1551.9349999999999</v>
      </c>
    </row>
    <row r="2966" spans="4:5" x14ac:dyDescent="0.25">
      <c r="D2966" s="6">
        <v>2290.4409999999998</v>
      </c>
      <c r="E2966" s="6">
        <v>992.87440000000004</v>
      </c>
    </row>
    <row r="2967" spans="4:5" x14ac:dyDescent="0.25">
      <c r="D2967" s="6">
        <v>2727.0039999999999</v>
      </c>
      <c r="E2967" s="6">
        <v>3299.9140000000002</v>
      </c>
    </row>
    <row r="2968" spans="4:5" x14ac:dyDescent="0.25">
      <c r="D2968" s="6">
        <v>821.35040000000004</v>
      </c>
      <c r="E2968" s="6">
        <v>1044.8989999999999</v>
      </c>
    </row>
    <row r="2969" spans="4:5" x14ac:dyDescent="0.25">
      <c r="D2969" s="6">
        <v>1670.6010000000001</v>
      </c>
      <c r="E2969" s="6">
        <v>3891.078</v>
      </c>
    </row>
    <row r="2970" spans="4:5" x14ac:dyDescent="0.25">
      <c r="D2970" s="6">
        <v>4636.0330000000004</v>
      </c>
      <c r="E2970" s="6">
        <v>1236.0989999999999</v>
      </c>
    </row>
    <row r="2971" spans="4:5" x14ac:dyDescent="0.25">
      <c r="D2971" s="6">
        <v>913.6354</v>
      </c>
      <c r="E2971" s="6">
        <v>930.43510000000003</v>
      </c>
    </row>
    <row r="2972" spans="4:5" x14ac:dyDescent="0.25">
      <c r="D2972" s="6">
        <v>6370.0829999999996</v>
      </c>
      <c r="E2972" s="6">
        <v>1290.4559999999999</v>
      </c>
    </row>
    <row r="2973" spans="4:5" x14ac:dyDescent="0.25">
      <c r="D2973" s="6">
        <v>10485.379999999999</v>
      </c>
      <c r="E2973" s="6">
        <v>2803.46</v>
      </c>
    </row>
    <row r="2974" spans="4:5" x14ac:dyDescent="0.25">
      <c r="D2974" s="6">
        <v>1910.742</v>
      </c>
      <c r="E2974" s="6">
        <v>5204.9229999999998</v>
      </c>
    </row>
    <row r="2975" spans="4:5" x14ac:dyDescent="0.25">
      <c r="D2975" s="6">
        <v>931.35770000000002</v>
      </c>
      <c r="E2975" s="6">
        <v>2791.5569999999998</v>
      </c>
    </row>
    <row r="2976" spans="4:5" x14ac:dyDescent="0.25">
      <c r="D2976" s="6">
        <v>6039.9359999999997</v>
      </c>
      <c r="E2976" s="6">
        <v>1891.6120000000001</v>
      </c>
    </row>
    <row r="2977" spans="4:5" x14ac:dyDescent="0.25">
      <c r="D2977" s="6">
        <v>1682.922</v>
      </c>
      <c r="E2977" s="6">
        <v>1723.4549999999999</v>
      </c>
    </row>
    <row r="2978" spans="4:5" x14ac:dyDescent="0.25">
      <c r="D2978" s="6">
        <v>777.5376</v>
      </c>
      <c r="E2978" s="6">
        <v>1089.7</v>
      </c>
    </row>
    <row r="2979" spans="4:5" x14ac:dyDescent="0.25">
      <c r="D2979" s="6">
        <v>721.11400000000003</v>
      </c>
      <c r="E2979" s="6">
        <v>1925.8869999999999</v>
      </c>
    </row>
    <row r="2980" spans="4:5" x14ac:dyDescent="0.25">
      <c r="D2980" s="6">
        <v>785.62630000000001</v>
      </c>
      <c r="E2980" s="6">
        <v>574.66589999999997</v>
      </c>
    </row>
    <row r="2981" spans="4:5" x14ac:dyDescent="0.25">
      <c r="D2981" s="6">
        <v>3255.884</v>
      </c>
      <c r="E2981" s="6">
        <v>661.91290000000004</v>
      </c>
    </row>
    <row r="2982" spans="4:5" x14ac:dyDescent="0.25">
      <c r="D2982" s="6">
        <v>785.40509999999995</v>
      </c>
      <c r="E2982" s="6">
        <v>2579.395</v>
      </c>
    </row>
    <row r="2983" spans="4:5" x14ac:dyDescent="0.25">
      <c r="D2983" s="6">
        <v>700.875</v>
      </c>
      <c r="E2983" s="6">
        <v>2595.732</v>
      </c>
    </row>
    <row r="2984" spans="4:5" x14ac:dyDescent="0.25">
      <c r="D2984" s="6">
        <v>620.35239999999999</v>
      </c>
      <c r="E2984" s="6">
        <v>3099.0650000000001</v>
      </c>
    </row>
    <row r="2985" spans="4:5" x14ac:dyDescent="0.25">
      <c r="D2985" s="6">
        <v>589.50160000000005</v>
      </c>
      <c r="E2985" s="6">
        <v>604.49</v>
      </c>
    </row>
    <row r="2986" spans="4:5" x14ac:dyDescent="0.25">
      <c r="D2986" s="6">
        <v>1711.299</v>
      </c>
      <c r="E2986" s="6">
        <v>502.44170000000003</v>
      </c>
    </row>
    <row r="2987" spans="4:5" x14ac:dyDescent="0.25">
      <c r="D2987" s="6">
        <v>1091.481</v>
      </c>
      <c r="E2987" s="6">
        <v>1005.502</v>
      </c>
    </row>
    <row r="2988" spans="4:5" x14ac:dyDescent="0.25">
      <c r="D2988" s="6">
        <v>553.53219999999999</v>
      </c>
      <c r="E2988" s="6">
        <v>1353.452</v>
      </c>
    </row>
    <row r="2989" spans="4:5" x14ac:dyDescent="0.25">
      <c r="D2989" s="6">
        <v>6057.3010000000004</v>
      </c>
      <c r="E2989" s="6">
        <v>736.7604</v>
      </c>
    </row>
    <row r="2990" spans="4:5" x14ac:dyDescent="0.25">
      <c r="D2990" s="6">
        <v>718.71180000000004</v>
      </c>
      <c r="E2990" s="6">
        <v>619.4</v>
      </c>
    </row>
    <row r="2991" spans="4:5" x14ac:dyDescent="0.25">
      <c r="D2991" s="6">
        <v>1619.76</v>
      </c>
      <c r="E2991" s="6">
        <v>2535.069</v>
      </c>
    </row>
    <row r="2992" spans="4:5" x14ac:dyDescent="0.25">
      <c r="D2992" s="6">
        <v>1189.82</v>
      </c>
      <c r="E2992" s="6">
        <v>987.05399999999997</v>
      </c>
    </row>
    <row r="2993" spans="4:5" x14ac:dyDescent="0.25">
      <c r="D2993" s="6">
        <v>7256.5519999999997</v>
      </c>
      <c r="E2993" s="6">
        <v>423.65499999999997</v>
      </c>
    </row>
    <row r="2994" spans="4:5" x14ac:dyDescent="0.25">
      <c r="D2994" s="6">
        <v>1141.5740000000001</v>
      </c>
      <c r="E2994" s="6">
        <v>3669.355</v>
      </c>
    </row>
    <row r="2995" spans="4:5" x14ac:dyDescent="0.25">
      <c r="D2995" s="6">
        <v>5369.3959999999997</v>
      </c>
      <c r="E2995" s="6">
        <v>1864.384</v>
      </c>
    </row>
    <row r="2996" spans="4:5" x14ac:dyDescent="0.25">
      <c r="D2996" s="6">
        <v>2124.7570000000001</v>
      </c>
      <c r="E2996" s="6">
        <v>4493.3100000000004</v>
      </c>
    </row>
    <row r="2997" spans="4:5" x14ac:dyDescent="0.25">
      <c r="D2997" s="6">
        <v>1894.982</v>
      </c>
      <c r="E2997" s="6">
        <v>1808.2719999999999</v>
      </c>
    </row>
    <row r="2998" spans="4:5" x14ac:dyDescent="0.25">
      <c r="D2998" s="6">
        <v>580.69780000000003</v>
      </c>
      <c r="E2998" s="6">
        <v>3435.6030000000001</v>
      </c>
    </row>
    <row r="2999" spans="4:5" x14ac:dyDescent="0.25">
      <c r="D2999" s="6">
        <v>870.6087</v>
      </c>
      <c r="E2999" s="6">
        <v>1019.298</v>
      </c>
    </row>
    <row r="3000" spans="4:5" x14ac:dyDescent="0.25">
      <c r="D3000" s="6">
        <v>750.14319999999998</v>
      </c>
      <c r="E3000" s="6">
        <v>2543.431</v>
      </c>
    </row>
    <row r="3001" spans="4:5" x14ac:dyDescent="0.25">
      <c r="D3001" s="6">
        <v>5563.7120000000004</v>
      </c>
      <c r="E3001" s="6">
        <v>2647.62</v>
      </c>
    </row>
    <row r="3002" spans="4:5" x14ac:dyDescent="0.25">
      <c r="D3002" s="6">
        <v>808.31579999999997</v>
      </c>
      <c r="E3002" s="6">
        <v>2953.2249999999999</v>
      </c>
    </row>
    <row r="3003" spans="4:5" x14ac:dyDescent="0.25">
      <c r="D3003" s="6">
        <v>3085.848</v>
      </c>
      <c r="E3003" s="6">
        <v>4066.0169999999998</v>
      </c>
    </row>
    <row r="3004" spans="4:5" x14ac:dyDescent="0.25">
      <c r="D3004" s="6">
        <v>848.69590000000005</v>
      </c>
      <c r="E3004" s="6">
        <v>1125.357</v>
      </c>
    </row>
    <row r="3005" spans="4:5" x14ac:dyDescent="0.25">
      <c r="D3005" s="6">
        <v>609.58349999999996</v>
      </c>
      <c r="E3005" s="6">
        <v>1058.953</v>
      </c>
    </row>
    <row r="3006" spans="4:5" x14ac:dyDescent="0.25">
      <c r="D3006" s="6">
        <v>717.47439999999995</v>
      </c>
      <c r="E3006" s="6">
        <v>2404.828</v>
      </c>
    </row>
    <row r="3007" spans="4:5" x14ac:dyDescent="0.25">
      <c r="D3007" s="6">
        <v>733.28909999999996</v>
      </c>
      <c r="E3007" s="6">
        <v>500.81959999999998</v>
      </c>
    </row>
    <row r="3008" spans="4:5" x14ac:dyDescent="0.25">
      <c r="D3008" s="6">
        <v>616.65179999999998</v>
      </c>
      <c r="E3008" s="6">
        <v>781.39909999999998</v>
      </c>
    </row>
    <row r="3009" spans="4:5" x14ac:dyDescent="0.25">
      <c r="D3009" s="6">
        <v>919.77869999999996</v>
      </c>
      <c r="E3009" s="6">
        <v>743.58259999999996</v>
      </c>
    </row>
    <row r="3010" spans="4:5" x14ac:dyDescent="0.25">
      <c r="D3010" s="6">
        <v>618.28449999999998</v>
      </c>
      <c r="E3010" s="6">
        <v>892.48080000000004</v>
      </c>
    </row>
    <row r="3011" spans="4:5" x14ac:dyDescent="0.25">
      <c r="D3011" s="6">
        <v>1562.6179999999999</v>
      </c>
      <c r="E3011" s="6">
        <v>464.91329999999999</v>
      </c>
    </row>
    <row r="3012" spans="4:5" x14ac:dyDescent="0.25">
      <c r="D3012" s="6">
        <v>732.01379999999995</v>
      </c>
      <c r="E3012" s="6">
        <v>1060.338</v>
      </c>
    </row>
    <row r="3013" spans="4:5" x14ac:dyDescent="0.25">
      <c r="D3013" s="6">
        <v>1191.229</v>
      </c>
      <c r="E3013" s="6">
        <v>1148.0139999999999</v>
      </c>
    </row>
    <row r="3014" spans="4:5" x14ac:dyDescent="0.25">
      <c r="D3014" s="6">
        <v>918.11369999999999</v>
      </c>
      <c r="E3014" s="6">
        <v>930.63130000000001</v>
      </c>
    </row>
    <row r="3015" spans="4:5" x14ac:dyDescent="0.25">
      <c r="D3015" s="6">
        <v>612.10900000000004</v>
      </c>
      <c r="E3015" s="6">
        <v>1186.521</v>
      </c>
    </row>
    <row r="3016" spans="4:5" x14ac:dyDescent="0.25">
      <c r="D3016" s="6">
        <v>1736.057</v>
      </c>
      <c r="E3016" s="6">
        <v>1490.807</v>
      </c>
    </row>
    <row r="3017" spans="4:5" x14ac:dyDescent="0.25">
      <c r="D3017" s="6">
        <v>701.05380000000002</v>
      </c>
      <c r="E3017" s="6">
        <v>1037.9970000000001</v>
      </c>
    </row>
    <row r="3018" spans="4:5" x14ac:dyDescent="0.25">
      <c r="D3018" s="6">
        <v>4538.5159999999996</v>
      </c>
      <c r="E3018" s="6">
        <v>1076.799</v>
      </c>
    </row>
    <row r="3019" spans="4:5" x14ac:dyDescent="0.25">
      <c r="D3019" s="6">
        <v>1724.787</v>
      </c>
      <c r="E3019" s="6">
        <v>913.08879999999999</v>
      </c>
    </row>
    <row r="3020" spans="4:5" x14ac:dyDescent="0.25">
      <c r="D3020" s="6">
        <v>1428.704</v>
      </c>
      <c r="E3020" s="6">
        <v>904.65700000000004</v>
      </c>
    </row>
    <row r="3021" spans="4:5" x14ac:dyDescent="0.25">
      <c r="D3021" s="6">
        <v>823.03970000000004</v>
      </c>
      <c r="E3021" s="6">
        <v>856.30039999999997</v>
      </c>
    </row>
    <row r="3022" spans="4:5" x14ac:dyDescent="0.25">
      <c r="D3022" s="6">
        <v>4811.9059999999999</v>
      </c>
      <c r="E3022" s="6">
        <v>3048.002</v>
      </c>
    </row>
    <row r="3023" spans="4:5" x14ac:dyDescent="0.25">
      <c r="D3023" s="6">
        <v>1183.5050000000001</v>
      </c>
      <c r="E3023" s="6">
        <v>731.79639999999995</v>
      </c>
    </row>
    <row r="3024" spans="4:5" x14ac:dyDescent="0.25">
      <c r="D3024" s="6">
        <v>2203.0729999999999</v>
      </c>
      <c r="E3024" s="6">
        <v>1421.54</v>
      </c>
    </row>
    <row r="3025" spans="4:5" x14ac:dyDescent="0.25">
      <c r="D3025" s="6">
        <v>765.12419999999997</v>
      </c>
      <c r="E3025" s="6">
        <v>1822.924</v>
      </c>
    </row>
    <row r="3026" spans="4:5" x14ac:dyDescent="0.25">
      <c r="D3026" s="6">
        <v>885.0222</v>
      </c>
      <c r="E3026" s="6">
        <v>2395.777</v>
      </c>
    </row>
    <row r="3027" spans="4:5" x14ac:dyDescent="0.25">
      <c r="D3027" s="6">
        <v>666.03920000000005</v>
      </c>
      <c r="E3027" s="6">
        <v>527.61630000000002</v>
      </c>
    </row>
    <row r="3028" spans="4:5" x14ac:dyDescent="0.25">
      <c r="D3028" s="6">
        <v>603.03579999999999</v>
      </c>
      <c r="E3028" s="6">
        <v>576.07389999999998</v>
      </c>
    </row>
    <row r="3029" spans="4:5" x14ac:dyDescent="0.25">
      <c r="D3029" s="6">
        <v>4898.3789999999999</v>
      </c>
      <c r="E3029" s="6">
        <v>1329.9549999999999</v>
      </c>
    </row>
    <row r="3030" spans="4:5" x14ac:dyDescent="0.25">
      <c r="D3030" s="6">
        <v>5538.0129999999999</v>
      </c>
      <c r="E3030" s="6">
        <v>2758.8760000000002</v>
      </c>
    </row>
    <row r="3031" spans="4:5" x14ac:dyDescent="0.25">
      <c r="D3031" s="6">
        <v>611.07380000000001</v>
      </c>
      <c r="E3031" s="6">
        <v>3515.489</v>
      </c>
    </row>
    <row r="3032" spans="4:5" x14ac:dyDescent="0.25">
      <c r="D3032" s="6">
        <v>1214.8510000000001</v>
      </c>
      <c r="E3032" s="6">
        <v>2736.6469999999999</v>
      </c>
    </row>
    <row r="3033" spans="4:5" x14ac:dyDescent="0.25">
      <c r="D3033" s="6">
        <v>1636.6769999999999</v>
      </c>
      <c r="E3033" s="6">
        <v>3293.5549999999998</v>
      </c>
    </row>
    <row r="3034" spans="4:5" x14ac:dyDescent="0.25">
      <c r="D3034" s="6">
        <v>4946.0249999999996</v>
      </c>
      <c r="E3034" s="6">
        <v>771.58040000000005</v>
      </c>
    </row>
    <row r="3035" spans="4:5" x14ac:dyDescent="0.25">
      <c r="D3035" s="6">
        <v>2201.92</v>
      </c>
      <c r="E3035" s="6">
        <v>3473.741</v>
      </c>
    </row>
    <row r="3036" spans="4:5" x14ac:dyDescent="0.25">
      <c r="D3036" s="6">
        <v>1201.5119999999999</v>
      </c>
      <c r="E3036" s="6">
        <v>2317.067</v>
      </c>
    </row>
    <row r="3037" spans="4:5" x14ac:dyDescent="0.25">
      <c r="D3037" s="6">
        <v>6398</v>
      </c>
      <c r="E3037" s="6">
        <v>1894.7829999999999</v>
      </c>
    </row>
    <row r="3038" spans="4:5" x14ac:dyDescent="0.25">
      <c r="D3038" s="6">
        <v>515.78489999999999</v>
      </c>
      <c r="E3038" s="6">
        <v>3355.857</v>
      </c>
    </row>
    <row r="3039" spans="4:5" x14ac:dyDescent="0.25">
      <c r="D3039" s="6">
        <v>738.1173</v>
      </c>
      <c r="E3039" s="6">
        <v>1269.627</v>
      </c>
    </row>
    <row r="3040" spans="4:5" x14ac:dyDescent="0.25">
      <c r="D3040" s="6">
        <v>2414.4450000000002</v>
      </c>
      <c r="E3040" s="6">
        <v>917.37760000000003</v>
      </c>
    </row>
    <row r="3041" spans="4:5" x14ac:dyDescent="0.25">
      <c r="D3041" s="6">
        <v>841</v>
      </c>
      <c r="E3041" s="6">
        <v>6247.0169999999998</v>
      </c>
    </row>
    <row r="3042" spans="4:5" x14ac:dyDescent="0.25">
      <c r="D3042" s="6">
        <v>5165.2359999999999</v>
      </c>
      <c r="E3042" s="6">
        <v>2256.2910000000002</v>
      </c>
    </row>
    <row r="3043" spans="4:5" x14ac:dyDescent="0.25">
      <c r="D3043" s="6">
        <v>757.37030000000004</v>
      </c>
      <c r="E3043" s="6">
        <v>903.90899999999999</v>
      </c>
    </row>
    <row r="3044" spans="4:5" x14ac:dyDescent="0.25">
      <c r="D3044" s="6">
        <v>5886.8320000000003</v>
      </c>
      <c r="E3044" s="6">
        <v>696.71220000000005</v>
      </c>
    </row>
    <row r="3045" spans="4:5" x14ac:dyDescent="0.25">
      <c r="D3045" s="6">
        <v>554.60479999999995</v>
      </c>
      <c r="E3045" s="6">
        <v>1512.2</v>
      </c>
    </row>
    <row r="3046" spans="4:5" x14ac:dyDescent="0.25">
      <c r="D3046" s="6">
        <v>898.64189999999996</v>
      </c>
      <c r="E3046" s="6">
        <v>7021.3209999999999</v>
      </c>
    </row>
    <row r="3047" spans="4:5" x14ac:dyDescent="0.25">
      <c r="D3047" s="6">
        <v>1327.4649999999999</v>
      </c>
      <c r="E3047" s="6">
        <v>783.87019999999995</v>
      </c>
    </row>
    <row r="3048" spans="4:5" x14ac:dyDescent="0.25">
      <c r="D3048" s="6">
        <v>1823.58</v>
      </c>
      <c r="E3048" s="6">
        <v>340.63679999999999</v>
      </c>
    </row>
    <row r="3049" spans="4:5" x14ac:dyDescent="0.25">
      <c r="D3049" s="6">
        <v>733.74659999999994</v>
      </c>
      <c r="E3049" s="6">
        <v>1146.443</v>
      </c>
    </row>
    <row r="3050" spans="4:5" x14ac:dyDescent="0.25">
      <c r="D3050" s="6">
        <v>5680.8559999999998</v>
      </c>
      <c r="E3050" s="6">
        <v>2532.16</v>
      </c>
    </row>
    <row r="3051" spans="4:5" x14ac:dyDescent="0.25">
      <c r="D3051" s="6">
        <v>629.01509999999996</v>
      </c>
      <c r="E3051" s="6">
        <v>893.53210000000001</v>
      </c>
    </row>
    <row r="3052" spans="4:5" x14ac:dyDescent="0.25">
      <c r="D3052" s="6">
        <v>778.32280000000003</v>
      </c>
      <c r="E3052" s="6">
        <v>2054.1979999999999</v>
      </c>
    </row>
    <row r="3053" spans="4:5" x14ac:dyDescent="0.25">
      <c r="D3053" s="6">
        <v>633.2242</v>
      </c>
      <c r="E3053" s="6">
        <v>2510.5059999999999</v>
      </c>
    </row>
    <row r="3054" spans="4:5" x14ac:dyDescent="0.25">
      <c r="D3054" s="6">
        <v>933.56190000000004</v>
      </c>
      <c r="E3054" s="6">
        <v>3143.3330000000001</v>
      </c>
    </row>
    <row r="3055" spans="4:5" x14ac:dyDescent="0.25">
      <c r="D3055" s="6">
        <v>692.4393</v>
      </c>
      <c r="E3055" s="6">
        <v>3465.88</v>
      </c>
    </row>
    <row r="3056" spans="4:5" x14ac:dyDescent="0.25">
      <c r="D3056" s="6">
        <v>4781.3029999999999</v>
      </c>
      <c r="E3056" s="6">
        <v>673.99800000000005</v>
      </c>
    </row>
    <row r="3057" spans="4:5" x14ac:dyDescent="0.25">
      <c r="D3057" s="6">
        <v>1070.6279999999999</v>
      </c>
      <c r="E3057" s="6">
        <v>2812.7669999999998</v>
      </c>
    </row>
    <row r="3058" spans="4:5" x14ac:dyDescent="0.25">
      <c r="D3058" s="6">
        <v>645.11159999999995</v>
      </c>
      <c r="E3058" s="6">
        <v>2515.5</v>
      </c>
    </row>
    <row r="3059" spans="4:5" x14ac:dyDescent="0.25">
      <c r="D3059" s="6">
        <v>5807.56</v>
      </c>
      <c r="E3059" s="6">
        <v>2973.3330000000001</v>
      </c>
    </row>
    <row r="3060" spans="4:5" x14ac:dyDescent="0.25">
      <c r="D3060" s="6">
        <v>792.95820000000003</v>
      </c>
      <c r="E3060" s="6">
        <v>722.77459999999996</v>
      </c>
    </row>
    <row r="3061" spans="4:5" x14ac:dyDescent="0.25">
      <c r="D3061" s="6">
        <v>1657.5740000000001</v>
      </c>
      <c r="E3061" s="6">
        <v>975.88630000000001</v>
      </c>
    </row>
    <row r="3062" spans="4:5" x14ac:dyDescent="0.25">
      <c r="D3062" s="6">
        <v>4732.1030000000001</v>
      </c>
      <c r="E3062" s="6">
        <v>836.03629999999998</v>
      </c>
    </row>
    <row r="3063" spans="4:5" x14ac:dyDescent="0.25">
      <c r="D3063" s="6">
        <v>725.5</v>
      </c>
      <c r="E3063" s="6">
        <v>2870.8939999999998</v>
      </c>
    </row>
    <row r="3064" spans="4:5" x14ac:dyDescent="0.25">
      <c r="D3064" s="6">
        <v>1016.248</v>
      </c>
      <c r="E3064" s="6">
        <v>618.77779999999996</v>
      </c>
    </row>
    <row r="3065" spans="4:5" x14ac:dyDescent="0.25">
      <c r="D3065" s="6">
        <v>705.91470000000004</v>
      </c>
      <c r="E3065" s="6">
        <v>3581.5369999999998</v>
      </c>
    </row>
    <row r="3066" spans="4:5" x14ac:dyDescent="0.25">
      <c r="D3066" s="6">
        <v>655.22850000000005</v>
      </c>
      <c r="E3066" s="6">
        <v>533.52980000000002</v>
      </c>
    </row>
    <row r="3067" spans="4:5" x14ac:dyDescent="0.25">
      <c r="D3067" s="6">
        <v>1244.248</v>
      </c>
      <c r="E3067" s="6">
        <v>1825.84</v>
      </c>
    </row>
    <row r="3068" spans="4:5" x14ac:dyDescent="0.25">
      <c r="D3068" s="6">
        <v>1520.241</v>
      </c>
      <c r="E3068" s="6">
        <v>814.93299999999999</v>
      </c>
    </row>
    <row r="3069" spans="4:5" x14ac:dyDescent="0.25">
      <c r="D3069" s="6">
        <v>765.12139999999999</v>
      </c>
      <c r="E3069" s="6">
        <v>3189.8130000000001</v>
      </c>
    </row>
    <row r="3070" spans="4:5" x14ac:dyDescent="0.25">
      <c r="D3070" s="6">
        <v>3355.3519999999999</v>
      </c>
      <c r="E3070" s="6">
        <v>3944.6410000000001</v>
      </c>
    </row>
    <row r="3071" spans="4:5" x14ac:dyDescent="0.25">
      <c r="D3071" s="6">
        <v>826.06320000000005</v>
      </c>
      <c r="E3071" s="6">
        <v>949.76959999999997</v>
      </c>
    </row>
    <row r="3072" spans="4:5" x14ac:dyDescent="0.25">
      <c r="D3072" s="6">
        <v>6340.0309999999999</v>
      </c>
      <c r="E3072" s="6">
        <v>785.36099999999999</v>
      </c>
    </row>
    <row r="3073" spans="4:5" x14ac:dyDescent="0.25">
      <c r="D3073" s="6">
        <v>1472.42</v>
      </c>
      <c r="E3073" s="6">
        <v>3322.1669999999999</v>
      </c>
    </row>
    <row r="3074" spans="4:5" x14ac:dyDescent="0.25">
      <c r="D3074" s="6">
        <v>5212.1639999999998</v>
      </c>
      <c r="E3074" s="6">
        <v>866.27269999999999</v>
      </c>
    </row>
    <row r="3075" spans="4:5" x14ac:dyDescent="0.25">
      <c r="D3075" s="6">
        <v>1689.3330000000001</v>
      </c>
      <c r="E3075" s="6">
        <v>1217.45</v>
      </c>
    </row>
    <row r="3076" spans="4:5" x14ac:dyDescent="0.25">
      <c r="D3076" s="6">
        <v>708.45510000000002</v>
      </c>
      <c r="E3076" s="6">
        <v>940.60519999999997</v>
      </c>
    </row>
    <row r="3077" spans="4:5" x14ac:dyDescent="0.25">
      <c r="D3077" s="6">
        <v>3500.5920000000001</v>
      </c>
      <c r="E3077" s="6">
        <v>950.10170000000005</v>
      </c>
    </row>
    <row r="3078" spans="4:5" x14ac:dyDescent="0.25">
      <c r="D3078" s="6">
        <v>775.60249999999996</v>
      </c>
      <c r="E3078" s="6">
        <v>2308.473</v>
      </c>
    </row>
    <row r="3079" spans="4:5" x14ac:dyDescent="0.25">
      <c r="D3079" s="6">
        <v>1153.373</v>
      </c>
      <c r="E3079" s="6">
        <v>3283.68</v>
      </c>
    </row>
    <row r="3080" spans="4:5" x14ac:dyDescent="0.25">
      <c r="D3080" s="6">
        <v>5418.0950000000003</v>
      </c>
      <c r="E3080" s="6">
        <v>3360.7829999999999</v>
      </c>
    </row>
    <row r="3081" spans="4:5" x14ac:dyDescent="0.25">
      <c r="D3081" s="6">
        <v>1119.0719999999999</v>
      </c>
      <c r="E3081" s="6">
        <v>1806.2139999999999</v>
      </c>
    </row>
    <row r="3082" spans="4:5" x14ac:dyDescent="0.25">
      <c r="D3082" s="6">
        <v>709.33600000000001</v>
      </c>
      <c r="E3082" s="6">
        <v>842.1576</v>
      </c>
    </row>
    <row r="3083" spans="4:5" x14ac:dyDescent="0.25">
      <c r="D3083" s="6">
        <v>2435.6889999999999</v>
      </c>
      <c r="E3083" s="6">
        <v>500.87150000000003</v>
      </c>
    </row>
    <row r="3084" spans="4:5" x14ac:dyDescent="0.25">
      <c r="D3084" s="6">
        <v>1415.34</v>
      </c>
      <c r="E3084" s="6">
        <v>1686.692</v>
      </c>
    </row>
    <row r="3085" spans="4:5" x14ac:dyDescent="0.25">
      <c r="D3085" s="6">
        <v>5677.6940000000004</v>
      </c>
      <c r="E3085" s="6">
        <v>8698.1319999999996</v>
      </c>
    </row>
    <row r="3086" spans="4:5" x14ac:dyDescent="0.25">
      <c r="D3086" s="6">
        <v>6040.6570000000002</v>
      </c>
      <c r="E3086" s="6">
        <v>2989.1729999999998</v>
      </c>
    </row>
    <row r="3087" spans="4:5" x14ac:dyDescent="0.25">
      <c r="D3087" s="6">
        <v>5114.5140000000001</v>
      </c>
      <c r="E3087" s="6">
        <v>836.03129999999999</v>
      </c>
    </row>
    <row r="3088" spans="4:5" x14ac:dyDescent="0.25">
      <c r="D3088" s="6">
        <v>1132.0820000000001</v>
      </c>
      <c r="E3088" s="6">
        <v>1219.778</v>
      </c>
    </row>
    <row r="3089" spans="4:5" x14ac:dyDescent="0.25">
      <c r="D3089" s="6">
        <v>774.26819999999998</v>
      </c>
      <c r="E3089" s="6">
        <v>3004.415</v>
      </c>
    </row>
    <row r="3090" spans="4:5" x14ac:dyDescent="0.25">
      <c r="D3090" s="6">
        <v>1744.42</v>
      </c>
      <c r="E3090" s="6">
        <v>1373.829</v>
      </c>
    </row>
    <row r="3091" spans="4:5" x14ac:dyDescent="0.25">
      <c r="D3091" s="6">
        <v>5741.55</v>
      </c>
      <c r="E3091" s="6">
        <v>4031.9830000000002</v>
      </c>
    </row>
    <row r="3092" spans="4:5" x14ac:dyDescent="0.25">
      <c r="D3092" s="6">
        <v>2195.1190000000001</v>
      </c>
      <c r="E3092" s="6">
        <v>3750.5659999999998</v>
      </c>
    </row>
    <row r="3093" spans="4:5" x14ac:dyDescent="0.25">
      <c r="D3093" s="6">
        <v>8309.2240000000002</v>
      </c>
      <c r="E3093" s="6">
        <v>1343.67</v>
      </c>
    </row>
    <row r="3094" spans="4:5" x14ac:dyDescent="0.25">
      <c r="D3094" s="6">
        <v>4907.1850000000004</v>
      </c>
      <c r="E3094" s="6">
        <v>2929.0010000000002</v>
      </c>
    </row>
    <row r="3095" spans="4:5" x14ac:dyDescent="0.25">
      <c r="D3095" s="6">
        <v>1293.576</v>
      </c>
      <c r="E3095" s="6">
        <v>1324.585</v>
      </c>
    </row>
    <row r="3096" spans="4:5" x14ac:dyDescent="0.25">
      <c r="D3096" s="6">
        <v>3252.6439999999998</v>
      </c>
      <c r="E3096" s="6">
        <v>2518.3670000000002</v>
      </c>
    </row>
    <row r="3097" spans="4:5" x14ac:dyDescent="0.25">
      <c r="D3097" s="6">
        <v>3865.1880000000001</v>
      </c>
      <c r="E3097" s="6">
        <v>3493.2269999999999</v>
      </c>
    </row>
    <row r="3098" spans="4:5" x14ac:dyDescent="0.25">
      <c r="D3098" s="6">
        <v>655.76980000000003</v>
      </c>
      <c r="E3098" s="6">
        <v>1329.5319999999999</v>
      </c>
    </row>
    <row r="3099" spans="4:5" x14ac:dyDescent="0.25">
      <c r="D3099" s="6">
        <v>5545.643</v>
      </c>
      <c r="E3099" s="6">
        <v>932.94970000000001</v>
      </c>
    </row>
    <row r="3100" spans="4:5" x14ac:dyDescent="0.25">
      <c r="D3100" s="6">
        <v>789.26289999999995</v>
      </c>
      <c r="E3100" s="6">
        <v>1813.828</v>
      </c>
    </row>
    <row r="3101" spans="4:5" x14ac:dyDescent="0.25">
      <c r="D3101" s="6">
        <v>4498.3119999999999</v>
      </c>
      <c r="E3101" s="6">
        <v>808.82280000000003</v>
      </c>
    </row>
    <row r="3102" spans="4:5" x14ac:dyDescent="0.25">
      <c r="D3102" s="6">
        <v>879.64580000000001</v>
      </c>
      <c r="E3102" s="6">
        <v>2346.25</v>
      </c>
    </row>
    <row r="3103" spans="4:5" x14ac:dyDescent="0.25">
      <c r="D3103" s="6">
        <v>1954.56</v>
      </c>
      <c r="E3103" s="6">
        <v>931.23170000000005</v>
      </c>
    </row>
    <row r="3104" spans="4:5" x14ac:dyDescent="0.25">
      <c r="D3104" s="6">
        <v>3016.0909999999999</v>
      </c>
      <c r="E3104" s="6">
        <v>897.43129999999996</v>
      </c>
    </row>
    <row r="3105" spans="4:5" x14ac:dyDescent="0.25">
      <c r="D3105" s="6">
        <v>3105.3919999999998</v>
      </c>
      <c r="E3105" s="6">
        <v>952.09960000000001</v>
      </c>
    </row>
    <row r="3106" spans="4:5" x14ac:dyDescent="0.25">
      <c r="D3106" s="6">
        <v>2407.9830000000002</v>
      </c>
      <c r="E3106" s="6">
        <v>2857.248</v>
      </c>
    </row>
    <row r="3107" spans="4:5" x14ac:dyDescent="0.25">
      <c r="D3107" s="6">
        <v>4299.3059999999996</v>
      </c>
      <c r="E3107" s="6">
        <v>2143.2860000000001</v>
      </c>
    </row>
    <row r="3108" spans="4:5" x14ac:dyDescent="0.25">
      <c r="D3108" s="6">
        <v>893.11609999999996</v>
      </c>
      <c r="E3108" s="6">
        <v>2974.5439999999999</v>
      </c>
    </row>
    <row r="3109" spans="4:5" x14ac:dyDescent="0.25">
      <c r="D3109" s="6">
        <v>782.34109999999998</v>
      </c>
      <c r="E3109" s="6">
        <v>444.11380000000003</v>
      </c>
    </row>
    <row r="3110" spans="4:5" x14ac:dyDescent="0.25">
      <c r="D3110" s="6">
        <v>1600.4690000000001</v>
      </c>
      <c r="E3110" s="6">
        <v>1553.654</v>
      </c>
    </row>
    <row r="3111" spans="4:5" x14ac:dyDescent="0.25">
      <c r="D3111" s="6">
        <v>1180.6610000000001</v>
      </c>
      <c r="E3111" s="6">
        <v>817.02440000000001</v>
      </c>
    </row>
    <row r="3112" spans="4:5" x14ac:dyDescent="0.25">
      <c r="D3112" s="6">
        <v>867.76949999999999</v>
      </c>
      <c r="E3112" s="6">
        <v>940.04520000000002</v>
      </c>
    </row>
    <row r="3113" spans="4:5" x14ac:dyDescent="0.25">
      <c r="D3113" s="6">
        <v>687.07180000000005</v>
      </c>
      <c r="E3113" s="6">
        <v>928.97</v>
      </c>
    </row>
    <row r="3114" spans="4:5" x14ac:dyDescent="0.25">
      <c r="D3114" s="6">
        <v>5276.4430000000002</v>
      </c>
      <c r="E3114" s="6">
        <v>3271.1869999999999</v>
      </c>
    </row>
    <row r="3115" spans="4:5" x14ac:dyDescent="0.25">
      <c r="D3115" s="6">
        <v>1749.567</v>
      </c>
      <c r="E3115" s="6">
        <v>3538.5239999999999</v>
      </c>
    </row>
    <row r="3116" spans="4:5" x14ac:dyDescent="0.25">
      <c r="D3116" s="6">
        <v>5061.4049999999997</v>
      </c>
      <c r="E3116" s="6">
        <v>1947.1479999999999</v>
      </c>
    </row>
    <row r="3117" spans="4:5" x14ac:dyDescent="0.25">
      <c r="D3117" s="6">
        <v>1785.309</v>
      </c>
      <c r="E3117" s="6">
        <v>845.58259999999996</v>
      </c>
    </row>
    <row r="3118" spans="4:5" x14ac:dyDescent="0.25">
      <c r="D3118" s="6">
        <v>5494.5249999999996</v>
      </c>
      <c r="E3118" s="6">
        <v>2839.1950000000002</v>
      </c>
    </row>
    <row r="3119" spans="4:5" x14ac:dyDescent="0.25">
      <c r="D3119" s="6">
        <v>2314.8339999999998</v>
      </c>
      <c r="E3119" s="6">
        <v>1390.425</v>
      </c>
    </row>
    <row r="3120" spans="4:5" x14ac:dyDescent="0.25">
      <c r="D3120" s="6">
        <v>3123.1579999999999</v>
      </c>
      <c r="E3120" s="6">
        <v>3265.9160000000002</v>
      </c>
    </row>
    <row r="3121" spans="4:5" x14ac:dyDescent="0.25">
      <c r="D3121" s="6">
        <v>1813.5139999999999</v>
      </c>
      <c r="E3121" s="6">
        <v>3507.7719999999999</v>
      </c>
    </row>
    <row r="3122" spans="4:5" x14ac:dyDescent="0.25">
      <c r="D3122" s="6">
        <v>2263.4850000000001</v>
      </c>
      <c r="E3122" s="6">
        <v>3427.027</v>
      </c>
    </row>
    <row r="3123" spans="4:5" x14ac:dyDescent="0.25">
      <c r="D3123" s="6">
        <v>1293.9570000000001</v>
      </c>
      <c r="E3123" s="6">
        <v>3256.4969999999998</v>
      </c>
    </row>
    <row r="3124" spans="4:5" x14ac:dyDescent="0.25">
      <c r="D3124" s="6">
        <v>936.27170000000001</v>
      </c>
      <c r="E3124" s="6">
        <v>616.60400000000004</v>
      </c>
    </row>
    <row r="3125" spans="4:5" x14ac:dyDescent="0.25">
      <c r="D3125" s="6">
        <v>691.50279999999998</v>
      </c>
      <c r="E3125" s="6">
        <v>2852.864</v>
      </c>
    </row>
    <row r="3126" spans="4:5" x14ac:dyDescent="0.25">
      <c r="D3126" s="6">
        <v>1031.588</v>
      </c>
      <c r="E3126" s="6">
        <v>1051.4559999999999</v>
      </c>
    </row>
    <row r="3127" spans="4:5" x14ac:dyDescent="0.25">
      <c r="D3127" s="6">
        <v>1265.788</v>
      </c>
      <c r="E3127" s="6">
        <v>1467.377</v>
      </c>
    </row>
    <row r="3128" spans="4:5" x14ac:dyDescent="0.25">
      <c r="D3128" s="6">
        <v>556.94629999999995</v>
      </c>
      <c r="E3128" s="6">
        <v>911.93110000000001</v>
      </c>
    </row>
    <row r="3129" spans="4:5" x14ac:dyDescent="0.25">
      <c r="D3129" s="6">
        <v>1459.2249999999999</v>
      </c>
      <c r="E3129" s="6">
        <v>3694.94</v>
      </c>
    </row>
    <row r="3130" spans="4:5" x14ac:dyDescent="0.25">
      <c r="D3130" s="6">
        <v>1152.5940000000001</v>
      </c>
      <c r="E3130" s="6">
        <v>3031.3679999999999</v>
      </c>
    </row>
    <row r="3131" spans="4:5" x14ac:dyDescent="0.25">
      <c r="D3131" s="6">
        <v>2033.14</v>
      </c>
      <c r="E3131" s="6">
        <v>728.29150000000004</v>
      </c>
    </row>
    <row r="3132" spans="4:5" x14ac:dyDescent="0.25">
      <c r="D3132" s="6">
        <v>737.15430000000003</v>
      </c>
      <c r="E3132" s="6">
        <v>7688.9319999999998</v>
      </c>
    </row>
    <row r="3133" spans="4:5" x14ac:dyDescent="0.25">
      <c r="D3133" s="6">
        <v>943.18830000000003</v>
      </c>
      <c r="E3133" s="6">
        <v>850.73329999999999</v>
      </c>
    </row>
    <row r="3134" spans="4:5" x14ac:dyDescent="0.25">
      <c r="D3134" s="6">
        <v>3314.3429999999998</v>
      </c>
      <c r="E3134" s="6">
        <v>1242.01</v>
      </c>
    </row>
    <row r="3135" spans="4:5" x14ac:dyDescent="0.25">
      <c r="D3135" s="6">
        <v>577.51310000000001</v>
      </c>
      <c r="E3135" s="6">
        <v>4013.297</v>
      </c>
    </row>
    <row r="3136" spans="4:5" x14ac:dyDescent="0.25">
      <c r="D3136" s="6">
        <v>631</v>
      </c>
      <c r="E3136" s="6">
        <v>2674.2649999999999</v>
      </c>
    </row>
    <row r="3137" spans="4:5" x14ac:dyDescent="0.25">
      <c r="D3137" s="6">
        <v>641.66319999999996</v>
      </c>
      <c r="E3137" s="6">
        <v>690.18380000000002</v>
      </c>
    </row>
    <row r="3138" spans="4:5" x14ac:dyDescent="0.25">
      <c r="D3138" s="6">
        <v>836.47979999999995</v>
      </c>
      <c r="E3138" s="6">
        <v>2957.1610000000001</v>
      </c>
    </row>
    <row r="3139" spans="4:5" x14ac:dyDescent="0.25">
      <c r="D3139" s="6">
        <v>649.9828</v>
      </c>
      <c r="E3139" s="6">
        <v>3309.8510000000001</v>
      </c>
    </row>
    <row r="3140" spans="4:5" x14ac:dyDescent="0.25">
      <c r="D3140" s="6">
        <v>780.70839999999998</v>
      </c>
      <c r="E3140" s="6">
        <v>2602.4720000000002</v>
      </c>
    </row>
    <row r="3141" spans="4:5" x14ac:dyDescent="0.25">
      <c r="D3141" s="6">
        <v>788.54269999999997</v>
      </c>
      <c r="E3141" s="6">
        <v>3068.34</v>
      </c>
    </row>
    <row r="3142" spans="4:5" x14ac:dyDescent="0.25">
      <c r="D3142" s="6">
        <v>4720.3779999999997</v>
      </c>
      <c r="E3142" s="6">
        <v>1137.8009999999999</v>
      </c>
    </row>
    <row r="3143" spans="4:5" x14ac:dyDescent="0.25">
      <c r="D3143" s="6">
        <v>1166.6669999999999</v>
      </c>
      <c r="E3143" s="6">
        <v>4095.3</v>
      </c>
    </row>
    <row r="3144" spans="4:5" x14ac:dyDescent="0.25">
      <c r="D3144" s="6">
        <v>3770.1350000000002</v>
      </c>
      <c r="E3144" s="6">
        <v>1283.8869999999999</v>
      </c>
    </row>
    <row r="3145" spans="4:5" x14ac:dyDescent="0.25">
      <c r="D3145" s="6">
        <v>607.52739999999994</v>
      </c>
      <c r="E3145" s="6">
        <v>5114.9399999999996</v>
      </c>
    </row>
    <row r="3146" spans="4:5" x14ac:dyDescent="0.25">
      <c r="D3146" s="6">
        <v>782.77440000000001</v>
      </c>
      <c r="E3146" s="6">
        <v>546.29010000000005</v>
      </c>
    </row>
    <row r="3147" spans="4:5" x14ac:dyDescent="0.25">
      <c r="D3147" s="6">
        <v>505.71899999999999</v>
      </c>
      <c r="E3147" s="6">
        <v>2403.279</v>
      </c>
    </row>
    <row r="3148" spans="4:5" x14ac:dyDescent="0.25">
      <c r="D3148" s="6">
        <v>1579.4059999999999</v>
      </c>
      <c r="E3148" s="6">
        <v>2900.3449999999998</v>
      </c>
    </row>
    <row r="3149" spans="4:5" x14ac:dyDescent="0.25">
      <c r="D3149" s="6">
        <v>641.33640000000003</v>
      </c>
      <c r="E3149" s="6">
        <v>2862.64</v>
      </c>
    </row>
    <row r="3150" spans="4:5" x14ac:dyDescent="0.25">
      <c r="D3150" s="6">
        <v>3357.1790000000001</v>
      </c>
      <c r="E3150" s="6">
        <v>622.41880000000003</v>
      </c>
    </row>
    <row r="3151" spans="4:5" x14ac:dyDescent="0.25">
      <c r="D3151" s="6">
        <v>674.23260000000005</v>
      </c>
      <c r="E3151" s="6">
        <v>719.74940000000004</v>
      </c>
    </row>
    <row r="3152" spans="4:5" x14ac:dyDescent="0.25">
      <c r="D3152" s="6">
        <v>5268.2640000000001</v>
      </c>
      <c r="E3152" s="6">
        <v>1902.5509999999999</v>
      </c>
    </row>
    <row r="3153" spans="4:5" x14ac:dyDescent="0.25">
      <c r="D3153" s="6">
        <v>1105.296</v>
      </c>
      <c r="E3153" s="6">
        <v>1301.5899999999999</v>
      </c>
    </row>
    <row r="3154" spans="4:5" x14ac:dyDescent="0.25">
      <c r="D3154" s="6">
        <v>1178.376</v>
      </c>
      <c r="E3154" s="6">
        <v>725.91790000000003</v>
      </c>
    </row>
    <row r="3155" spans="4:5" x14ac:dyDescent="0.25">
      <c r="D3155" s="6">
        <v>744.48320000000001</v>
      </c>
      <c r="E3155" s="6">
        <v>2696.0929999999998</v>
      </c>
    </row>
    <row r="3156" spans="4:5" x14ac:dyDescent="0.25">
      <c r="D3156" s="6">
        <v>4619.9030000000002</v>
      </c>
      <c r="E3156" s="6">
        <v>594.4</v>
      </c>
    </row>
    <row r="3157" spans="4:5" x14ac:dyDescent="0.25">
      <c r="D3157" s="6">
        <v>1283.7729999999999</v>
      </c>
      <c r="E3157" s="6">
        <v>1145.973</v>
      </c>
    </row>
    <row r="3158" spans="4:5" x14ac:dyDescent="0.25">
      <c r="D3158" s="6">
        <v>5051.4859999999999</v>
      </c>
      <c r="E3158" s="6">
        <v>1789.5</v>
      </c>
    </row>
    <row r="3159" spans="4:5" x14ac:dyDescent="0.25">
      <c r="D3159" s="6">
        <v>2413.2759999999998</v>
      </c>
      <c r="E3159" s="6">
        <v>891.32939999999996</v>
      </c>
    </row>
    <row r="3160" spans="4:5" x14ac:dyDescent="0.25">
      <c r="D3160" s="6">
        <v>1948.3140000000001</v>
      </c>
      <c r="E3160" s="6">
        <v>447.24189999999999</v>
      </c>
    </row>
    <row r="3161" spans="4:5" x14ac:dyDescent="0.25">
      <c r="D3161" s="6">
        <v>3203.375</v>
      </c>
      <c r="E3161" s="6">
        <v>3960.5459999999998</v>
      </c>
    </row>
    <row r="3162" spans="4:5" x14ac:dyDescent="0.25">
      <c r="D3162" s="6">
        <v>694.84159999999997</v>
      </c>
      <c r="E3162" s="6">
        <v>1082.4559999999999</v>
      </c>
    </row>
    <row r="3163" spans="4:5" x14ac:dyDescent="0.25">
      <c r="D3163" s="6">
        <v>1098.886</v>
      </c>
      <c r="E3163" s="6">
        <v>927.45569999999998</v>
      </c>
    </row>
    <row r="3164" spans="4:5" x14ac:dyDescent="0.25">
      <c r="D3164" s="6">
        <v>1070.0550000000001</v>
      </c>
      <c r="E3164" s="6">
        <v>1473.28</v>
      </c>
    </row>
    <row r="3165" spans="4:5" x14ac:dyDescent="0.25">
      <c r="D3165" s="6">
        <v>702.00649999999996</v>
      </c>
      <c r="E3165" s="6">
        <v>3377.4690000000001</v>
      </c>
    </row>
    <row r="3166" spans="4:5" x14ac:dyDescent="0.25">
      <c r="D3166" s="6">
        <v>2880.57</v>
      </c>
      <c r="E3166" s="6">
        <v>1235.904</v>
      </c>
    </row>
    <row r="3167" spans="4:5" x14ac:dyDescent="0.25">
      <c r="D3167" s="6">
        <v>571.1748</v>
      </c>
      <c r="E3167" s="6">
        <v>651.87390000000005</v>
      </c>
    </row>
    <row r="3168" spans="4:5" x14ac:dyDescent="0.25">
      <c r="D3168" s="6">
        <v>1239.7660000000001</v>
      </c>
      <c r="E3168" s="6">
        <v>3853.723</v>
      </c>
    </row>
    <row r="3169" spans="4:5" x14ac:dyDescent="0.25">
      <c r="D3169" s="6">
        <v>6387.8760000000002</v>
      </c>
      <c r="E3169" s="6">
        <v>1399.384</v>
      </c>
    </row>
    <row r="3170" spans="4:5" x14ac:dyDescent="0.25">
      <c r="D3170" s="6">
        <v>619.51670000000001</v>
      </c>
      <c r="E3170" s="6">
        <v>897.81690000000003</v>
      </c>
    </row>
    <row r="3171" spans="4:5" x14ac:dyDescent="0.25">
      <c r="D3171" s="6">
        <v>620.56889999999999</v>
      </c>
      <c r="E3171" s="6">
        <v>3539.5419999999999</v>
      </c>
    </row>
    <row r="3172" spans="4:5" x14ac:dyDescent="0.25">
      <c r="D3172" s="6">
        <v>4946.9480000000003</v>
      </c>
      <c r="E3172" s="6">
        <v>955.22170000000006</v>
      </c>
    </row>
    <row r="3173" spans="4:5" x14ac:dyDescent="0.25">
      <c r="D3173" s="6">
        <v>820.75009999999997</v>
      </c>
      <c r="E3173" s="6">
        <v>921.23509999999999</v>
      </c>
    </row>
    <row r="3174" spans="4:5" x14ac:dyDescent="0.25">
      <c r="D3174" s="6">
        <v>880.23609999999996</v>
      </c>
      <c r="E3174" s="6">
        <v>1370.616</v>
      </c>
    </row>
    <row r="3175" spans="4:5" x14ac:dyDescent="0.25">
      <c r="D3175" s="6">
        <v>1665.836</v>
      </c>
      <c r="E3175" s="6">
        <v>564.22310000000004</v>
      </c>
    </row>
    <row r="3176" spans="4:5" x14ac:dyDescent="0.25">
      <c r="D3176" s="6">
        <v>5259.4359999999997</v>
      </c>
      <c r="E3176" s="6">
        <v>1289.854</v>
      </c>
    </row>
    <row r="3177" spans="4:5" x14ac:dyDescent="0.25">
      <c r="D3177" s="6">
        <v>13115</v>
      </c>
      <c r="E3177" s="6">
        <v>1098.6579999999999</v>
      </c>
    </row>
    <row r="3178" spans="4:5" x14ac:dyDescent="0.25">
      <c r="D3178" s="6">
        <v>1999</v>
      </c>
      <c r="E3178" s="6">
        <v>2681.4259999999999</v>
      </c>
    </row>
    <row r="3179" spans="4:5" x14ac:dyDescent="0.25">
      <c r="D3179" s="6">
        <v>938.30640000000005</v>
      </c>
      <c r="E3179" s="6">
        <v>2696.578</v>
      </c>
    </row>
    <row r="3180" spans="4:5" x14ac:dyDescent="0.25">
      <c r="D3180" s="6">
        <v>2660.683</v>
      </c>
      <c r="E3180" s="6">
        <v>3324.67</v>
      </c>
    </row>
    <row r="3181" spans="4:5" x14ac:dyDescent="0.25">
      <c r="D3181" s="6">
        <v>972.85990000000004</v>
      </c>
      <c r="E3181" s="6">
        <v>1103.192</v>
      </c>
    </row>
    <row r="3182" spans="4:5" x14ac:dyDescent="0.25">
      <c r="D3182" s="6">
        <v>1594.672</v>
      </c>
      <c r="E3182" s="6">
        <v>2586.8429999999998</v>
      </c>
    </row>
    <row r="3183" spans="4:5" x14ac:dyDescent="0.25">
      <c r="D3183" s="6">
        <v>5807.0990000000002</v>
      </c>
      <c r="E3183" s="6">
        <v>2911.7820000000002</v>
      </c>
    </row>
    <row r="3184" spans="4:5" x14ac:dyDescent="0.25">
      <c r="D3184" s="6">
        <v>867.48779999999999</v>
      </c>
      <c r="E3184" s="6">
        <v>3209.18</v>
      </c>
    </row>
    <row r="3185" spans="4:5" x14ac:dyDescent="0.25">
      <c r="D3185" s="6">
        <v>5211.8230000000003</v>
      </c>
      <c r="E3185" s="6">
        <v>849.50260000000003</v>
      </c>
    </row>
    <row r="3186" spans="4:5" x14ac:dyDescent="0.25">
      <c r="D3186" s="6">
        <v>831.94709999999998</v>
      </c>
      <c r="E3186" s="6">
        <v>1282.9839999999999</v>
      </c>
    </row>
    <row r="3187" spans="4:5" x14ac:dyDescent="0.25">
      <c r="D3187" s="6">
        <v>663.39660000000003</v>
      </c>
      <c r="E3187" s="6">
        <v>775.73289999999997</v>
      </c>
    </row>
    <row r="3188" spans="4:5" x14ac:dyDescent="0.25">
      <c r="D3188" s="6">
        <v>596.00239999999997</v>
      </c>
      <c r="E3188" s="6">
        <v>983.38229999999999</v>
      </c>
    </row>
    <row r="3189" spans="4:5" x14ac:dyDescent="0.25">
      <c r="D3189" s="6">
        <v>661.6046</v>
      </c>
      <c r="E3189" s="6">
        <v>1582.9960000000001</v>
      </c>
    </row>
    <row r="3190" spans="4:5" x14ac:dyDescent="0.25">
      <c r="D3190" s="6">
        <v>832.4</v>
      </c>
      <c r="E3190" s="6">
        <v>823.26250000000005</v>
      </c>
    </row>
    <row r="3191" spans="4:5" x14ac:dyDescent="0.25">
      <c r="D3191" s="6">
        <v>6316.8019999999997</v>
      </c>
      <c r="E3191" s="6">
        <v>3696.9830000000002</v>
      </c>
    </row>
    <row r="3192" spans="4:5" x14ac:dyDescent="0.25">
      <c r="D3192" s="6">
        <v>3731.942</v>
      </c>
      <c r="E3192" s="6">
        <v>575.61360000000002</v>
      </c>
    </row>
    <row r="3193" spans="4:5" x14ac:dyDescent="0.25">
      <c r="D3193" s="6">
        <v>1268.556</v>
      </c>
      <c r="E3193" s="6">
        <v>1016.213</v>
      </c>
    </row>
    <row r="3194" spans="4:5" x14ac:dyDescent="0.25">
      <c r="D3194" s="6">
        <v>2080.4029999999998</v>
      </c>
      <c r="E3194" s="6">
        <v>954.51390000000004</v>
      </c>
    </row>
    <row r="3195" spans="4:5" x14ac:dyDescent="0.25">
      <c r="D3195" s="6">
        <v>4539.991</v>
      </c>
      <c r="E3195" s="6">
        <v>2807.7249999999999</v>
      </c>
    </row>
    <row r="3196" spans="4:5" x14ac:dyDescent="0.25">
      <c r="D3196" s="6">
        <v>1514.1759999999999</v>
      </c>
      <c r="E3196" s="6">
        <v>814.32989999999995</v>
      </c>
    </row>
    <row r="3197" spans="4:5" x14ac:dyDescent="0.25">
      <c r="D3197" s="6">
        <v>1732.625</v>
      </c>
      <c r="E3197" s="6">
        <v>2592.81</v>
      </c>
    </row>
    <row r="3198" spans="4:5" x14ac:dyDescent="0.25">
      <c r="D3198" s="6">
        <v>1113.194</v>
      </c>
      <c r="E3198" s="6">
        <v>3514.6060000000002</v>
      </c>
    </row>
    <row r="3199" spans="4:5" x14ac:dyDescent="0.25">
      <c r="D3199" s="6">
        <v>1253.066</v>
      </c>
      <c r="E3199" s="6">
        <v>2150.7190000000001</v>
      </c>
    </row>
    <row r="3200" spans="4:5" x14ac:dyDescent="0.25">
      <c r="D3200" s="6">
        <v>5363.1559999999999</v>
      </c>
      <c r="E3200" s="6">
        <v>1776.5070000000001</v>
      </c>
    </row>
    <row r="3201" spans="4:5" x14ac:dyDescent="0.25">
      <c r="D3201" s="6">
        <v>5741.8630000000003</v>
      </c>
      <c r="E3201" s="6">
        <v>2531.65</v>
      </c>
    </row>
    <row r="3202" spans="4:5" x14ac:dyDescent="0.25">
      <c r="D3202" s="6">
        <v>685.42439999999999</v>
      </c>
      <c r="E3202" s="6">
        <v>1122.7139999999999</v>
      </c>
    </row>
    <row r="3203" spans="4:5" x14ac:dyDescent="0.25">
      <c r="D3203" s="6">
        <v>5912.3760000000002</v>
      </c>
      <c r="E3203" s="6">
        <v>3287.317</v>
      </c>
    </row>
    <row r="3204" spans="4:5" x14ac:dyDescent="0.25">
      <c r="D3204" s="6">
        <v>6082.2619999999997</v>
      </c>
      <c r="E3204" s="6">
        <v>823.32230000000004</v>
      </c>
    </row>
    <row r="3205" spans="4:5" x14ac:dyDescent="0.25">
      <c r="D3205" s="6">
        <v>5342.5870000000004</v>
      </c>
      <c r="E3205" s="6">
        <v>1758.4449999999999</v>
      </c>
    </row>
    <row r="3206" spans="4:5" x14ac:dyDescent="0.25">
      <c r="D3206" s="6">
        <v>7666.1940000000004</v>
      </c>
      <c r="E3206" s="6">
        <v>3125.529</v>
      </c>
    </row>
    <row r="3207" spans="4:5" x14ac:dyDescent="0.25">
      <c r="D3207" s="6">
        <v>714.01639999999998</v>
      </c>
      <c r="E3207" s="6">
        <v>3836.703</v>
      </c>
    </row>
    <row r="3208" spans="4:5" x14ac:dyDescent="0.25">
      <c r="D3208" s="6">
        <v>770.0308</v>
      </c>
      <c r="E3208" s="6">
        <v>1842.943</v>
      </c>
    </row>
    <row r="3209" spans="4:5" x14ac:dyDescent="0.25">
      <c r="D3209" s="6">
        <v>3229.53</v>
      </c>
      <c r="E3209" s="6">
        <v>976.85550000000001</v>
      </c>
    </row>
    <row r="3210" spans="4:5" x14ac:dyDescent="0.25">
      <c r="D3210" s="6">
        <v>4224.4390000000003</v>
      </c>
      <c r="E3210" s="6">
        <v>6088.5280000000002</v>
      </c>
    </row>
    <row r="3211" spans="4:5" x14ac:dyDescent="0.25">
      <c r="D3211" s="6">
        <v>756.41849999999999</v>
      </c>
      <c r="E3211" s="6">
        <v>781.09140000000002</v>
      </c>
    </row>
    <row r="3212" spans="4:5" x14ac:dyDescent="0.25">
      <c r="D3212" s="6">
        <v>933.86699999999996</v>
      </c>
      <c r="E3212" s="6">
        <v>3434.1129999999998</v>
      </c>
    </row>
    <row r="3213" spans="4:5" x14ac:dyDescent="0.25">
      <c r="D3213" s="6">
        <v>1702.028</v>
      </c>
      <c r="E3213" s="6">
        <v>872.61950000000002</v>
      </c>
    </row>
    <row r="3214" spans="4:5" x14ac:dyDescent="0.25">
      <c r="D3214" s="6">
        <v>847.80219999999997</v>
      </c>
      <c r="E3214" s="6">
        <v>533.05629999999996</v>
      </c>
    </row>
    <row r="3215" spans="4:5" x14ac:dyDescent="0.25">
      <c r="D3215" s="6">
        <v>3342.5889999999999</v>
      </c>
      <c r="E3215" s="6">
        <v>1788.502</v>
      </c>
    </row>
    <row r="3216" spans="4:5" x14ac:dyDescent="0.25">
      <c r="D3216" s="6">
        <v>3282.248</v>
      </c>
      <c r="E3216" s="6">
        <v>922.0376</v>
      </c>
    </row>
    <row r="3217" spans="4:5" x14ac:dyDescent="0.25">
      <c r="D3217" s="6">
        <v>713.47559999999999</v>
      </c>
      <c r="E3217" s="6">
        <v>3562.0940000000001</v>
      </c>
    </row>
    <row r="3218" spans="4:5" x14ac:dyDescent="0.25">
      <c r="D3218" s="6">
        <v>5943.6040000000003</v>
      </c>
      <c r="E3218" s="6">
        <v>775.92920000000004</v>
      </c>
    </row>
    <row r="3219" spans="4:5" x14ac:dyDescent="0.25">
      <c r="D3219" s="6">
        <v>631.78570000000002</v>
      </c>
      <c r="E3219" s="6">
        <v>2716.2370000000001</v>
      </c>
    </row>
    <row r="3220" spans="4:5" x14ac:dyDescent="0.25">
      <c r="D3220" s="6">
        <v>800.44119999999998</v>
      </c>
      <c r="E3220" s="6">
        <v>1176.2539999999999</v>
      </c>
    </row>
    <row r="3221" spans="4:5" x14ac:dyDescent="0.25">
      <c r="D3221" s="6">
        <v>896.25</v>
      </c>
      <c r="E3221" s="6">
        <v>508.89879999999999</v>
      </c>
    </row>
    <row r="3222" spans="4:5" x14ac:dyDescent="0.25">
      <c r="D3222" s="6">
        <v>646.40070000000003</v>
      </c>
      <c r="E3222" s="6">
        <v>3146.4659999999999</v>
      </c>
    </row>
    <row r="3223" spans="4:5" x14ac:dyDescent="0.25">
      <c r="D3223" s="6">
        <v>2758.6109999999999</v>
      </c>
      <c r="E3223" s="6">
        <v>2368.04</v>
      </c>
    </row>
    <row r="3224" spans="4:5" x14ac:dyDescent="0.25">
      <c r="D3224" s="6">
        <v>5099.4040000000005</v>
      </c>
      <c r="E3224" s="6">
        <v>741.37969999999996</v>
      </c>
    </row>
    <row r="3225" spans="4:5" x14ac:dyDescent="0.25">
      <c r="D3225" s="6">
        <v>1638.502</v>
      </c>
      <c r="E3225" s="6">
        <v>1557.826</v>
      </c>
    </row>
    <row r="3226" spans="4:5" x14ac:dyDescent="0.25">
      <c r="D3226" s="6">
        <v>772.77340000000004</v>
      </c>
      <c r="E3226" s="6">
        <v>1069.423</v>
      </c>
    </row>
    <row r="3227" spans="4:5" x14ac:dyDescent="0.25">
      <c r="D3227" s="6">
        <v>6721.165</v>
      </c>
      <c r="E3227" s="6">
        <v>3481.13</v>
      </c>
    </row>
    <row r="3228" spans="4:5" x14ac:dyDescent="0.25">
      <c r="D3228" s="6">
        <v>966.755</v>
      </c>
      <c r="E3228" s="6">
        <v>2430.4830000000002</v>
      </c>
    </row>
    <row r="3229" spans="4:5" x14ac:dyDescent="0.25">
      <c r="D3229" s="6">
        <v>8921.7199999999993</v>
      </c>
      <c r="E3229" s="6">
        <v>853.197</v>
      </c>
    </row>
    <row r="3230" spans="4:5" x14ac:dyDescent="0.25">
      <c r="D3230" s="6">
        <v>803.40210000000002</v>
      </c>
      <c r="E3230" s="6">
        <v>3233.0810000000001</v>
      </c>
    </row>
    <row r="3231" spans="4:5" x14ac:dyDescent="0.25">
      <c r="D3231" s="6">
        <v>5570.9989999999998</v>
      </c>
      <c r="E3231" s="6">
        <v>2240.5219999999999</v>
      </c>
    </row>
    <row r="3232" spans="4:5" x14ac:dyDescent="0.25">
      <c r="D3232" s="6">
        <v>4372.1790000000001</v>
      </c>
      <c r="E3232" s="6">
        <v>1021.813</v>
      </c>
    </row>
    <row r="3233" spans="4:5" x14ac:dyDescent="0.25">
      <c r="D3233" s="6">
        <v>685.53049999999996</v>
      </c>
      <c r="E3233" s="6">
        <v>1094.952</v>
      </c>
    </row>
    <row r="3234" spans="4:5" x14ac:dyDescent="0.25">
      <c r="D3234" s="6">
        <v>1886.375</v>
      </c>
      <c r="E3234" s="6">
        <v>1033.133</v>
      </c>
    </row>
    <row r="3235" spans="4:5" x14ac:dyDescent="0.25">
      <c r="D3235" s="6">
        <v>2303.7910000000002</v>
      </c>
      <c r="E3235" s="6">
        <v>2868.605</v>
      </c>
    </row>
    <row r="3236" spans="4:5" x14ac:dyDescent="0.25">
      <c r="D3236" s="6">
        <v>490.87920000000003</v>
      </c>
      <c r="E3236" s="6">
        <v>583.69209999999998</v>
      </c>
    </row>
    <row r="3237" spans="4:5" x14ac:dyDescent="0.25">
      <c r="D3237" s="6">
        <v>1264.914</v>
      </c>
      <c r="E3237" s="6">
        <v>1166.383</v>
      </c>
    </row>
    <row r="3238" spans="4:5" x14ac:dyDescent="0.25">
      <c r="D3238" s="6">
        <v>821.58040000000005</v>
      </c>
      <c r="E3238" s="6">
        <v>272.15050000000002</v>
      </c>
    </row>
    <row r="3239" spans="4:5" x14ac:dyDescent="0.25">
      <c r="D3239" s="6">
        <v>1161</v>
      </c>
      <c r="E3239" s="6">
        <v>892.66869999999994</v>
      </c>
    </row>
    <row r="3240" spans="4:5" x14ac:dyDescent="0.25">
      <c r="D3240" s="6">
        <v>4651.4939999999997</v>
      </c>
      <c r="E3240" s="6">
        <v>2070.5</v>
      </c>
    </row>
    <row r="3241" spans="4:5" x14ac:dyDescent="0.25">
      <c r="D3241" s="6">
        <v>882.44659999999999</v>
      </c>
      <c r="E3241" s="6">
        <v>998.2473</v>
      </c>
    </row>
    <row r="3242" spans="4:5" x14ac:dyDescent="0.25">
      <c r="D3242" s="6">
        <v>580.21730000000002</v>
      </c>
      <c r="E3242" s="6">
        <v>1125.251</v>
      </c>
    </row>
    <row r="3243" spans="4:5" x14ac:dyDescent="0.25">
      <c r="D3243" s="6">
        <v>3365.8420000000001</v>
      </c>
      <c r="E3243" s="6">
        <v>974.72260000000006</v>
      </c>
    </row>
    <row r="3244" spans="4:5" x14ac:dyDescent="0.25">
      <c r="D3244" s="6">
        <v>1358.9749999999999</v>
      </c>
      <c r="E3244" s="6">
        <v>1946.7719999999999</v>
      </c>
    </row>
    <row r="3245" spans="4:5" x14ac:dyDescent="0.25">
      <c r="D3245" s="6">
        <v>564.0883</v>
      </c>
      <c r="E3245" s="6">
        <v>558.56669999999997</v>
      </c>
    </row>
    <row r="3246" spans="4:5" x14ac:dyDescent="0.25">
      <c r="D3246" s="6">
        <v>4958.3220000000001</v>
      </c>
      <c r="E3246" s="6">
        <v>1045.9359999999999</v>
      </c>
    </row>
    <row r="3247" spans="4:5" x14ac:dyDescent="0.25">
      <c r="D3247" s="6">
        <v>1116.691</v>
      </c>
      <c r="E3247" s="6">
        <v>917.31830000000002</v>
      </c>
    </row>
    <row r="3248" spans="4:5" x14ac:dyDescent="0.25">
      <c r="D3248" s="6">
        <v>707.99009999999998</v>
      </c>
      <c r="E3248" s="6">
        <v>929.88319999999999</v>
      </c>
    </row>
    <row r="3249" spans="4:5" x14ac:dyDescent="0.25">
      <c r="D3249" s="6">
        <v>582.08579999999995</v>
      </c>
      <c r="E3249" s="6">
        <v>924.08420000000001</v>
      </c>
    </row>
    <row r="3250" spans="4:5" x14ac:dyDescent="0.25">
      <c r="D3250" s="6">
        <v>650.87030000000004</v>
      </c>
      <c r="E3250" s="6">
        <v>903.86149999999998</v>
      </c>
    </row>
    <row r="3251" spans="4:5" x14ac:dyDescent="0.25">
      <c r="D3251" s="6">
        <v>1502.8409999999999</v>
      </c>
      <c r="E3251" s="6">
        <v>6267.1310000000003</v>
      </c>
    </row>
    <row r="3252" spans="4:5" x14ac:dyDescent="0.25">
      <c r="D3252" s="6">
        <v>645.58050000000003</v>
      </c>
      <c r="E3252" s="6">
        <v>427.5385</v>
      </c>
    </row>
    <row r="3253" spans="4:5" x14ac:dyDescent="0.25">
      <c r="D3253" s="6">
        <v>4991.4319999999998</v>
      </c>
      <c r="E3253" s="6">
        <v>660.33950000000004</v>
      </c>
    </row>
    <row r="3254" spans="4:5" x14ac:dyDescent="0.25">
      <c r="D3254" s="6">
        <v>681.46559999999999</v>
      </c>
      <c r="E3254" s="6">
        <v>3402.4119999999998</v>
      </c>
    </row>
    <row r="3255" spans="4:5" x14ac:dyDescent="0.25">
      <c r="D3255" s="6">
        <v>446.2079</v>
      </c>
      <c r="E3255" s="6">
        <v>1495.7529999999999</v>
      </c>
    </row>
    <row r="3256" spans="4:5" x14ac:dyDescent="0.25">
      <c r="D3256" s="6">
        <v>3424.29</v>
      </c>
      <c r="E3256" s="6">
        <v>3368.6750000000002</v>
      </c>
    </row>
    <row r="3257" spans="4:5" x14ac:dyDescent="0.25">
      <c r="D3257" s="6">
        <v>1696.249</v>
      </c>
      <c r="E3257" s="6">
        <v>1509.5</v>
      </c>
    </row>
    <row r="3258" spans="4:5" x14ac:dyDescent="0.25">
      <c r="D3258" s="6">
        <v>3580.19</v>
      </c>
      <c r="E3258" s="6">
        <v>1321.002</v>
      </c>
    </row>
    <row r="3259" spans="4:5" x14ac:dyDescent="0.25">
      <c r="D3259" s="6">
        <v>1135.367</v>
      </c>
      <c r="E3259" s="6">
        <v>3192.4920000000002</v>
      </c>
    </row>
    <row r="3260" spans="4:5" x14ac:dyDescent="0.25">
      <c r="D3260" s="6">
        <v>648.38189999999997</v>
      </c>
      <c r="E3260" s="6">
        <v>3889.0309999999999</v>
      </c>
    </row>
    <row r="3261" spans="4:5" x14ac:dyDescent="0.25">
      <c r="D3261" s="6">
        <v>781.98749999999995</v>
      </c>
      <c r="E3261" s="6">
        <v>1543.153</v>
      </c>
    </row>
    <row r="3262" spans="4:5" x14ac:dyDescent="0.25">
      <c r="D3262" s="6">
        <v>5479.8720000000003</v>
      </c>
      <c r="E3262" s="6">
        <v>578.09479999999996</v>
      </c>
    </row>
    <row r="3263" spans="4:5" x14ac:dyDescent="0.25">
      <c r="D3263" s="6">
        <v>774.67439999999999</v>
      </c>
      <c r="E3263" s="6">
        <v>715.02530000000002</v>
      </c>
    </row>
    <row r="3264" spans="4:5" x14ac:dyDescent="0.25">
      <c r="D3264" s="6">
        <v>670.96690000000001</v>
      </c>
      <c r="E3264" s="6">
        <v>818.70569999999998</v>
      </c>
    </row>
    <row r="3265" spans="4:5" x14ac:dyDescent="0.25">
      <c r="D3265" s="6">
        <v>6101.1760000000004</v>
      </c>
      <c r="E3265" s="6">
        <v>724.63250000000005</v>
      </c>
    </row>
    <row r="3266" spans="4:5" x14ac:dyDescent="0.25">
      <c r="D3266" s="6">
        <v>698.35069999999996</v>
      </c>
      <c r="E3266" s="6">
        <v>2719.6930000000002</v>
      </c>
    </row>
    <row r="3267" spans="4:5" x14ac:dyDescent="0.25">
      <c r="D3267" s="6">
        <v>658.33019999999999</v>
      </c>
      <c r="E3267" s="6">
        <v>936.8723</v>
      </c>
    </row>
    <row r="3268" spans="4:5" x14ac:dyDescent="0.25">
      <c r="D3268" s="6">
        <v>5068</v>
      </c>
      <c r="E3268" s="6">
        <v>992.15110000000004</v>
      </c>
    </row>
    <row r="3269" spans="4:5" x14ac:dyDescent="0.25">
      <c r="D3269" s="6">
        <v>4805.018</v>
      </c>
      <c r="E3269" s="6">
        <v>2747.049</v>
      </c>
    </row>
    <row r="3270" spans="4:5" x14ac:dyDescent="0.25">
      <c r="D3270" s="6">
        <v>1345.2919999999999</v>
      </c>
      <c r="E3270" s="6">
        <v>2576.7649999999999</v>
      </c>
    </row>
    <row r="3271" spans="4:5" x14ac:dyDescent="0.25">
      <c r="D3271" s="6">
        <v>1126.931</v>
      </c>
      <c r="E3271" s="6">
        <v>598.86599999999999</v>
      </c>
    </row>
    <row r="3272" spans="4:5" x14ac:dyDescent="0.25">
      <c r="D3272" s="6">
        <v>764.94449999999995</v>
      </c>
      <c r="E3272" s="6">
        <v>1125.376</v>
      </c>
    </row>
    <row r="3273" spans="4:5" x14ac:dyDescent="0.25">
      <c r="D3273" s="6">
        <v>832</v>
      </c>
      <c r="E3273" s="6">
        <v>980.87279999999998</v>
      </c>
    </row>
    <row r="3274" spans="4:5" x14ac:dyDescent="0.25">
      <c r="D3274" s="6">
        <v>690.16449999999998</v>
      </c>
      <c r="E3274" s="6">
        <v>2357.683</v>
      </c>
    </row>
    <row r="3275" spans="4:5" x14ac:dyDescent="0.25">
      <c r="D3275" s="6">
        <v>754.3338</v>
      </c>
      <c r="E3275" s="6">
        <v>1188.451</v>
      </c>
    </row>
    <row r="3276" spans="4:5" x14ac:dyDescent="0.25">
      <c r="D3276" s="6">
        <v>1875.88</v>
      </c>
      <c r="E3276" s="6">
        <v>3395.029</v>
      </c>
    </row>
    <row r="3277" spans="4:5" x14ac:dyDescent="0.25">
      <c r="D3277" s="6">
        <v>5055.8519999999999</v>
      </c>
      <c r="E3277" s="6">
        <v>764.07129999999995</v>
      </c>
    </row>
    <row r="3278" spans="4:5" x14ac:dyDescent="0.25">
      <c r="D3278" s="6">
        <v>8909.9650000000001</v>
      </c>
      <c r="E3278" s="6">
        <v>3687.4059999999999</v>
      </c>
    </row>
    <row r="3279" spans="4:5" x14ac:dyDescent="0.25">
      <c r="D3279" s="6">
        <v>727.78920000000005</v>
      </c>
      <c r="E3279" s="6">
        <v>919.79750000000001</v>
      </c>
    </row>
    <row r="3280" spans="4:5" x14ac:dyDescent="0.25">
      <c r="D3280" s="6">
        <v>1666.193</v>
      </c>
      <c r="E3280" s="6">
        <v>966.59090000000003</v>
      </c>
    </row>
    <row r="3281" spans="4:5" x14ac:dyDescent="0.25">
      <c r="D3281" s="6">
        <v>560.76400000000001</v>
      </c>
      <c r="E3281" s="6">
        <v>2543.078</v>
      </c>
    </row>
    <row r="3282" spans="4:5" x14ac:dyDescent="0.25">
      <c r="D3282" s="6">
        <v>1583.35</v>
      </c>
      <c r="E3282" s="6">
        <v>2059.614</v>
      </c>
    </row>
    <row r="3283" spans="4:5" x14ac:dyDescent="0.25">
      <c r="D3283" s="6">
        <v>1086.5530000000001</v>
      </c>
      <c r="E3283" s="6">
        <v>3711.4940000000001</v>
      </c>
    </row>
    <row r="3284" spans="4:5" x14ac:dyDescent="0.25">
      <c r="D3284" s="6">
        <v>1083.7750000000001</v>
      </c>
      <c r="E3284" s="6">
        <v>1297.7909999999999</v>
      </c>
    </row>
    <row r="3285" spans="4:5" x14ac:dyDescent="0.25">
      <c r="D3285" s="6">
        <v>1488.441</v>
      </c>
      <c r="E3285" s="6">
        <v>1135.5999999999999</v>
      </c>
    </row>
    <row r="3286" spans="4:5" x14ac:dyDescent="0.25">
      <c r="D3286" s="6">
        <v>1347.4760000000001</v>
      </c>
      <c r="E3286" s="6">
        <v>1001.389</v>
      </c>
    </row>
    <row r="3287" spans="4:5" x14ac:dyDescent="0.25">
      <c r="D3287" s="6">
        <v>800.55529999999999</v>
      </c>
      <c r="E3287" s="6">
        <v>2583.5610000000001</v>
      </c>
    </row>
    <row r="3288" spans="4:5" x14ac:dyDescent="0.25">
      <c r="D3288" s="6">
        <v>1822.2550000000001</v>
      </c>
      <c r="E3288" s="6">
        <v>1054.08</v>
      </c>
    </row>
    <row r="3289" spans="4:5" x14ac:dyDescent="0.25">
      <c r="D3289" s="6">
        <v>5276.3209999999999</v>
      </c>
      <c r="E3289" s="6">
        <v>3549.36</v>
      </c>
    </row>
    <row r="3290" spans="4:5" x14ac:dyDescent="0.25">
      <c r="D3290" s="6">
        <v>2095.63</v>
      </c>
      <c r="E3290" s="6">
        <v>786.52689999999996</v>
      </c>
    </row>
    <row r="3291" spans="4:5" x14ac:dyDescent="0.25">
      <c r="D3291" s="6">
        <v>751.42719999999997</v>
      </c>
      <c r="E3291" s="6">
        <v>1008.7430000000001</v>
      </c>
    </row>
    <row r="3292" spans="4:5" x14ac:dyDescent="0.25">
      <c r="D3292" s="6">
        <v>1608.424</v>
      </c>
      <c r="E3292" s="6">
        <v>4672.38</v>
      </c>
    </row>
    <row r="3293" spans="4:5" x14ac:dyDescent="0.25">
      <c r="D3293" s="6">
        <v>5209.7659999999996</v>
      </c>
      <c r="E3293" s="6">
        <v>1015.707</v>
      </c>
    </row>
    <row r="3294" spans="4:5" x14ac:dyDescent="0.25">
      <c r="D3294" s="6">
        <v>2354.683</v>
      </c>
      <c r="E3294" s="6">
        <v>1076.163</v>
      </c>
    </row>
    <row r="3295" spans="4:5" x14ac:dyDescent="0.25">
      <c r="D3295" s="6">
        <v>623.90899999999999</v>
      </c>
      <c r="E3295" s="6">
        <v>2480.8020000000001</v>
      </c>
    </row>
    <row r="3296" spans="4:5" x14ac:dyDescent="0.25">
      <c r="D3296" s="6">
        <v>664.20839999999998</v>
      </c>
      <c r="E3296" s="6">
        <v>1069.4380000000001</v>
      </c>
    </row>
    <row r="3297" spans="4:5" x14ac:dyDescent="0.25">
      <c r="D3297" s="6">
        <v>662.75779999999997</v>
      </c>
      <c r="E3297" s="6">
        <v>917.92899999999997</v>
      </c>
    </row>
    <row r="3298" spans="4:5" x14ac:dyDescent="0.25">
      <c r="D3298" s="6">
        <v>741.73850000000004</v>
      </c>
      <c r="E3298" s="6">
        <v>4303.902</v>
      </c>
    </row>
    <row r="3299" spans="4:5" x14ac:dyDescent="0.25">
      <c r="D3299" s="6">
        <v>975.53229999999996</v>
      </c>
      <c r="E3299" s="6">
        <v>552.8605</v>
      </c>
    </row>
    <row r="3300" spans="4:5" x14ac:dyDescent="0.25">
      <c r="D3300" s="6">
        <v>2239.6979999999999</v>
      </c>
      <c r="E3300" s="6">
        <v>2280.8780000000002</v>
      </c>
    </row>
    <row r="3301" spans="4:5" x14ac:dyDescent="0.25">
      <c r="D3301" s="6">
        <v>2387.6750000000002</v>
      </c>
      <c r="E3301" s="6">
        <v>806.13620000000003</v>
      </c>
    </row>
    <row r="3302" spans="4:5" x14ac:dyDescent="0.25">
      <c r="D3302" s="6">
        <v>1120.2260000000001</v>
      </c>
      <c r="E3302" s="6">
        <v>2478.9740000000002</v>
      </c>
    </row>
    <row r="3303" spans="4:5" x14ac:dyDescent="0.25">
      <c r="D3303" s="6">
        <v>660.75800000000004</v>
      </c>
      <c r="E3303" s="6">
        <v>1685.0609999999999</v>
      </c>
    </row>
    <row r="3304" spans="4:5" x14ac:dyDescent="0.25">
      <c r="D3304" s="6">
        <v>559.66669999999999</v>
      </c>
      <c r="E3304" s="6">
        <v>703.88930000000005</v>
      </c>
    </row>
    <row r="3305" spans="4:5" x14ac:dyDescent="0.25">
      <c r="D3305" s="6">
        <v>1459.11</v>
      </c>
      <c r="E3305" s="6">
        <v>1185.913</v>
      </c>
    </row>
    <row r="3306" spans="4:5" x14ac:dyDescent="0.25">
      <c r="D3306" s="6">
        <v>1359.1690000000001</v>
      </c>
      <c r="E3306" s="6">
        <v>974.75639999999999</v>
      </c>
    </row>
    <row r="3307" spans="4:5" x14ac:dyDescent="0.25">
      <c r="D3307" s="6">
        <v>5044.0749999999998</v>
      </c>
      <c r="E3307" s="6">
        <v>948.61950000000002</v>
      </c>
    </row>
    <row r="3308" spans="4:5" x14ac:dyDescent="0.25">
      <c r="D3308" s="6">
        <v>1182.23</v>
      </c>
      <c r="E3308" s="6">
        <v>7086.2939999999999</v>
      </c>
    </row>
    <row r="3309" spans="4:5" x14ac:dyDescent="0.25">
      <c r="D3309" s="6">
        <v>4594.8280000000004</v>
      </c>
      <c r="E3309" s="6">
        <v>808</v>
      </c>
    </row>
    <row r="3310" spans="4:5" x14ac:dyDescent="0.25">
      <c r="D3310" s="6">
        <v>5681.66</v>
      </c>
      <c r="E3310" s="6">
        <v>662.57470000000001</v>
      </c>
    </row>
    <row r="3311" spans="4:5" x14ac:dyDescent="0.25">
      <c r="D3311" s="6">
        <v>423</v>
      </c>
      <c r="E3311" s="6">
        <v>1887.914</v>
      </c>
    </row>
    <row r="3312" spans="4:5" x14ac:dyDescent="0.25">
      <c r="D3312" s="6">
        <v>617</v>
      </c>
      <c r="E3312" s="6">
        <v>1067.462</v>
      </c>
    </row>
    <row r="3313" spans="4:5" x14ac:dyDescent="0.25">
      <c r="D3313" s="6">
        <v>4563.8329999999996</v>
      </c>
      <c r="E3313" s="6">
        <v>915.51160000000004</v>
      </c>
    </row>
    <row r="3314" spans="4:5" x14ac:dyDescent="0.25">
      <c r="D3314" s="6">
        <v>1142.758</v>
      </c>
      <c r="E3314" s="6">
        <v>554.32989999999995</v>
      </c>
    </row>
    <row r="3315" spans="4:5" x14ac:dyDescent="0.25">
      <c r="D3315" s="6">
        <v>836.78459999999995</v>
      </c>
      <c r="E3315" s="6">
        <v>3170.0309999999999</v>
      </c>
    </row>
    <row r="3316" spans="4:5" x14ac:dyDescent="0.25">
      <c r="D3316" s="6">
        <v>928.69309999999996</v>
      </c>
      <c r="E3316" s="6">
        <v>781.26070000000004</v>
      </c>
    </row>
    <row r="3317" spans="4:5" x14ac:dyDescent="0.25">
      <c r="D3317" s="6">
        <v>689.57500000000005</v>
      </c>
      <c r="E3317" s="6">
        <v>3334.4609999999998</v>
      </c>
    </row>
    <row r="3318" spans="4:5" x14ac:dyDescent="0.25">
      <c r="D3318" s="6">
        <v>1116.8800000000001</v>
      </c>
      <c r="E3318" s="6">
        <v>1060.8869999999999</v>
      </c>
    </row>
    <row r="3319" spans="4:5" x14ac:dyDescent="0.25">
      <c r="D3319" s="6">
        <v>755.43520000000001</v>
      </c>
      <c r="E3319" s="6">
        <v>1124.7049999999999</v>
      </c>
    </row>
    <row r="3320" spans="4:5" x14ac:dyDescent="0.25">
      <c r="D3320" s="6">
        <v>3549.9430000000002</v>
      </c>
      <c r="E3320" s="6">
        <v>899.06309999999996</v>
      </c>
    </row>
    <row r="3321" spans="4:5" x14ac:dyDescent="0.25">
      <c r="D3321" s="6">
        <v>633.41920000000005</v>
      </c>
      <c r="E3321" s="6">
        <v>915.32320000000004</v>
      </c>
    </row>
    <row r="3322" spans="4:5" x14ac:dyDescent="0.25">
      <c r="D3322" s="6">
        <v>1049.4670000000001</v>
      </c>
      <c r="E3322" s="6">
        <v>1065.9110000000001</v>
      </c>
    </row>
    <row r="3323" spans="4:5" x14ac:dyDescent="0.25">
      <c r="D3323" s="6">
        <v>595.11210000000005</v>
      </c>
      <c r="E3323" s="6">
        <v>610.44389999999999</v>
      </c>
    </row>
    <row r="3324" spans="4:5" x14ac:dyDescent="0.25">
      <c r="D3324" s="6">
        <v>1287.6400000000001</v>
      </c>
      <c r="E3324" s="6">
        <v>693.71379999999999</v>
      </c>
    </row>
    <row r="3325" spans="4:5" x14ac:dyDescent="0.25">
      <c r="D3325" s="6">
        <v>1785.798</v>
      </c>
      <c r="E3325" s="6">
        <v>4590.5919999999996</v>
      </c>
    </row>
    <row r="3326" spans="4:5" x14ac:dyDescent="0.25">
      <c r="D3326" s="6">
        <v>1048.886</v>
      </c>
      <c r="E3326" s="6">
        <v>835.41549999999995</v>
      </c>
    </row>
    <row r="3327" spans="4:5" x14ac:dyDescent="0.25">
      <c r="D3327" s="6">
        <v>915.7749</v>
      </c>
      <c r="E3327" s="6">
        <v>3824.837</v>
      </c>
    </row>
    <row r="3328" spans="4:5" x14ac:dyDescent="0.25">
      <c r="D3328" s="6">
        <v>5702.165</v>
      </c>
      <c r="E3328" s="6">
        <v>577.64520000000005</v>
      </c>
    </row>
    <row r="3329" spans="4:5" x14ac:dyDescent="0.25">
      <c r="D3329" s="6">
        <v>1881.4369999999999</v>
      </c>
      <c r="E3329" s="6">
        <v>2802.3649999999998</v>
      </c>
    </row>
    <row r="3330" spans="4:5" x14ac:dyDescent="0.25">
      <c r="D3330" s="6">
        <v>1675.3009999999999</v>
      </c>
      <c r="E3330" s="6">
        <v>996.69929999999999</v>
      </c>
    </row>
    <row r="3331" spans="4:5" x14ac:dyDescent="0.25">
      <c r="D3331" s="6">
        <v>1119.25</v>
      </c>
      <c r="E3331" s="6">
        <v>1140.1400000000001</v>
      </c>
    </row>
    <row r="3332" spans="4:5" x14ac:dyDescent="0.25">
      <c r="D3332" s="6">
        <v>603.55679999999995</v>
      </c>
      <c r="E3332" s="6">
        <v>1110.4280000000001</v>
      </c>
    </row>
    <row r="3333" spans="4:5" x14ac:dyDescent="0.25">
      <c r="D3333" s="6">
        <v>1428.0730000000001</v>
      </c>
      <c r="E3333" s="6">
        <v>731.13490000000002</v>
      </c>
    </row>
    <row r="3334" spans="4:5" x14ac:dyDescent="0.25">
      <c r="D3334" s="6">
        <v>3691.9630000000002</v>
      </c>
      <c r="E3334" s="6">
        <v>830.03589999999997</v>
      </c>
    </row>
    <row r="3335" spans="4:5" x14ac:dyDescent="0.25">
      <c r="D3335" s="6">
        <v>5561.0540000000001</v>
      </c>
      <c r="E3335" s="6">
        <v>3498.4209999999998</v>
      </c>
    </row>
    <row r="3336" spans="4:5" x14ac:dyDescent="0.25">
      <c r="D3336" s="6">
        <v>736.47860000000003</v>
      </c>
      <c r="E3336" s="6">
        <v>668.02919999999995</v>
      </c>
    </row>
    <row r="3337" spans="4:5" x14ac:dyDescent="0.25">
      <c r="D3337" s="6">
        <v>1647.086</v>
      </c>
      <c r="E3337" s="6">
        <v>919.34460000000001</v>
      </c>
    </row>
    <row r="3338" spans="4:5" x14ac:dyDescent="0.25">
      <c r="D3338" s="6">
        <v>5218.8959999999997</v>
      </c>
      <c r="E3338" s="6">
        <v>3679.9140000000002</v>
      </c>
    </row>
    <row r="3339" spans="4:5" x14ac:dyDescent="0.25">
      <c r="D3339" s="6">
        <v>647.44849999999997</v>
      </c>
      <c r="E3339" s="6">
        <v>612.53489999999999</v>
      </c>
    </row>
    <row r="3340" spans="4:5" x14ac:dyDescent="0.25">
      <c r="D3340" s="6">
        <v>1478.212</v>
      </c>
      <c r="E3340" s="6">
        <v>832.49559999999997</v>
      </c>
    </row>
    <row r="3341" spans="4:5" x14ac:dyDescent="0.25">
      <c r="D3341" s="6">
        <v>1770.5060000000001</v>
      </c>
      <c r="E3341" s="6">
        <v>814.66039999999998</v>
      </c>
    </row>
    <row r="3342" spans="4:5" x14ac:dyDescent="0.25">
      <c r="D3342" s="6">
        <v>630.101</v>
      </c>
      <c r="E3342" s="6">
        <v>5343.7870000000003</v>
      </c>
    </row>
    <row r="3343" spans="4:5" x14ac:dyDescent="0.25">
      <c r="D3343" s="6">
        <v>714.02570000000003</v>
      </c>
      <c r="E3343" s="6">
        <v>659.4828</v>
      </c>
    </row>
    <row r="3344" spans="4:5" x14ac:dyDescent="0.25">
      <c r="D3344" s="6">
        <v>4934.6509999999998</v>
      </c>
      <c r="E3344" s="6">
        <v>752.63850000000002</v>
      </c>
    </row>
    <row r="3345" spans="4:5" x14ac:dyDescent="0.25">
      <c r="D3345" s="6">
        <v>3309.14</v>
      </c>
      <c r="E3345" s="6">
        <v>530.77779999999996</v>
      </c>
    </row>
    <row r="3346" spans="4:5" x14ac:dyDescent="0.25">
      <c r="D3346" s="6">
        <v>4871.6580000000004</v>
      </c>
      <c r="E3346" s="6">
        <v>2100</v>
      </c>
    </row>
    <row r="3347" spans="4:5" x14ac:dyDescent="0.25">
      <c r="D3347" s="6">
        <v>541.67430000000002</v>
      </c>
      <c r="E3347" s="6">
        <v>799.20169999999996</v>
      </c>
    </row>
    <row r="3348" spans="4:5" x14ac:dyDescent="0.25">
      <c r="D3348" s="6">
        <v>1339.8579999999999</v>
      </c>
      <c r="E3348" s="6">
        <v>3932.9430000000002</v>
      </c>
    </row>
    <row r="3349" spans="4:5" x14ac:dyDescent="0.25">
      <c r="D3349" s="6">
        <v>756.84379999999999</v>
      </c>
      <c r="E3349" s="6">
        <v>3019.79</v>
      </c>
    </row>
    <row r="3350" spans="4:5" x14ac:dyDescent="0.25">
      <c r="D3350" s="6">
        <v>1370.557</v>
      </c>
      <c r="E3350" s="6">
        <v>417.8546</v>
      </c>
    </row>
    <row r="3351" spans="4:5" x14ac:dyDescent="0.25">
      <c r="D3351" s="6">
        <v>887.47119999999995</v>
      </c>
      <c r="E3351" s="6">
        <v>952.60339999999997</v>
      </c>
    </row>
    <row r="3352" spans="4:5" x14ac:dyDescent="0.25">
      <c r="D3352" s="6">
        <v>474.93540000000002</v>
      </c>
      <c r="E3352" s="6">
        <v>721.73789999999997</v>
      </c>
    </row>
    <row r="3353" spans="4:5" x14ac:dyDescent="0.25">
      <c r="D3353" s="6">
        <v>13353.38</v>
      </c>
      <c r="E3353" s="6">
        <v>890.14549999999997</v>
      </c>
    </row>
    <row r="3354" spans="4:5" x14ac:dyDescent="0.25">
      <c r="D3354" s="6">
        <v>936.41800000000001</v>
      </c>
      <c r="E3354" s="6">
        <v>1280.731</v>
      </c>
    </row>
    <row r="3355" spans="4:5" x14ac:dyDescent="0.25">
      <c r="D3355" s="6">
        <v>1467.415</v>
      </c>
      <c r="E3355" s="6">
        <v>795.32650000000001</v>
      </c>
    </row>
    <row r="3356" spans="4:5" x14ac:dyDescent="0.25">
      <c r="D3356" s="6">
        <v>1849.4179999999999</v>
      </c>
      <c r="E3356" s="6">
        <v>1679.18</v>
      </c>
    </row>
    <row r="3357" spans="4:5" x14ac:dyDescent="0.25">
      <c r="D3357" s="6">
        <v>744.90610000000004</v>
      </c>
      <c r="E3357" s="6">
        <v>3710.91</v>
      </c>
    </row>
    <row r="3358" spans="4:5" x14ac:dyDescent="0.25">
      <c r="D3358" s="6">
        <v>1636.6659999999999</v>
      </c>
      <c r="E3358" s="6">
        <v>1244.6130000000001</v>
      </c>
    </row>
    <row r="3359" spans="4:5" x14ac:dyDescent="0.25">
      <c r="D3359" s="6">
        <v>770.96140000000003</v>
      </c>
      <c r="E3359" s="6">
        <v>799.27790000000005</v>
      </c>
    </row>
    <row r="3360" spans="4:5" x14ac:dyDescent="0.25">
      <c r="D3360" s="6">
        <v>778.21799999999996</v>
      </c>
      <c r="E3360" s="6">
        <v>935.30499999999995</v>
      </c>
    </row>
    <row r="3361" spans="4:5" x14ac:dyDescent="0.25">
      <c r="D3361" s="6">
        <v>663.38969999999995</v>
      </c>
      <c r="E3361" s="6">
        <v>3948.5309999999999</v>
      </c>
    </row>
    <row r="3362" spans="4:5" x14ac:dyDescent="0.25">
      <c r="D3362" s="6">
        <v>4029.1039999999998</v>
      </c>
      <c r="E3362" s="6">
        <v>1609.6469999999999</v>
      </c>
    </row>
    <row r="3363" spans="4:5" x14ac:dyDescent="0.25">
      <c r="D3363" s="6">
        <v>2256.018</v>
      </c>
      <c r="E3363" s="6">
        <v>632.72979999999995</v>
      </c>
    </row>
    <row r="3364" spans="4:5" x14ac:dyDescent="0.25">
      <c r="D3364" s="6">
        <v>1397.1949999999999</v>
      </c>
      <c r="E3364" s="6">
        <v>752.37630000000001</v>
      </c>
    </row>
    <row r="3365" spans="4:5" x14ac:dyDescent="0.25">
      <c r="D3365" s="6">
        <v>5610.3459999999995</v>
      </c>
      <c r="E3365" s="6">
        <v>2547.8150000000001</v>
      </c>
    </row>
    <row r="3366" spans="4:5" x14ac:dyDescent="0.25">
      <c r="D3366" s="6">
        <v>1488.318</v>
      </c>
      <c r="E3366" s="6">
        <v>2630.7310000000002</v>
      </c>
    </row>
    <row r="3367" spans="4:5" x14ac:dyDescent="0.25">
      <c r="D3367" s="6">
        <v>720.9203</v>
      </c>
      <c r="E3367" s="6">
        <v>2991.75</v>
      </c>
    </row>
    <row r="3368" spans="4:5" x14ac:dyDescent="0.25">
      <c r="D3368" s="6">
        <v>1842.3019999999999</v>
      </c>
      <c r="E3368" s="6">
        <v>2625.5079999999998</v>
      </c>
    </row>
    <row r="3369" spans="4:5" x14ac:dyDescent="0.25">
      <c r="D3369" s="6">
        <v>3375.114</v>
      </c>
      <c r="E3369" s="6">
        <v>3013.8380000000002</v>
      </c>
    </row>
    <row r="3370" spans="4:5" x14ac:dyDescent="0.25">
      <c r="D3370" s="6">
        <v>1504.067</v>
      </c>
      <c r="E3370" s="6">
        <v>3285.25</v>
      </c>
    </row>
    <row r="3371" spans="4:5" x14ac:dyDescent="0.25">
      <c r="D3371" s="6">
        <v>1650.6320000000001</v>
      </c>
      <c r="E3371" s="6">
        <v>2811.703</v>
      </c>
    </row>
    <row r="3372" spans="4:5" x14ac:dyDescent="0.25">
      <c r="D3372" s="6">
        <v>1722.4259999999999</v>
      </c>
      <c r="E3372" s="6">
        <v>2771.114</v>
      </c>
    </row>
    <row r="3373" spans="4:5" x14ac:dyDescent="0.25">
      <c r="D3373" s="6">
        <v>5086.0959999999995</v>
      </c>
      <c r="E3373" s="6">
        <v>1117.0840000000001</v>
      </c>
    </row>
    <row r="3374" spans="4:5" x14ac:dyDescent="0.25">
      <c r="D3374" s="6">
        <v>698.32429999999999</v>
      </c>
      <c r="E3374" s="6">
        <v>1818.374</v>
      </c>
    </row>
    <row r="3375" spans="4:5" x14ac:dyDescent="0.25">
      <c r="D3375" s="6">
        <v>3738</v>
      </c>
      <c r="E3375" s="6">
        <v>699.50599999999997</v>
      </c>
    </row>
    <row r="3376" spans="4:5" x14ac:dyDescent="0.25">
      <c r="D3376" s="6">
        <v>784.88670000000002</v>
      </c>
      <c r="E3376" s="6">
        <v>1144.452</v>
      </c>
    </row>
    <row r="3377" spans="4:5" x14ac:dyDescent="0.25">
      <c r="D3377" s="6">
        <v>5578.7389999999996</v>
      </c>
      <c r="E3377" s="6">
        <v>925.05679999999995</v>
      </c>
    </row>
    <row r="3378" spans="4:5" x14ac:dyDescent="0.25">
      <c r="D3378" s="6">
        <v>652.81989999999996</v>
      </c>
      <c r="E3378" s="6">
        <v>913.21349999999995</v>
      </c>
    </row>
    <row r="3379" spans="4:5" x14ac:dyDescent="0.25">
      <c r="D3379" s="6">
        <v>1336.9570000000001</v>
      </c>
      <c r="E3379" s="6">
        <v>992.4085</v>
      </c>
    </row>
    <row r="3380" spans="4:5" x14ac:dyDescent="0.25">
      <c r="D3380" s="6">
        <v>1857.7940000000001</v>
      </c>
      <c r="E3380" s="6">
        <v>2876.7</v>
      </c>
    </row>
    <row r="3381" spans="4:5" x14ac:dyDescent="0.25">
      <c r="D3381" s="6">
        <v>1502.048</v>
      </c>
      <c r="E3381" s="6">
        <v>311.82350000000002</v>
      </c>
    </row>
    <row r="3382" spans="4:5" x14ac:dyDescent="0.25">
      <c r="D3382" s="6">
        <v>1410.4380000000001</v>
      </c>
      <c r="E3382" s="6">
        <v>2990.665</v>
      </c>
    </row>
    <row r="3383" spans="4:5" x14ac:dyDescent="0.25">
      <c r="D3383" s="6">
        <v>1001.923</v>
      </c>
      <c r="E3383" s="6">
        <v>848.61249999999995</v>
      </c>
    </row>
    <row r="3384" spans="4:5" x14ac:dyDescent="0.25">
      <c r="D3384" s="6">
        <v>5299.9939999999997</v>
      </c>
      <c r="E3384" s="6">
        <v>346.44380000000001</v>
      </c>
    </row>
    <row r="3385" spans="4:5" x14ac:dyDescent="0.25">
      <c r="D3385" s="6">
        <v>4928.4120000000003</v>
      </c>
      <c r="E3385" s="6">
        <v>964.24580000000003</v>
      </c>
    </row>
    <row r="3386" spans="4:5" x14ac:dyDescent="0.25">
      <c r="D3386" s="6">
        <v>755.88660000000004</v>
      </c>
      <c r="E3386" s="6">
        <v>1176.3430000000001</v>
      </c>
    </row>
    <row r="3387" spans="4:5" x14ac:dyDescent="0.25">
      <c r="D3387" s="6">
        <v>4958.5889999999999</v>
      </c>
      <c r="E3387" s="6">
        <v>1090.941</v>
      </c>
    </row>
    <row r="3388" spans="4:5" x14ac:dyDescent="0.25">
      <c r="D3388" s="6">
        <v>4407.0330000000004</v>
      </c>
      <c r="E3388" s="6">
        <v>2918.248</v>
      </c>
    </row>
    <row r="3389" spans="4:5" x14ac:dyDescent="0.25">
      <c r="D3389" s="6">
        <v>726.91750000000002</v>
      </c>
      <c r="E3389" s="6">
        <v>878.60220000000004</v>
      </c>
    </row>
    <row r="3390" spans="4:5" x14ac:dyDescent="0.25">
      <c r="D3390" s="6">
        <v>1960.883</v>
      </c>
      <c r="E3390" s="6">
        <v>1227.9469999999999</v>
      </c>
    </row>
    <row r="3391" spans="4:5" x14ac:dyDescent="0.25">
      <c r="D3391" s="6">
        <v>4977.5519999999997</v>
      </c>
      <c r="E3391" s="6">
        <v>1363.34</v>
      </c>
    </row>
    <row r="3392" spans="4:5" x14ac:dyDescent="0.25">
      <c r="D3392" s="6">
        <v>750.8954</v>
      </c>
      <c r="E3392" s="6">
        <v>4892.7610000000004</v>
      </c>
    </row>
    <row r="3393" spans="4:5" x14ac:dyDescent="0.25">
      <c r="D3393" s="6">
        <v>944.95690000000002</v>
      </c>
      <c r="E3393" s="6">
        <v>2967.5509999999999</v>
      </c>
    </row>
    <row r="3394" spans="4:5" x14ac:dyDescent="0.25">
      <c r="D3394" s="6">
        <v>1620.473</v>
      </c>
      <c r="E3394" s="6">
        <v>831.96550000000002</v>
      </c>
    </row>
    <row r="3395" spans="4:5" x14ac:dyDescent="0.25">
      <c r="D3395" s="6">
        <v>1464.6010000000001</v>
      </c>
      <c r="E3395" s="6">
        <v>730.71050000000002</v>
      </c>
    </row>
    <row r="3396" spans="4:5" x14ac:dyDescent="0.25">
      <c r="D3396" s="6">
        <v>1955.86</v>
      </c>
      <c r="E3396" s="6">
        <v>800.255</v>
      </c>
    </row>
    <row r="3397" spans="4:5" x14ac:dyDescent="0.25">
      <c r="D3397" s="6">
        <v>2084.9050000000002</v>
      </c>
      <c r="E3397" s="6">
        <v>1012.52</v>
      </c>
    </row>
    <row r="3398" spans="4:5" x14ac:dyDescent="0.25">
      <c r="D3398" s="6">
        <v>1792.4</v>
      </c>
      <c r="E3398" s="6">
        <v>1114.7439999999999</v>
      </c>
    </row>
    <row r="3399" spans="4:5" x14ac:dyDescent="0.25">
      <c r="D3399" s="6">
        <v>3963.71</v>
      </c>
      <c r="E3399" s="6">
        <v>1065.374</v>
      </c>
    </row>
    <row r="3400" spans="4:5" x14ac:dyDescent="0.25">
      <c r="D3400" s="6">
        <v>1324.864</v>
      </c>
      <c r="E3400" s="6">
        <v>2087.2159999999999</v>
      </c>
    </row>
    <row r="3401" spans="4:5" x14ac:dyDescent="0.25">
      <c r="D3401" s="6">
        <v>2007.0319999999999</v>
      </c>
      <c r="E3401" s="6">
        <v>3432.6709999999998</v>
      </c>
    </row>
    <row r="3402" spans="4:5" x14ac:dyDescent="0.25">
      <c r="D3402" s="6">
        <v>4325.8029999999999</v>
      </c>
      <c r="E3402" s="6">
        <v>1113.748</v>
      </c>
    </row>
    <row r="3403" spans="4:5" x14ac:dyDescent="0.25">
      <c r="D3403" s="6">
        <v>830.99419999999998</v>
      </c>
      <c r="E3403" s="6">
        <v>933.46720000000005</v>
      </c>
    </row>
    <row r="3404" spans="4:5" x14ac:dyDescent="0.25">
      <c r="D3404" s="6">
        <v>4164.1480000000001</v>
      </c>
      <c r="E3404" s="6">
        <v>1468.1130000000001</v>
      </c>
    </row>
    <row r="3405" spans="4:5" x14ac:dyDescent="0.25">
      <c r="D3405" s="6">
        <v>661.67719999999997</v>
      </c>
      <c r="E3405" s="6">
        <v>2903.2379999999998</v>
      </c>
    </row>
    <row r="3406" spans="4:5" x14ac:dyDescent="0.25">
      <c r="D3406" s="6">
        <v>1994.3030000000001</v>
      </c>
      <c r="E3406" s="6">
        <v>797.75189999999998</v>
      </c>
    </row>
    <row r="3407" spans="4:5" x14ac:dyDescent="0.25">
      <c r="D3407" s="6">
        <v>2161.0360000000001</v>
      </c>
      <c r="E3407" s="6">
        <v>3350.0810000000001</v>
      </c>
    </row>
    <row r="3408" spans="4:5" x14ac:dyDescent="0.25">
      <c r="D3408" s="6">
        <v>725.06669999999997</v>
      </c>
      <c r="E3408" s="6">
        <v>1521.44</v>
      </c>
    </row>
    <row r="3409" spans="4:5" x14ac:dyDescent="0.25">
      <c r="D3409" s="6">
        <v>707.18380000000002</v>
      </c>
      <c r="E3409" s="6">
        <v>3378.4369999999999</v>
      </c>
    </row>
    <row r="3410" spans="4:5" x14ac:dyDescent="0.25">
      <c r="D3410" s="6">
        <v>1334.421</v>
      </c>
      <c r="E3410" s="6">
        <v>487.34019999999998</v>
      </c>
    </row>
    <row r="3411" spans="4:5" x14ac:dyDescent="0.25">
      <c r="D3411" s="6">
        <v>4323.1509999999998</v>
      </c>
      <c r="E3411" s="6">
        <v>379.98950000000002</v>
      </c>
    </row>
    <row r="3412" spans="4:5" x14ac:dyDescent="0.25">
      <c r="D3412" s="6">
        <v>794.03510000000006</v>
      </c>
      <c r="E3412" s="6">
        <v>3292.0010000000002</v>
      </c>
    </row>
    <row r="3413" spans="4:5" x14ac:dyDescent="0.25">
      <c r="D3413" s="6">
        <v>1363.4670000000001</v>
      </c>
      <c r="E3413" s="6">
        <v>935.29399999999998</v>
      </c>
    </row>
    <row r="3414" spans="4:5" x14ac:dyDescent="0.25">
      <c r="D3414" s="6">
        <v>751.8836</v>
      </c>
      <c r="E3414" s="6">
        <v>1365.9649999999999</v>
      </c>
    </row>
    <row r="3415" spans="4:5" x14ac:dyDescent="0.25">
      <c r="D3415" s="6">
        <v>647.57740000000001</v>
      </c>
      <c r="E3415" s="6">
        <v>1186.248</v>
      </c>
    </row>
    <row r="3416" spans="4:5" x14ac:dyDescent="0.25">
      <c r="D3416" s="6">
        <v>4791.3459999999995</v>
      </c>
      <c r="E3416" s="6">
        <v>822.27610000000004</v>
      </c>
    </row>
    <row r="3417" spans="4:5" x14ac:dyDescent="0.25">
      <c r="D3417" s="6">
        <v>1133.9670000000001</v>
      </c>
      <c r="E3417" s="6">
        <v>2662.91</v>
      </c>
    </row>
    <row r="3418" spans="4:5" x14ac:dyDescent="0.25">
      <c r="D3418" s="6">
        <v>2178.377</v>
      </c>
      <c r="E3418" s="6">
        <v>3361</v>
      </c>
    </row>
    <row r="3419" spans="4:5" x14ac:dyDescent="0.25">
      <c r="D3419" s="6">
        <v>4645.04</v>
      </c>
      <c r="E3419" s="6">
        <v>1076.2180000000001</v>
      </c>
    </row>
    <row r="3420" spans="4:5" x14ac:dyDescent="0.25">
      <c r="D3420" s="6">
        <v>1214.2919999999999</v>
      </c>
      <c r="E3420" s="6">
        <v>873.28009999999995</v>
      </c>
    </row>
    <row r="3421" spans="4:5" x14ac:dyDescent="0.25">
      <c r="D3421" s="6">
        <v>1619.0239999999999</v>
      </c>
      <c r="E3421" s="6">
        <v>1951.549</v>
      </c>
    </row>
    <row r="3422" spans="4:5" x14ac:dyDescent="0.25">
      <c r="D3422" s="6">
        <v>3722.375</v>
      </c>
      <c r="E3422" s="6">
        <v>944.31859999999995</v>
      </c>
    </row>
    <row r="3423" spans="4:5" x14ac:dyDescent="0.25">
      <c r="D3423" s="6">
        <v>1853.123</v>
      </c>
      <c r="E3423" s="6">
        <v>1044.8389999999999</v>
      </c>
    </row>
    <row r="3424" spans="4:5" x14ac:dyDescent="0.25">
      <c r="D3424" s="6">
        <v>1963.0239999999999</v>
      </c>
      <c r="E3424" s="6">
        <v>846.26750000000004</v>
      </c>
    </row>
    <row r="3425" spans="4:5" x14ac:dyDescent="0.25">
      <c r="D3425" s="6">
        <v>786.10850000000005</v>
      </c>
      <c r="E3425" s="6">
        <v>899.40260000000001</v>
      </c>
    </row>
    <row r="3426" spans="4:5" x14ac:dyDescent="0.25">
      <c r="D3426" s="6">
        <v>2531.7539999999999</v>
      </c>
      <c r="E3426" s="6">
        <v>3457.951</v>
      </c>
    </row>
    <row r="3427" spans="4:5" x14ac:dyDescent="0.25">
      <c r="D3427" s="6">
        <v>604.89059999999995</v>
      </c>
      <c r="E3427" s="6">
        <v>781.26030000000003</v>
      </c>
    </row>
    <row r="3428" spans="4:5" x14ac:dyDescent="0.25">
      <c r="D3428" s="6">
        <v>916.85450000000003</v>
      </c>
      <c r="E3428" s="6">
        <v>896.17939999999999</v>
      </c>
    </row>
    <row r="3429" spans="4:5" x14ac:dyDescent="0.25">
      <c r="D3429" s="6">
        <v>639.40120000000002</v>
      </c>
      <c r="E3429" s="6">
        <v>1634.203</v>
      </c>
    </row>
    <row r="3430" spans="4:5" x14ac:dyDescent="0.25">
      <c r="D3430" s="6">
        <v>4104.6819999999998</v>
      </c>
      <c r="E3430" s="6">
        <v>640.09169999999995</v>
      </c>
    </row>
    <row r="3431" spans="4:5" x14ac:dyDescent="0.25">
      <c r="D3431" s="6">
        <v>5229.3209999999999</v>
      </c>
      <c r="E3431" s="6">
        <v>568.94420000000002</v>
      </c>
    </row>
    <row r="3432" spans="4:5" x14ac:dyDescent="0.25">
      <c r="D3432" s="6">
        <v>1649.5260000000001</v>
      </c>
      <c r="E3432" s="6">
        <v>619.6567</v>
      </c>
    </row>
    <row r="3433" spans="4:5" x14ac:dyDescent="0.25">
      <c r="D3433" s="6">
        <v>1456.58</v>
      </c>
      <c r="E3433" s="6">
        <v>808.50279999999998</v>
      </c>
    </row>
    <row r="3434" spans="4:5" x14ac:dyDescent="0.25">
      <c r="D3434" s="6">
        <v>2436.0949999999998</v>
      </c>
      <c r="E3434" s="6">
        <v>818.95619999999997</v>
      </c>
    </row>
    <row r="3435" spans="4:5" x14ac:dyDescent="0.25">
      <c r="D3435" s="6">
        <v>4938.5829999999996</v>
      </c>
      <c r="E3435" s="6">
        <v>635.69929999999999</v>
      </c>
    </row>
    <row r="3436" spans="4:5" x14ac:dyDescent="0.25">
      <c r="D3436" s="6">
        <v>559.31309999999996</v>
      </c>
      <c r="E3436" s="6">
        <v>935.14250000000004</v>
      </c>
    </row>
    <row r="3437" spans="4:5" x14ac:dyDescent="0.25">
      <c r="D3437" s="6">
        <v>3321.71</v>
      </c>
      <c r="E3437" s="6">
        <v>2065.4470000000001</v>
      </c>
    </row>
    <row r="3438" spans="4:5" x14ac:dyDescent="0.25">
      <c r="D3438" s="6">
        <v>948.41639999999995</v>
      </c>
      <c r="E3438" s="6">
        <v>709.99980000000005</v>
      </c>
    </row>
    <row r="3439" spans="4:5" x14ac:dyDescent="0.25">
      <c r="D3439" s="6">
        <v>701.16880000000003</v>
      </c>
      <c r="E3439" s="6">
        <v>301.41739999999999</v>
      </c>
    </row>
    <row r="3440" spans="4:5" x14ac:dyDescent="0.25">
      <c r="D3440" s="6">
        <v>5297.076</v>
      </c>
      <c r="E3440" s="6">
        <v>2627.79</v>
      </c>
    </row>
    <row r="3441" spans="4:5" x14ac:dyDescent="0.25">
      <c r="D3441" s="6">
        <v>1867.3920000000001</v>
      </c>
      <c r="E3441" s="6">
        <v>1007.342</v>
      </c>
    </row>
    <row r="3442" spans="4:5" x14ac:dyDescent="0.25">
      <c r="D3442" s="6">
        <v>5484.1310000000003</v>
      </c>
      <c r="E3442" s="6">
        <v>872.28039999999999</v>
      </c>
    </row>
    <row r="3443" spans="4:5" x14ac:dyDescent="0.25">
      <c r="D3443" s="6">
        <v>1128.146</v>
      </c>
      <c r="E3443" s="6">
        <v>4755.6760000000004</v>
      </c>
    </row>
    <row r="3444" spans="4:5" x14ac:dyDescent="0.25">
      <c r="D3444" s="6">
        <v>4237.366</v>
      </c>
      <c r="E3444" s="6">
        <v>891.65689999999995</v>
      </c>
    </row>
    <row r="3445" spans="4:5" x14ac:dyDescent="0.25">
      <c r="D3445" s="6">
        <v>796.86360000000002</v>
      </c>
      <c r="E3445" s="6">
        <v>1207.3219999999999</v>
      </c>
    </row>
    <row r="3446" spans="4:5" x14ac:dyDescent="0.25">
      <c r="D3446" s="6">
        <v>3474.7739999999999</v>
      </c>
      <c r="E3446" s="6">
        <v>888.69039999999995</v>
      </c>
    </row>
    <row r="3447" spans="4:5" x14ac:dyDescent="0.25">
      <c r="D3447" s="6">
        <v>3541.5189999999998</v>
      </c>
      <c r="E3447" s="6">
        <v>1464.855</v>
      </c>
    </row>
    <row r="3448" spans="4:5" x14ac:dyDescent="0.25">
      <c r="D3448" s="6">
        <v>2053.58</v>
      </c>
      <c r="E3448" s="6">
        <v>1222.0519999999999</v>
      </c>
    </row>
    <row r="3449" spans="4:5" x14ac:dyDescent="0.25">
      <c r="D3449" s="6">
        <v>5882.0209999999997</v>
      </c>
      <c r="E3449" s="6">
        <v>740.40210000000002</v>
      </c>
    </row>
    <row r="3450" spans="4:5" x14ac:dyDescent="0.25">
      <c r="D3450" s="6">
        <v>1419.3679999999999</v>
      </c>
      <c r="E3450" s="6">
        <v>2688.0749999999998</v>
      </c>
    </row>
    <row r="3451" spans="4:5" x14ac:dyDescent="0.25">
      <c r="D3451" s="6">
        <v>808.33950000000004</v>
      </c>
      <c r="E3451" s="6">
        <v>3201.6109999999999</v>
      </c>
    </row>
    <row r="3452" spans="4:5" x14ac:dyDescent="0.25">
      <c r="D3452" s="6">
        <v>767.6</v>
      </c>
      <c r="E3452" s="6">
        <v>2533.4650000000001</v>
      </c>
    </row>
    <row r="3453" spans="4:5" x14ac:dyDescent="0.25">
      <c r="D3453" s="6">
        <v>798.81539999999995</v>
      </c>
      <c r="E3453" s="6">
        <v>891.35040000000004</v>
      </c>
    </row>
    <row r="3454" spans="4:5" x14ac:dyDescent="0.25">
      <c r="D3454" s="6">
        <v>4436.82</v>
      </c>
      <c r="E3454" s="6">
        <v>1132.74</v>
      </c>
    </row>
    <row r="3455" spans="4:5" x14ac:dyDescent="0.25">
      <c r="D3455" s="6">
        <v>814.64520000000005</v>
      </c>
      <c r="E3455" s="6">
        <v>502.34899999999999</v>
      </c>
    </row>
    <row r="3456" spans="4:5" x14ac:dyDescent="0.25">
      <c r="D3456" s="6">
        <v>570.27269999999999</v>
      </c>
      <c r="E3456" s="6">
        <v>2397.5549999999998</v>
      </c>
    </row>
    <row r="3457" spans="4:5" x14ac:dyDescent="0.25">
      <c r="D3457" s="6">
        <v>1131.1030000000001</v>
      </c>
      <c r="E3457" s="6">
        <v>1236.498</v>
      </c>
    </row>
    <row r="3458" spans="4:5" x14ac:dyDescent="0.25">
      <c r="D3458" s="6">
        <v>1001.75</v>
      </c>
      <c r="E3458" s="6">
        <v>1746.7</v>
      </c>
    </row>
    <row r="3459" spans="4:5" x14ac:dyDescent="0.25">
      <c r="D3459" s="6">
        <v>2160.7640000000001</v>
      </c>
      <c r="E3459" s="6">
        <v>1052.9280000000001</v>
      </c>
    </row>
    <row r="3460" spans="4:5" x14ac:dyDescent="0.25">
      <c r="D3460" s="6">
        <v>444.61219999999997</v>
      </c>
      <c r="E3460" s="6">
        <v>726.23389999999995</v>
      </c>
    </row>
    <row r="3461" spans="4:5" x14ac:dyDescent="0.25">
      <c r="D3461" s="6">
        <v>734.92399999999998</v>
      </c>
      <c r="E3461" s="6">
        <v>3745.9760000000001</v>
      </c>
    </row>
    <row r="3462" spans="4:5" x14ac:dyDescent="0.25">
      <c r="D3462" s="6">
        <v>1707.646</v>
      </c>
      <c r="E3462" s="6">
        <v>408.15809999999999</v>
      </c>
    </row>
    <row r="3463" spans="4:5" x14ac:dyDescent="0.25">
      <c r="D3463" s="6">
        <v>1880.5609999999999</v>
      </c>
      <c r="E3463" s="6">
        <v>797.75319999999999</v>
      </c>
    </row>
    <row r="3464" spans="4:5" x14ac:dyDescent="0.25">
      <c r="D3464" s="6">
        <v>1760.325</v>
      </c>
      <c r="E3464" s="6">
        <v>1271.0250000000001</v>
      </c>
    </row>
    <row r="3465" spans="4:5" x14ac:dyDescent="0.25">
      <c r="D3465" s="6">
        <v>675.94899999999996</v>
      </c>
      <c r="E3465" s="6">
        <v>1660.2629999999999</v>
      </c>
    </row>
    <row r="3466" spans="4:5" x14ac:dyDescent="0.25">
      <c r="D3466" s="6">
        <v>6923.3789999999999</v>
      </c>
      <c r="E3466" s="6">
        <v>989.25049999999999</v>
      </c>
    </row>
    <row r="3467" spans="4:5" x14ac:dyDescent="0.25">
      <c r="D3467" s="6">
        <v>4644.5929999999998</v>
      </c>
      <c r="E3467" s="6">
        <v>394.47309999999999</v>
      </c>
    </row>
    <row r="3468" spans="4:5" x14ac:dyDescent="0.25">
      <c r="D3468" s="6">
        <v>1190.778</v>
      </c>
      <c r="E3468" s="6">
        <v>2485.6329999999998</v>
      </c>
    </row>
    <row r="3469" spans="4:5" x14ac:dyDescent="0.25">
      <c r="D3469" s="6">
        <v>1273.933</v>
      </c>
      <c r="E3469" s="6">
        <v>3243.63</v>
      </c>
    </row>
    <row r="3470" spans="4:5" x14ac:dyDescent="0.25">
      <c r="D3470" s="6">
        <v>1332.002</v>
      </c>
      <c r="E3470" s="6">
        <v>1423.971</v>
      </c>
    </row>
    <row r="3471" spans="4:5" x14ac:dyDescent="0.25">
      <c r="D3471" s="6">
        <v>963.03740000000005</v>
      </c>
      <c r="E3471" s="6">
        <v>8661.3510000000006</v>
      </c>
    </row>
    <row r="3472" spans="4:5" x14ac:dyDescent="0.25">
      <c r="D3472" s="6">
        <v>681.78779999999995</v>
      </c>
      <c r="E3472" s="6">
        <v>2014.538</v>
      </c>
    </row>
    <row r="3473" spans="4:5" x14ac:dyDescent="0.25">
      <c r="D3473" s="6">
        <v>1238.3140000000001</v>
      </c>
      <c r="E3473" s="6">
        <v>767.76980000000003</v>
      </c>
    </row>
    <row r="3474" spans="4:5" x14ac:dyDescent="0.25">
      <c r="D3474" s="6">
        <v>2071.6060000000002</v>
      </c>
      <c r="E3474" s="6">
        <v>884.06709999999998</v>
      </c>
    </row>
    <row r="3475" spans="4:5" x14ac:dyDescent="0.25">
      <c r="D3475" s="6">
        <v>849.5625</v>
      </c>
      <c r="E3475" s="6">
        <v>2647.8159999999998</v>
      </c>
    </row>
    <row r="3476" spans="4:5" x14ac:dyDescent="0.25">
      <c r="D3476" s="6">
        <v>3702.0920000000001</v>
      </c>
      <c r="E3476" s="6">
        <v>1430.508</v>
      </c>
    </row>
    <row r="3477" spans="4:5" x14ac:dyDescent="0.25">
      <c r="D3477" s="6">
        <v>1623.165</v>
      </c>
      <c r="E3477" s="6">
        <v>2523.1590000000001</v>
      </c>
    </row>
    <row r="3478" spans="4:5" x14ac:dyDescent="0.25">
      <c r="D3478" s="6">
        <v>1475.0070000000001</v>
      </c>
      <c r="E3478" s="6">
        <v>871.38369999999998</v>
      </c>
    </row>
    <row r="3479" spans="4:5" x14ac:dyDescent="0.25">
      <c r="D3479" s="6">
        <v>1552.6780000000001</v>
      </c>
      <c r="E3479" s="6">
        <v>762.6875</v>
      </c>
    </row>
    <row r="3480" spans="4:5" x14ac:dyDescent="0.25">
      <c r="D3480" s="6">
        <v>4739.7449999999999</v>
      </c>
      <c r="E3480" s="6">
        <v>1030.164</v>
      </c>
    </row>
    <row r="3481" spans="4:5" x14ac:dyDescent="0.25">
      <c r="D3481" s="6">
        <v>2706.6060000000002</v>
      </c>
      <c r="E3481" s="6">
        <v>786.55280000000005</v>
      </c>
    </row>
    <row r="3482" spans="4:5" x14ac:dyDescent="0.25">
      <c r="D3482" s="6">
        <v>1432.3689999999999</v>
      </c>
      <c r="E3482" s="6">
        <v>1773.5</v>
      </c>
    </row>
    <row r="3483" spans="4:5" x14ac:dyDescent="0.25">
      <c r="D3483" s="6">
        <v>1055.585</v>
      </c>
      <c r="E3483" s="6">
        <v>1238.6179999999999</v>
      </c>
    </row>
    <row r="3484" spans="4:5" x14ac:dyDescent="0.25">
      <c r="D3484" s="6">
        <v>940.67049999999995</v>
      </c>
      <c r="E3484" s="6">
        <v>875.86990000000003</v>
      </c>
    </row>
    <row r="3485" spans="4:5" x14ac:dyDescent="0.25">
      <c r="D3485" s="6">
        <v>5145.9390000000003</v>
      </c>
      <c r="E3485" s="6">
        <v>3449.2849999999999</v>
      </c>
    </row>
    <row r="3486" spans="4:5" x14ac:dyDescent="0.25">
      <c r="D3486" s="6">
        <v>2455.415</v>
      </c>
      <c r="E3486" s="6">
        <v>2863.424</v>
      </c>
    </row>
    <row r="3487" spans="4:5" x14ac:dyDescent="0.25">
      <c r="D3487" s="6">
        <v>1542.7629999999999</v>
      </c>
      <c r="E3487" s="6">
        <v>1200.076</v>
      </c>
    </row>
    <row r="3488" spans="4:5" x14ac:dyDescent="0.25">
      <c r="D3488" s="6">
        <v>1397.921</v>
      </c>
      <c r="E3488" s="6">
        <v>787.90110000000004</v>
      </c>
    </row>
    <row r="3489" spans="4:5" x14ac:dyDescent="0.25">
      <c r="D3489" s="6">
        <v>589.75</v>
      </c>
      <c r="E3489" s="6">
        <v>773.40200000000004</v>
      </c>
    </row>
    <row r="3490" spans="4:5" x14ac:dyDescent="0.25">
      <c r="D3490" s="6">
        <v>4614.0140000000001</v>
      </c>
      <c r="E3490" s="6">
        <v>3508.4810000000002</v>
      </c>
    </row>
    <row r="3491" spans="4:5" x14ac:dyDescent="0.25">
      <c r="D3491" s="6">
        <v>1492.0050000000001</v>
      </c>
      <c r="E3491" s="6">
        <v>826.76110000000006</v>
      </c>
    </row>
    <row r="3492" spans="4:5" x14ac:dyDescent="0.25">
      <c r="D3492" s="6">
        <v>6103.3540000000003</v>
      </c>
      <c r="E3492" s="6">
        <v>945.67100000000005</v>
      </c>
    </row>
    <row r="3493" spans="4:5" x14ac:dyDescent="0.25">
      <c r="D3493" s="6">
        <v>5795.2920000000004</v>
      </c>
      <c r="E3493" s="6">
        <v>941.8143</v>
      </c>
    </row>
    <row r="3494" spans="4:5" x14ac:dyDescent="0.25">
      <c r="D3494" s="6">
        <v>1455.7550000000001</v>
      </c>
      <c r="E3494" s="6">
        <v>1104.672</v>
      </c>
    </row>
    <row r="3495" spans="4:5" x14ac:dyDescent="0.25">
      <c r="D3495" s="6">
        <v>682.08720000000005</v>
      </c>
      <c r="E3495" s="6">
        <v>1025.904</v>
      </c>
    </row>
    <row r="3496" spans="4:5" x14ac:dyDescent="0.25">
      <c r="D3496" s="6">
        <v>625.22439999999995</v>
      </c>
      <c r="E3496" s="6">
        <v>874.59609999999998</v>
      </c>
    </row>
    <row r="3497" spans="4:5" x14ac:dyDescent="0.25">
      <c r="D3497" s="6">
        <v>765.14</v>
      </c>
      <c r="E3497" s="6">
        <v>1194.3620000000001</v>
      </c>
    </row>
    <row r="3498" spans="4:5" x14ac:dyDescent="0.25">
      <c r="D3498" s="6">
        <v>1347.6279999999999</v>
      </c>
      <c r="E3498" s="6">
        <v>801.65099999999995</v>
      </c>
    </row>
    <row r="3499" spans="4:5" x14ac:dyDescent="0.25">
      <c r="D3499" s="6">
        <v>1734.808</v>
      </c>
      <c r="E3499" s="6">
        <v>1313.1420000000001</v>
      </c>
    </row>
    <row r="3500" spans="4:5" x14ac:dyDescent="0.25">
      <c r="D3500" s="6">
        <v>1072.5</v>
      </c>
      <c r="E3500" s="6">
        <v>1151.337</v>
      </c>
    </row>
    <row r="3501" spans="4:5" x14ac:dyDescent="0.25">
      <c r="D3501" s="6">
        <v>3607.5</v>
      </c>
      <c r="E3501" s="6">
        <v>912.10019999999997</v>
      </c>
    </row>
    <row r="3502" spans="4:5" x14ac:dyDescent="0.25">
      <c r="D3502" s="6">
        <v>745.53880000000004</v>
      </c>
      <c r="E3502" s="6">
        <v>1123.81</v>
      </c>
    </row>
    <row r="3503" spans="4:5" x14ac:dyDescent="0.25">
      <c r="D3503" s="6">
        <v>2584.9920000000002</v>
      </c>
      <c r="E3503" s="6">
        <v>2011.6179999999999</v>
      </c>
    </row>
    <row r="3504" spans="4:5" x14ac:dyDescent="0.25">
      <c r="D3504" s="6">
        <v>2062.1889999999999</v>
      </c>
      <c r="E3504" s="6">
        <v>942.79150000000004</v>
      </c>
    </row>
    <row r="3505" spans="4:5" x14ac:dyDescent="0.25">
      <c r="D3505" s="6">
        <v>637.45360000000005</v>
      </c>
      <c r="E3505" s="6">
        <v>999.19090000000006</v>
      </c>
    </row>
    <row r="3506" spans="4:5" x14ac:dyDescent="0.25">
      <c r="D3506" s="6">
        <v>1345.395</v>
      </c>
      <c r="E3506" s="6">
        <v>2857.2939999999999</v>
      </c>
    </row>
    <row r="3507" spans="4:5" x14ac:dyDescent="0.25">
      <c r="D3507" s="6">
        <v>1445.2470000000001</v>
      </c>
      <c r="E3507" s="6">
        <v>3210.9589999999998</v>
      </c>
    </row>
    <row r="3508" spans="4:5" x14ac:dyDescent="0.25">
      <c r="D3508" s="6">
        <v>3091.2829999999999</v>
      </c>
      <c r="E3508" s="6">
        <v>9863.1550000000007</v>
      </c>
    </row>
    <row r="3509" spans="4:5" x14ac:dyDescent="0.25">
      <c r="D3509" s="6">
        <v>5750.25</v>
      </c>
      <c r="E3509" s="6">
        <v>755.71929999999998</v>
      </c>
    </row>
    <row r="3510" spans="4:5" x14ac:dyDescent="0.25">
      <c r="D3510" s="6">
        <v>1070.1569999999999</v>
      </c>
      <c r="E3510" s="6">
        <v>3499.8989999999999</v>
      </c>
    </row>
    <row r="3511" spans="4:5" x14ac:dyDescent="0.25">
      <c r="D3511" s="6">
        <v>658.67750000000001</v>
      </c>
      <c r="E3511" s="6">
        <v>3430.002</v>
      </c>
    </row>
    <row r="3512" spans="4:5" x14ac:dyDescent="0.25">
      <c r="D3512" s="6">
        <v>2805.8359999999998</v>
      </c>
      <c r="E3512" s="6">
        <v>958.54859999999996</v>
      </c>
    </row>
    <row r="3513" spans="4:5" x14ac:dyDescent="0.25">
      <c r="D3513" s="6">
        <v>679.67330000000004</v>
      </c>
      <c r="E3513" s="6">
        <v>1209.9090000000001</v>
      </c>
    </row>
    <row r="3514" spans="4:5" x14ac:dyDescent="0.25">
      <c r="D3514" s="6">
        <v>1377.761</v>
      </c>
      <c r="E3514" s="6">
        <v>622.81759999999997</v>
      </c>
    </row>
    <row r="3515" spans="4:5" x14ac:dyDescent="0.25">
      <c r="D3515" s="6">
        <v>678.18219999999997</v>
      </c>
      <c r="E3515" s="6">
        <v>2797.86</v>
      </c>
    </row>
    <row r="3516" spans="4:5" x14ac:dyDescent="0.25">
      <c r="D3516" s="6">
        <v>1608.67</v>
      </c>
      <c r="E3516" s="6">
        <v>997.16759999999999</v>
      </c>
    </row>
    <row r="3517" spans="4:5" x14ac:dyDescent="0.25">
      <c r="D3517" s="6">
        <v>853.31590000000006</v>
      </c>
      <c r="E3517" s="6">
        <v>2674.797</v>
      </c>
    </row>
    <row r="3518" spans="4:5" x14ac:dyDescent="0.25">
      <c r="D3518" s="6">
        <v>1516.6389999999999</v>
      </c>
      <c r="E3518" s="6">
        <v>898.25070000000005</v>
      </c>
    </row>
    <row r="3519" spans="4:5" x14ac:dyDescent="0.25">
      <c r="D3519" s="6">
        <v>712.99739999999997</v>
      </c>
      <c r="E3519" s="6">
        <v>6794.8159999999998</v>
      </c>
    </row>
    <row r="3520" spans="4:5" x14ac:dyDescent="0.25">
      <c r="D3520" s="6">
        <v>5729.6390000000001</v>
      </c>
      <c r="E3520" s="6">
        <v>840.47990000000004</v>
      </c>
    </row>
    <row r="3521" spans="4:5" x14ac:dyDescent="0.25">
      <c r="D3521" s="6">
        <v>2618.3159999999998</v>
      </c>
      <c r="E3521" s="6">
        <v>1183.827</v>
      </c>
    </row>
    <row r="3522" spans="4:5" x14ac:dyDescent="0.25">
      <c r="D3522" s="6">
        <v>1344.434</v>
      </c>
      <c r="E3522" s="6">
        <v>830.60389999999995</v>
      </c>
    </row>
    <row r="3523" spans="4:5" x14ac:dyDescent="0.25">
      <c r="D3523" s="6">
        <v>4760.5690000000004</v>
      </c>
      <c r="E3523" s="6">
        <v>2597.3789999999999</v>
      </c>
    </row>
    <row r="3524" spans="4:5" x14ac:dyDescent="0.25">
      <c r="D3524" s="6">
        <v>899.1703</v>
      </c>
      <c r="E3524" s="6">
        <v>2658.0729999999999</v>
      </c>
    </row>
    <row r="3525" spans="4:5" x14ac:dyDescent="0.25">
      <c r="D3525" s="6">
        <v>1257.7439999999999</v>
      </c>
      <c r="E3525" s="6">
        <v>1608.45</v>
      </c>
    </row>
    <row r="3526" spans="4:5" x14ac:dyDescent="0.25">
      <c r="D3526" s="6">
        <v>4851.8069999999998</v>
      </c>
      <c r="E3526" s="6">
        <v>609.82740000000001</v>
      </c>
    </row>
    <row r="3527" spans="4:5" x14ac:dyDescent="0.25">
      <c r="D3527" s="6">
        <v>2061.087</v>
      </c>
      <c r="E3527" s="6">
        <v>949.41830000000004</v>
      </c>
    </row>
    <row r="3528" spans="4:5" x14ac:dyDescent="0.25">
      <c r="D3528" s="6">
        <v>1835.4849999999999</v>
      </c>
      <c r="E3528" s="6">
        <v>782.32889999999998</v>
      </c>
    </row>
    <row r="3529" spans="4:5" x14ac:dyDescent="0.25">
      <c r="D3529" s="6">
        <v>668.35519999999997</v>
      </c>
      <c r="E3529" s="6">
        <v>848.76120000000003</v>
      </c>
    </row>
    <row r="3530" spans="4:5" x14ac:dyDescent="0.25">
      <c r="D3530" s="6">
        <v>2066.11</v>
      </c>
      <c r="E3530" s="6">
        <v>957.596</v>
      </c>
    </row>
    <row r="3531" spans="4:5" x14ac:dyDescent="0.25">
      <c r="D3531" s="6">
        <v>3080.9169999999999</v>
      </c>
      <c r="E3531" s="6">
        <v>1471.588</v>
      </c>
    </row>
    <row r="3532" spans="4:5" x14ac:dyDescent="0.25">
      <c r="D3532" s="6">
        <v>2096.529</v>
      </c>
      <c r="E3532" s="6">
        <v>512.41449999999998</v>
      </c>
    </row>
    <row r="3533" spans="4:5" x14ac:dyDescent="0.25">
      <c r="D3533" s="6">
        <v>2298.7379999999998</v>
      </c>
      <c r="E3533" s="6">
        <v>3820.3440000000001</v>
      </c>
    </row>
    <row r="3534" spans="4:5" x14ac:dyDescent="0.25">
      <c r="D3534" s="6">
        <v>4235.6440000000002</v>
      </c>
      <c r="E3534" s="6">
        <v>902.54449999999997</v>
      </c>
    </row>
    <row r="3535" spans="4:5" x14ac:dyDescent="0.25">
      <c r="D3535" s="6">
        <v>4628.8829999999998</v>
      </c>
      <c r="E3535" s="6">
        <v>1359.3150000000001</v>
      </c>
    </row>
    <row r="3536" spans="4:5" x14ac:dyDescent="0.25">
      <c r="D3536" s="6">
        <v>6874.67</v>
      </c>
      <c r="E3536" s="6">
        <v>2833.431</v>
      </c>
    </row>
    <row r="3537" spans="4:5" x14ac:dyDescent="0.25">
      <c r="D3537" s="6">
        <v>3064.1039999999998</v>
      </c>
      <c r="E3537" s="6">
        <v>1058.934</v>
      </c>
    </row>
    <row r="3538" spans="4:5" x14ac:dyDescent="0.25">
      <c r="D3538" s="6">
        <v>1316.96</v>
      </c>
      <c r="E3538" s="6">
        <v>577.75</v>
      </c>
    </row>
    <row r="3539" spans="4:5" x14ac:dyDescent="0.25">
      <c r="D3539" s="6">
        <v>822.45529999999997</v>
      </c>
      <c r="E3539" s="6">
        <v>1105.893</v>
      </c>
    </row>
    <row r="3540" spans="4:5" x14ac:dyDescent="0.25">
      <c r="D3540" s="6">
        <v>2671.7020000000002</v>
      </c>
      <c r="E3540" s="6">
        <v>883.995</v>
      </c>
    </row>
    <row r="3541" spans="4:5" x14ac:dyDescent="0.25">
      <c r="D3541" s="6">
        <v>793.29769999999996</v>
      </c>
      <c r="E3541" s="6">
        <v>1651.3989999999999</v>
      </c>
    </row>
    <row r="3542" spans="4:5" x14ac:dyDescent="0.25">
      <c r="D3542" s="6">
        <v>770.71220000000005</v>
      </c>
      <c r="E3542" s="6">
        <v>803.03470000000004</v>
      </c>
    </row>
    <row r="3543" spans="4:5" x14ac:dyDescent="0.25">
      <c r="D3543" s="6">
        <v>1611.8869999999999</v>
      </c>
      <c r="E3543" s="6">
        <v>1092.2460000000001</v>
      </c>
    </row>
    <row r="3544" spans="4:5" x14ac:dyDescent="0.25">
      <c r="D3544" s="6">
        <v>1996.7139999999999</v>
      </c>
      <c r="E3544" s="6">
        <v>1358.2809999999999</v>
      </c>
    </row>
    <row r="3545" spans="4:5" x14ac:dyDescent="0.25">
      <c r="D3545" s="6">
        <v>1595.992</v>
      </c>
      <c r="E3545" s="6">
        <v>987.56240000000003</v>
      </c>
    </row>
    <row r="3546" spans="4:5" x14ac:dyDescent="0.25">
      <c r="D3546" s="6">
        <v>2979.201</v>
      </c>
      <c r="E3546" s="6">
        <v>753.80809999999997</v>
      </c>
    </row>
    <row r="3547" spans="4:5" x14ac:dyDescent="0.25">
      <c r="D3547" s="6">
        <v>662.69060000000002</v>
      </c>
      <c r="E3547" s="6">
        <v>1950.7539999999999</v>
      </c>
    </row>
    <row r="3548" spans="4:5" x14ac:dyDescent="0.25">
      <c r="D3548" s="6">
        <v>1215.126</v>
      </c>
      <c r="E3548" s="6">
        <v>1116.1690000000001</v>
      </c>
    </row>
    <row r="3549" spans="4:5" x14ac:dyDescent="0.25">
      <c r="D3549" s="6">
        <v>911.78629999999998</v>
      </c>
      <c r="E3549" s="6">
        <v>533.67380000000003</v>
      </c>
    </row>
    <row r="3550" spans="4:5" x14ac:dyDescent="0.25">
      <c r="D3550" s="6">
        <v>1603.077</v>
      </c>
      <c r="E3550" s="6">
        <v>924.52620000000002</v>
      </c>
    </row>
    <row r="3551" spans="4:5" x14ac:dyDescent="0.25">
      <c r="D3551" s="6">
        <v>841.32360000000006</v>
      </c>
      <c r="E3551" s="6">
        <v>1086.4949999999999</v>
      </c>
    </row>
    <row r="3552" spans="4:5" x14ac:dyDescent="0.25">
      <c r="D3552" s="6">
        <v>4869.3670000000002</v>
      </c>
      <c r="E3552" s="6">
        <v>695.9502</v>
      </c>
    </row>
    <row r="3553" spans="4:5" x14ac:dyDescent="0.25">
      <c r="D3553" s="6">
        <v>603.03809999999999</v>
      </c>
      <c r="E3553" s="6">
        <v>2292.0149999999999</v>
      </c>
    </row>
    <row r="3554" spans="4:5" x14ac:dyDescent="0.25">
      <c r="D3554" s="6">
        <v>2069.8040000000001</v>
      </c>
      <c r="E3554" s="6">
        <v>1953.1610000000001</v>
      </c>
    </row>
    <row r="3555" spans="4:5" x14ac:dyDescent="0.25">
      <c r="D3555" s="6">
        <v>760.06359999999995</v>
      </c>
      <c r="E3555" s="6">
        <v>3450.77</v>
      </c>
    </row>
    <row r="3556" spans="4:5" x14ac:dyDescent="0.25">
      <c r="D3556" s="6">
        <v>2356.2600000000002</v>
      </c>
      <c r="E3556" s="6">
        <v>366.09739999999999</v>
      </c>
    </row>
    <row r="3557" spans="4:5" x14ac:dyDescent="0.25">
      <c r="D3557" s="6">
        <v>5564.6750000000002</v>
      </c>
      <c r="E3557" s="6">
        <v>1598.347</v>
      </c>
    </row>
    <row r="3558" spans="4:5" x14ac:dyDescent="0.25">
      <c r="D3558" s="6">
        <v>1574.77</v>
      </c>
      <c r="E3558" s="6">
        <v>538.06569999999999</v>
      </c>
    </row>
    <row r="3559" spans="4:5" x14ac:dyDescent="0.25">
      <c r="D3559" s="6">
        <v>974.06410000000005</v>
      </c>
      <c r="E3559" s="6">
        <v>885.18420000000003</v>
      </c>
    </row>
    <row r="3560" spans="4:5" x14ac:dyDescent="0.25">
      <c r="D3560" s="6">
        <v>1904.6569999999999</v>
      </c>
      <c r="E3560" s="6">
        <v>1383.002</v>
      </c>
    </row>
    <row r="3561" spans="4:5" x14ac:dyDescent="0.25">
      <c r="D3561" s="6">
        <v>1186.1880000000001</v>
      </c>
      <c r="E3561" s="6">
        <v>2804.585</v>
      </c>
    </row>
    <row r="3562" spans="4:5" x14ac:dyDescent="0.25">
      <c r="D3562" s="6">
        <v>6128.1210000000001</v>
      </c>
      <c r="E3562" s="6">
        <v>1151.145</v>
      </c>
    </row>
    <row r="3563" spans="4:5" x14ac:dyDescent="0.25">
      <c r="D3563" s="6">
        <v>6141.8530000000001</v>
      </c>
      <c r="E3563" s="6">
        <v>1940.5630000000001</v>
      </c>
    </row>
    <row r="3564" spans="4:5" x14ac:dyDescent="0.25">
      <c r="D3564" s="6">
        <v>1056.8779999999999</v>
      </c>
      <c r="E3564" s="6">
        <v>1621.556</v>
      </c>
    </row>
    <row r="3565" spans="4:5" x14ac:dyDescent="0.25">
      <c r="D3565" s="6">
        <v>736.55640000000005</v>
      </c>
      <c r="E3565" s="6">
        <v>1132.258</v>
      </c>
    </row>
    <row r="3566" spans="4:5" x14ac:dyDescent="0.25">
      <c r="D3566" s="6">
        <v>761.8809</v>
      </c>
      <c r="E3566" s="6">
        <v>633.72799999999995</v>
      </c>
    </row>
    <row r="3567" spans="4:5" x14ac:dyDescent="0.25">
      <c r="D3567" s="6">
        <v>6154.2190000000001</v>
      </c>
      <c r="E3567" s="6">
        <v>2245.884</v>
      </c>
    </row>
    <row r="3568" spans="4:5" x14ac:dyDescent="0.25">
      <c r="D3568" s="6">
        <v>3817.712</v>
      </c>
      <c r="E3568" s="6">
        <v>1332.5139999999999</v>
      </c>
    </row>
    <row r="3569" spans="4:5" x14ac:dyDescent="0.25">
      <c r="D3569" s="6">
        <v>1954.8</v>
      </c>
      <c r="E3569" s="6">
        <v>1179.5340000000001</v>
      </c>
    </row>
    <row r="3570" spans="4:5" x14ac:dyDescent="0.25">
      <c r="D3570" s="6">
        <v>1568.241</v>
      </c>
      <c r="E3570" s="6">
        <v>859.31610000000001</v>
      </c>
    </row>
    <row r="3571" spans="4:5" x14ac:dyDescent="0.25">
      <c r="D3571" s="6">
        <v>2056.0169999999998</v>
      </c>
      <c r="E3571" s="6">
        <v>548.16750000000002</v>
      </c>
    </row>
    <row r="3572" spans="4:5" x14ac:dyDescent="0.25">
      <c r="D3572" s="6">
        <v>1474.3340000000001</v>
      </c>
      <c r="E3572" s="6">
        <v>903.80769999999995</v>
      </c>
    </row>
    <row r="3573" spans="4:5" x14ac:dyDescent="0.25">
      <c r="D3573" s="6">
        <v>1567.5160000000001</v>
      </c>
      <c r="E3573" s="6">
        <v>679.91049999999996</v>
      </c>
    </row>
    <row r="3574" spans="4:5" x14ac:dyDescent="0.25">
      <c r="D3574" s="6">
        <v>817.68910000000005</v>
      </c>
      <c r="E3574" s="6">
        <v>1009.211</v>
      </c>
    </row>
    <row r="3575" spans="4:5" x14ac:dyDescent="0.25">
      <c r="D3575" s="6">
        <v>793.32939999999996</v>
      </c>
      <c r="E3575" s="6">
        <v>918.8537</v>
      </c>
    </row>
    <row r="3576" spans="4:5" x14ac:dyDescent="0.25">
      <c r="D3576" s="6">
        <v>853.96709999999996</v>
      </c>
      <c r="E3576" s="6">
        <v>910.88080000000002</v>
      </c>
    </row>
    <row r="3577" spans="4:5" x14ac:dyDescent="0.25">
      <c r="D3577" s="6">
        <v>645.02009999999996</v>
      </c>
      <c r="E3577" s="6">
        <v>3782</v>
      </c>
    </row>
    <row r="3578" spans="4:5" x14ac:dyDescent="0.25">
      <c r="D3578" s="6">
        <v>759.49699999999996</v>
      </c>
      <c r="E3578" s="6">
        <v>1123.0309999999999</v>
      </c>
    </row>
    <row r="3579" spans="4:5" x14ac:dyDescent="0.25">
      <c r="D3579" s="6">
        <v>1258.925</v>
      </c>
      <c r="E3579" s="6">
        <v>756.57449999999994</v>
      </c>
    </row>
    <row r="3580" spans="4:5" x14ac:dyDescent="0.25">
      <c r="D3580" s="6">
        <v>992.1617</v>
      </c>
      <c r="E3580" s="6">
        <v>3237.2750000000001</v>
      </c>
    </row>
    <row r="3581" spans="4:5" x14ac:dyDescent="0.25">
      <c r="D3581" s="6">
        <v>806.51710000000003</v>
      </c>
      <c r="E3581" s="6">
        <v>3728.8130000000001</v>
      </c>
    </row>
    <row r="3582" spans="4:5" x14ac:dyDescent="0.25">
      <c r="D3582" s="6">
        <v>3771.8339999999998</v>
      </c>
      <c r="E3582" s="6">
        <v>2593.5439999999999</v>
      </c>
    </row>
    <row r="3583" spans="4:5" x14ac:dyDescent="0.25">
      <c r="D3583" s="6">
        <v>1917.155</v>
      </c>
      <c r="E3583" s="6">
        <v>2298.3829999999998</v>
      </c>
    </row>
    <row r="3584" spans="4:5" x14ac:dyDescent="0.25">
      <c r="D3584" s="6">
        <v>455.0498</v>
      </c>
      <c r="E3584" s="6">
        <v>829.77710000000002</v>
      </c>
    </row>
    <row r="3585" spans="4:5" x14ac:dyDescent="0.25">
      <c r="D3585" s="6">
        <v>524.43489999999997</v>
      </c>
      <c r="E3585" s="6">
        <v>936.36149999999998</v>
      </c>
    </row>
    <row r="3586" spans="4:5" x14ac:dyDescent="0.25">
      <c r="D3586" s="6">
        <v>2982.596</v>
      </c>
      <c r="E3586" s="6">
        <v>642.06939999999997</v>
      </c>
    </row>
    <row r="3587" spans="4:5" x14ac:dyDescent="0.25">
      <c r="D3587" s="6">
        <v>734.63750000000005</v>
      </c>
      <c r="E3587" s="6">
        <v>1040.8409999999999</v>
      </c>
    </row>
    <row r="3588" spans="4:5" x14ac:dyDescent="0.25">
      <c r="D3588" s="6">
        <v>1230.0260000000001</v>
      </c>
      <c r="E3588" s="6">
        <v>712.99720000000002</v>
      </c>
    </row>
    <row r="3589" spans="4:5" x14ac:dyDescent="0.25">
      <c r="D3589" s="6">
        <v>6344.7939999999999</v>
      </c>
      <c r="E3589" s="6">
        <v>2546.7640000000001</v>
      </c>
    </row>
    <row r="3590" spans="4:5" x14ac:dyDescent="0.25">
      <c r="D3590" s="6">
        <v>5562.3980000000001</v>
      </c>
      <c r="E3590" s="6">
        <v>1669.7280000000001</v>
      </c>
    </row>
    <row r="3591" spans="4:5" x14ac:dyDescent="0.25">
      <c r="D3591" s="6">
        <v>1309.885</v>
      </c>
      <c r="E3591" s="6">
        <v>982.83780000000002</v>
      </c>
    </row>
    <row r="3592" spans="4:5" x14ac:dyDescent="0.25">
      <c r="D3592" s="6">
        <v>1240.046</v>
      </c>
      <c r="E3592" s="6">
        <v>1051.26</v>
      </c>
    </row>
    <row r="3593" spans="4:5" x14ac:dyDescent="0.25">
      <c r="D3593" s="6">
        <v>3335.7170000000001</v>
      </c>
      <c r="E3593" s="6">
        <v>2592.4899999999998</v>
      </c>
    </row>
    <row r="3594" spans="4:5" x14ac:dyDescent="0.25">
      <c r="D3594" s="6">
        <v>3534.7330000000002</v>
      </c>
      <c r="E3594" s="6">
        <v>2613.9569999999999</v>
      </c>
    </row>
    <row r="3595" spans="4:5" x14ac:dyDescent="0.25">
      <c r="D3595" s="6">
        <v>2275.8519999999999</v>
      </c>
      <c r="E3595" s="6">
        <v>4775</v>
      </c>
    </row>
    <row r="3596" spans="4:5" x14ac:dyDescent="0.25">
      <c r="D3596" s="6">
        <v>737.40060000000005</v>
      </c>
      <c r="E3596" s="6">
        <v>140.69919999999999</v>
      </c>
    </row>
    <row r="3597" spans="4:5" x14ac:dyDescent="0.25">
      <c r="D3597" s="6">
        <v>1240.4549999999999</v>
      </c>
      <c r="E3597" s="6">
        <v>1325.4280000000001</v>
      </c>
    </row>
    <row r="3598" spans="4:5" x14ac:dyDescent="0.25">
      <c r="D3598" s="6">
        <v>4925.7120000000004</v>
      </c>
      <c r="E3598" s="6">
        <v>2154.4160000000002</v>
      </c>
    </row>
    <row r="3599" spans="4:5" x14ac:dyDescent="0.25">
      <c r="D3599" s="6">
        <v>781.77530000000002</v>
      </c>
      <c r="E3599" s="6">
        <v>998.52539999999999</v>
      </c>
    </row>
    <row r="3600" spans="4:5" x14ac:dyDescent="0.25">
      <c r="D3600" s="6">
        <v>1185.902</v>
      </c>
      <c r="E3600" s="6">
        <v>2086.373</v>
      </c>
    </row>
    <row r="3601" spans="4:5" x14ac:dyDescent="0.25">
      <c r="D3601" s="6">
        <v>4484.223</v>
      </c>
      <c r="E3601" s="6">
        <v>14872.52</v>
      </c>
    </row>
    <row r="3602" spans="4:5" x14ac:dyDescent="0.25">
      <c r="D3602" s="6">
        <v>1365.356</v>
      </c>
      <c r="E3602" s="6">
        <v>4810.9740000000002</v>
      </c>
    </row>
    <row r="3603" spans="4:5" x14ac:dyDescent="0.25">
      <c r="D3603" s="6">
        <v>2248.8629999999998</v>
      </c>
      <c r="E3603" s="6">
        <v>1761.0630000000001</v>
      </c>
    </row>
    <row r="3604" spans="4:5" x14ac:dyDescent="0.25">
      <c r="D3604" s="6">
        <v>1167.2739999999999</v>
      </c>
      <c r="E3604" s="6">
        <v>2734.8180000000002</v>
      </c>
    </row>
    <row r="3605" spans="4:5" x14ac:dyDescent="0.25">
      <c r="D3605" s="6">
        <v>937.42619999999999</v>
      </c>
      <c r="E3605" s="6">
        <v>3333.7849999999999</v>
      </c>
    </row>
    <row r="3606" spans="4:5" x14ac:dyDescent="0.25">
      <c r="D3606" s="6">
        <v>1086.9960000000001</v>
      </c>
      <c r="E3606" s="6">
        <v>1066.674</v>
      </c>
    </row>
    <row r="3607" spans="4:5" x14ac:dyDescent="0.25">
      <c r="D3607" s="6">
        <v>1902.8340000000001</v>
      </c>
      <c r="E3607" s="6">
        <v>6785.7049999999999</v>
      </c>
    </row>
    <row r="3608" spans="4:5" x14ac:dyDescent="0.25">
      <c r="D3608" s="6">
        <v>1212.876</v>
      </c>
      <c r="E3608" s="6">
        <v>756.37149999999997</v>
      </c>
    </row>
    <row r="3609" spans="4:5" x14ac:dyDescent="0.25">
      <c r="D3609" s="6">
        <v>4389.1099999999997</v>
      </c>
      <c r="E3609" s="6">
        <v>578.14070000000004</v>
      </c>
    </row>
    <row r="3610" spans="4:5" x14ac:dyDescent="0.25">
      <c r="D3610" s="6">
        <v>730.82389999999998</v>
      </c>
      <c r="E3610" s="6">
        <v>963.84</v>
      </c>
    </row>
    <row r="3611" spans="4:5" x14ac:dyDescent="0.25">
      <c r="D3611" s="6">
        <v>596.92859999999996</v>
      </c>
      <c r="E3611" s="6">
        <v>817.69870000000003</v>
      </c>
    </row>
    <row r="3612" spans="4:5" x14ac:dyDescent="0.25">
      <c r="D3612" s="6">
        <v>513.2672</v>
      </c>
      <c r="E3612" s="6">
        <v>823.18190000000004</v>
      </c>
    </row>
    <row r="3613" spans="4:5" x14ac:dyDescent="0.25">
      <c r="D3613" s="6">
        <v>758.81700000000001</v>
      </c>
      <c r="E3613" s="6">
        <v>1134.5219999999999</v>
      </c>
    </row>
    <row r="3614" spans="4:5" x14ac:dyDescent="0.25">
      <c r="D3614" s="6">
        <v>1448.095</v>
      </c>
      <c r="E3614" s="6">
        <v>2700.22</v>
      </c>
    </row>
    <row r="3615" spans="4:5" x14ac:dyDescent="0.25">
      <c r="D3615" s="6">
        <v>1256.3140000000001</v>
      </c>
      <c r="E3615" s="6">
        <v>957.89620000000002</v>
      </c>
    </row>
    <row r="3616" spans="4:5" x14ac:dyDescent="0.25">
      <c r="D3616" s="6">
        <v>4765.8739999999998</v>
      </c>
      <c r="E3616" s="6">
        <v>3418.5210000000002</v>
      </c>
    </row>
    <row r="3617" spans="4:5" x14ac:dyDescent="0.25">
      <c r="D3617" s="6">
        <v>711.40129999999999</v>
      </c>
      <c r="E3617" s="6">
        <v>1492.1690000000001</v>
      </c>
    </row>
    <row r="3618" spans="4:5" x14ac:dyDescent="0.25">
      <c r="D3618" s="6">
        <v>563.76580000000001</v>
      </c>
      <c r="E3618" s="6">
        <v>998.88099999999997</v>
      </c>
    </row>
    <row r="3619" spans="4:5" x14ac:dyDescent="0.25">
      <c r="D3619" s="6">
        <v>1623.441</v>
      </c>
      <c r="E3619" s="6">
        <v>2384.6779999999999</v>
      </c>
    </row>
    <row r="3620" spans="4:5" x14ac:dyDescent="0.25">
      <c r="D3620" s="6">
        <v>626.64440000000002</v>
      </c>
      <c r="E3620" s="6">
        <v>1641.5050000000001</v>
      </c>
    </row>
    <row r="3621" spans="4:5" x14ac:dyDescent="0.25">
      <c r="D3621" s="6">
        <v>1029.125</v>
      </c>
      <c r="E3621" s="6">
        <v>816.24</v>
      </c>
    </row>
    <row r="3622" spans="4:5" x14ac:dyDescent="0.25">
      <c r="D3622" s="6">
        <v>918.30489999999998</v>
      </c>
      <c r="E3622" s="6">
        <v>449.2183</v>
      </c>
    </row>
    <row r="3623" spans="4:5" x14ac:dyDescent="0.25">
      <c r="D3623" s="6">
        <v>4710.5219999999999</v>
      </c>
      <c r="E3623" s="6">
        <v>3043.8989999999999</v>
      </c>
    </row>
    <row r="3624" spans="4:5" x14ac:dyDescent="0.25">
      <c r="D3624" s="6">
        <v>946.06859999999995</v>
      </c>
      <c r="E3624" s="6">
        <v>986.96349999999995</v>
      </c>
    </row>
    <row r="3625" spans="4:5" x14ac:dyDescent="0.25">
      <c r="D3625" s="6">
        <v>4945.183</v>
      </c>
      <c r="E3625" s="6">
        <v>1370.029</v>
      </c>
    </row>
    <row r="3626" spans="4:5" x14ac:dyDescent="0.25">
      <c r="D3626" s="6">
        <v>1383.6110000000001</v>
      </c>
      <c r="E3626" s="6">
        <v>248.816</v>
      </c>
    </row>
    <row r="3627" spans="4:5" x14ac:dyDescent="0.25">
      <c r="D3627" s="6">
        <v>2384.5369999999998</v>
      </c>
      <c r="E3627" s="6">
        <v>1655.1980000000001</v>
      </c>
    </row>
    <row r="3628" spans="4:5" x14ac:dyDescent="0.25">
      <c r="D3628" s="6">
        <v>633.06629999999996</v>
      </c>
      <c r="E3628" s="6">
        <v>749.52319999999997</v>
      </c>
    </row>
    <row r="3629" spans="4:5" x14ac:dyDescent="0.25">
      <c r="D3629" s="6">
        <v>2573.3760000000002</v>
      </c>
      <c r="E3629" s="6">
        <v>1010.115</v>
      </c>
    </row>
    <row r="3630" spans="4:5" x14ac:dyDescent="0.25">
      <c r="D3630" s="6">
        <v>1454.558</v>
      </c>
      <c r="E3630" s="6">
        <v>808.63919999999996</v>
      </c>
    </row>
    <row r="3631" spans="4:5" x14ac:dyDescent="0.25">
      <c r="D3631" s="6">
        <v>5663.7460000000001</v>
      </c>
      <c r="E3631" s="6">
        <v>970.14469999999994</v>
      </c>
    </row>
    <row r="3632" spans="4:5" x14ac:dyDescent="0.25">
      <c r="D3632" s="6">
        <v>1458.721</v>
      </c>
      <c r="E3632" s="6">
        <v>490.34390000000002</v>
      </c>
    </row>
    <row r="3633" spans="4:5" x14ac:dyDescent="0.25">
      <c r="D3633" s="6">
        <v>4583.116</v>
      </c>
      <c r="E3633" s="6">
        <v>369</v>
      </c>
    </row>
    <row r="3634" spans="4:5" x14ac:dyDescent="0.25">
      <c r="D3634" s="6">
        <v>1313.115</v>
      </c>
      <c r="E3634" s="6">
        <v>1180.625</v>
      </c>
    </row>
    <row r="3635" spans="4:5" x14ac:dyDescent="0.25">
      <c r="D3635" s="6">
        <v>826.03989999999999</v>
      </c>
      <c r="E3635" s="6">
        <v>1057.798</v>
      </c>
    </row>
    <row r="3636" spans="4:5" x14ac:dyDescent="0.25">
      <c r="D3636" s="6">
        <v>2370.395</v>
      </c>
      <c r="E3636" s="6">
        <v>1244.441</v>
      </c>
    </row>
    <row r="3637" spans="4:5" x14ac:dyDescent="0.25">
      <c r="D3637" s="6">
        <v>801.98820000000001</v>
      </c>
      <c r="E3637" s="6">
        <v>2563.1489999999999</v>
      </c>
    </row>
    <row r="3638" spans="4:5" x14ac:dyDescent="0.25">
      <c r="D3638" s="6">
        <v>1089.8040000000001</v>
      </c>
      <c r="E3638" s="6">
        <v>1233.722</v>
      </c>
    </row>
    <row r="3639" spans="4:5" x14ac:dyDescent="0.25">
      <c r="D3639" s="6">
        <v>4489.2430000000004</v>
      </c>
      <c r="E3639" s="6">
        <v>413.84089999999998</v>
      </c>
    </row>
    <row r="3640" spans="4:5" x14ac:dyDescent="0.25">
      <c r="D3640" s="6">
        <v>1560.94</v>
      </c>
      <c r="E3640" s="6">
        <v>1366.068</v>
      </c>
    </row>
    <row r="3641" spans="4:5" x14ac:dyDescent="0.25">
      <c r="D3641" s="6">
        <v>1023.417</v>
      </c>
      <c r="E3641" s="6">
        <v>2636.2020000000002</v>
      </c>
    </row>
    <row r="3642" spans="4:5" x14ac:dyDescent="0.25">
      <c r="D3642" s="6">
        <v>610.43669999999997</v>
      </c>
      <c r="E3642" s="6">
        <v>264.21980000000002</v>
      </c>
    </row>
    <row r="3643" spans="4:5" x14ac:dyDescent="0.25">
      <c r="D3643" s="6">
        <v>887.14469999999994</v>
      </c>
      <c r="E3643" s="6">
        <v>858.02539999999999</v>
      </c>
    </row>
    <row r="3644" spans="4:5" x14ac:dyDescent="0.25">
      <c r="D3644" s="6">
        <v>2289.3090000000002</v>
      </c>
      <c r="E3644" s="6">
        <v>1188.002</v>
      </c>
    </row>
    <row r="3645" spans="4:5" x14ac:dyDescent="0.25">
      <c r="D3645" s="6">
        <v>663.32709999999997</v>
      </c>
      <c r="E3645" s="6">
        <v>894.65089999999998</v>
      </c>
    </row>
    <row r="3646" spans="4:5" x14ac:dyDescent="0.25">
      <c r="D3646" s="6">
        <v>828.33330000000001</v>
      </c>
      <c r="E3646" s="6">
        <v>1482.5440000000001</v>
      </c>
    </row>
    <row r="3647" spans="4:5" x14ac:dyDescent="0.25">
      <c r="D3647" s="6">
        <v>1253.3579999999999</v>
      </c>
      <c r="E3647" s="6">
        <v>1086.8409999999999</v>
      </c>
    </row>
    <row r="3648" spans="4:5" x14ac:dyDescent="0.25">
      <c r="D3648" s="6">
        <v>726.88170000000002</v>
      </c>
      <c r="E3648" s="6">
        <v>305.23919999999998</v>
      </c>
    </row>
    <row r="3649" spans="4:5" x14ac:dyDescent="0.25">
      <c r="D3649" s="6">
        <v>812.57650000000001</v>
      </c>
      <c r="E3649" s="6">
        <v>929.96780000000001</v>
      </c>
    </row>
    <row r="3650" spans="4:5" x14ac:dyDescent="0.25">
      <c r="D3650" s="6">
        <v>555.52890000000002</v>
      </c>
      <c r="E3650" s="6">
        <v>796.47500000000002</v>
      </c>
    </row>
    <row r="3651" spans="4:5" x14ac:dyDescent="0.25">
      <c r="D3651" s="6">
        <v>1108.528</v>
      </c>
      <c r="E3651" s="6">
        <v>2642.223</v>
      </c>
    </row>
    <row r="3652" spans="4:5" x14ac:dyDescent="0.25">
      <c r="D3652" s="6">
        <v>1620.3240000000001</v>
      </c>
      <c r="E3652" s="6">
        <v>3141.1770000000001</v>
      </c>
    </row>
    <row r="3653" spans="4:5" x14ac:dyDescent="0.25">
      <c r="D3653" s="6">
        <v>633.31349999999998</v>
      </c>
      <c r="E3653" s="6">
        <v>860.23839999999996</v>
      </c>
    </row>
    <row r="3654" spans="4:5" x14ac:dyDescent="0.25">
      <c r="D3654" s="6">
        <v>3887.864</v>
      </c>
      <c r="E3654" s="6">
        <v>749.00009999999997</v>
      </c>
    </row>
    <row r="3655" spans="4:5" x14ac:dyDescent="0.25">
      <c r="D3655" s="6">
        <v>5557.25</v>
      </c>
      <c r="E3655" s="6">
        <v>2764.8090000000002</v>
      </c>
    </row>
    <row r="3656" spans="4:5" x14ac:dyDescent="0.25">
      <c r="D3656" s="6">
        <v>1829.663</v>
      </c>
      <c r="E3656" s="6">
        <v>883.42269999999996</v>
      </c>
    </row>
    <row r="3657" spans="4:5" x14ac:dyDescent="0.25">
      <c r="D3657" s="6">
        <v>932.23289999999997</v>
      </c>
      <c r="E3657" s="6">
        <v>1100.7380000000001</v>
      </c>
    </row>
    <row r="3658" spans="4:5" x14ac:dyDescent="0.25">
      <c r="D3658" s="6">
        <v>491.85939999999999</v>
      </c>
      <c r="E3658" s="6">
        <v>2804.4140000000002</v>
      </c>
    </row>
    <row r="3659" spans="4:5" x14ac:dyDescent="0.25">
      <c r="D3659" s="6">
        <v>2135.556</v>
      </c>
      <c r="E3659" s="6">
        <v>965.83680000000004</v>
      </c>
    </row>
    <row r="3660" spans="4:5" x14ac:dyDescent="0.25">
      <c r="D3660" s="6">
        <v>1494.4169999999999</v>
      </c>
      <c r="E3660" s="6">
        <v>550.70609999999999</v>
      </c>
    </row>
    <row r="3661" spans="4:5" x14ac:dyDescent="0.25">
      <c r="D3661" s="6">
        <v>572.31089999999995</v>
      </c>
      <c r="E3661" s="6">
        <v>981.12350000000004</v>
      </c>
    </row>
    <row r="3662" spans="4:5" x14ac:dyDescent="0.25">
      <c r="D3662" s="6">
        <v>968.6626</v>
      </c>
      <c r="E3662" s="6">
        <v>1407.808</v>
      </c>
    </row>
    <row r="3663" spans="4:5" x14ac:dyDescent="0.25">
      <c r="D3663" s="6">
        <v>1429.92</v>
      </c>
      <c r="E3663" s="6">
        <v>703.18989999999997</v>
      </c>
    </row>
    <row r="3664" spans="4:5" x14ac:dyDescent="0.25">
      <c r="D3664" s="6">
        <v>4854.143</v>
      </c>
      <c r="E3664" s="6">
        <v>878.25360000000001</v>
      </c>
    </row>
    <row r="3665" spans="4:5" x14ac:dyDescent="0.25">
      <c r="D3665" s="6">
        <v>5186.5290000000005</v>
      </c>
      <c r="E3665" s="6">
        <v>1109.5260000000001</v>
      </c>
    </row>
    <row r="3666" spans="4:5" x14ac:dyDescent="0.25">
      <c r="D3666" s="6">
        <v>4658.817</v>
      </c>
      <c r="E3666" s="6">
        <v>960.72410000000002</v>
      </c>
    </row>
    <row r="3667" spans="4:5" x14ac:dyDescent="0.25">
      <c r="D3667" s="6">
        <v>4482.1030000000001</v>
      </c>
      <c r="E3667" s="6">
        <v>653.62789999999995</v>
      </c>
    </row>
    <row r="3668" spans="4:5" x14ac:dyDescent="0.25">
      <c r="D3668" s="6">
        <v>1314.107</v>
      </c>
      <c r="E3668" s="6">
        <v>677.69960000000003</v>
      </c>
    </row>
    <row r="3669" spans="4:5" x14ac:dyDescent="0.25">
      <c r="D3669" s="6">
        <v>1529.1969999999999</v>
      </c>
      <c r="E3669" s="6">
        <v>776.15790000000004</v>
      </c>
    </row>
    <row r="3670" spans="4:5" x14ac:dyDescent="0.25">
      <c r="D3670" s="6">
        <v>4746.25</v>
      </c>
      <c r="E3670" s="6">
        <v>1214.153</v>
      </c>
    </row>
    <row r="3671" spans="4:5" x14ac:dyDescent="0.25">
      <c r="D3671" s="6">
        <v>658.99289999999996</v>
      </c>
      <c r="E3671" s="6">
        <v>1146.5309999999999</v>
      </c>
    </row>
    <row r="3672" spans="4:5" x14ac:dyDescent="0.25">
      <c r="D3672" s="6">
        <v>848.46960000000001</v>
      </c>
      <c r="E3672" s="6">
        <v>416.77510000000001</v>
      </c>
    </row>
    <row r="3673" spans="4:5" x14ac:dyDescent="0.25">
      <c r="D3673" s="6">
        <v>5434.9930000000004</v>
      </c>
      <c r="E3673" s="6">
        <v>1379.5650000000001</v>
      </c>
    </row>
    <row r="3674" spans="4:5" x14ac:dyDescent="0.25">
      <c r="D3674" s="6">
        <v>743.19140000000004</v>
      </c>
      <c r="E3674" s="6">
        <v>1243.595</v>
      </c>
    </row>
    <row r="3675" spans="4:5" x14ac:dyDescent="0.25">
      <c r="D3675" s="6">
        <v>923.04359999999997</v>
      </c>
      <c r="E3675" s="6">
        <v>423.69909999999999</v>
      </c>
    </row>
    <row r="3676" spans="4:5" x14ac:dyDescent="0.25">
      <c r="D3676" s="6">
        <v>2918.828</v>
      </c>
      <c r="E3676" s="6">
        <v>548.95849999999996</v>
      </c>
    </row>
    <row r="3677" spans="4:5" x14ac:dyDescent="0.25">
      <c r="D3677" s="6">
        <v>1475.9680000000001</v>
      </c>
      <c r="E3677" s="6">
        <v>1259.306</v>
      </c>
    </row>
    <row r="3678" spans="4:5" x14ac:dyDescent="0.25">
      <c r="D3678" s="6">
        <v>728.90449999999998</v>
      </c>
      <c r="E3678" s="6">
        <v>883.80799999999999</v>
      </c>
    </row>
    <row r="3679" spans="4:5" x14ac:dyDescent="0.25">
      <c r="D3679" s="6">
        <v>2558.3939999999998</v>
      </c>
      <c r="E3679" s="6">
        <v>2479.9</v>
      </c>
    </row>
    <row r="3680" spans="4:5" x14ac:dyDescent="0.25">
      <c r="D3680" s="6">
        <v>5732.0079999999998</v>
      </c>
      <c r="E3680" s="6">
        <v>903.23850000000004</v>
      </c>
    </row>
    <row r="3681" spans="4:5" x14ac:dyDescent="0.25">
      <c r="D3681" s="6">
        <v>1147.1790000000001</v>
      </c>
      <c r="E3681" s="6">
        <v>1264.6890000000001</v>
      </c>
    </row>
    <row r="3682" spans="4:5" x14ac:dyDescent="0.25">
      <c r="D3682" s="6">
        <v>687.09789999999998</v>
      </c>
      <c r="E3682" s="6">
        <v>1359.903</v>
      </c>
    </row>
    <row r="3683" spans="4:5" x14ac:dyDescent="0.25">
      <c r="D3683" s="6">
        <v>1051.9469999999999</v>
      </c>
      <c r="E3683" s="6">
        <v>629.15340000000003</v>
      </c>
    </row>
    <row r="3684" spans="4:5" x14ac:dyDescent="0.25">
      <c r="D3684" s="6">
        <v>5222.4489999999996</v>
      </c>
      <c r="E3684" s="6">
        <v>1471.9390000000001</v>
      </c>
    </row>
    <row r="3685" spans="4:5" x14ac:dyDescent="0.25">
      <c r="D3685" s="6">
        <v>727.67229999999995</v>
      </c>
      <c r="E3685" s="6">
        <v>945.85149999999999</v>
      </c>
    </row>
    <row r="3686" spans="4:5" x14ac:dyDescent="0.25">
      <c r="D3686" s="6">
        <v>644.6164</v>
      </c>
      <c r="E3686" s="6">
        <v>1063.7059999999999</v>
      </c>
    </row>
    <row r="3687" spans="4:5" x14ac:dyDescent="0.25">
      <c r="D3687" s="6">
        <v>1513.6010000000001</v>
      </c>
      <c r="E3687" s="6">
        <v>1141.3140000000001</v>
      </c>
    </row>
    <row r="3688" spans="4:5" x14ac:dyDescent="0.25">
      <c r="D3688" s="6">
        <v>1902.0409999999999</v>
      </c>
      <c r="E3688" s="6">
        <v>1186.396</v>
      </c>
    </row>
    <row r="3689" spans="4:5" x14ac:dyDescent="0.25">
      <c r="D3689" s="6">
        <v>1729.2280000000001</v>
      </c>
      <c r="E3689" s="6">
        <v>1101.6179999999999</v>
      </c>
    </row>
    <row r="3690" spans="4:5" x14ac:dyDescent="0.25">
      <c r="D3690" s="6">
        <v>841.88890000000004</v>
      </c>
      <c r="E3690" s="6">
        <v>2145.2779999999998</v>
      </c>
    </row>
    <row r="3691" spans="4:5" x14ac:dyDescent="0.25">
      <c r="D3691" s="6">
        <v>703.61620000000005</v>
      </c>
      <c r="E3691" s="6">
        <v>1062.7270000000001</v>
      </c>
    </row>
    <row r="3692" spans="4:5" x14ac:dyDescent="0.25">
      <c r="D3692" s="6">
        <v>1434.675</v>
      </c>
      <c r="E3692" s="6">
        <v>849.95719999999994</v>
      </c>
    </row>
    <row r="3693" spans="4:5" x14ac:dyDescent="0.25">
      <c r="D3693" s="6">
        <v>788.84140000000002</v>
      </c>
      <c r="E3693" s="6">
        <v>385.78660000000002</v>
      </c>
    </row>
    <row r="3694" spans="4:5" x14ac:dyDescent="0.25">
      <c r="D3694" s="6">
        <v>732.53390000000002</v>
      </c>
      <c r="E3694" s="6">
        <v>839.33730000000003</v>
      </c>
    </row>
    <row r="3695" spans="4:5" x14ac:dyDescent="0.25">
      <c r="D3695" s="6">
        <v>1375.2660000000001</v>
      </c>
      <c r="E3695" s="6">
        <v>1583.2660000000001</v>
      </c>
    </row>
    <row r="3696" spans="4:5" x14ac:dyDescent="0.25">
      <c r="D3696" s="6">
        <v>999.16359999999997</v>
      </c>
      <c r="E3696" s="6">
        <v>877.82129999999995</v>
      </c>
    </row>
    <row r="3697" spans="4:5" x14ac:dyDescent="0.25">
      <c r="D3697" s="6">
        <v>4790.3519999999999</v>
      </c>
      <c r="E3697" s="6">
        <v>740.4</v>
      </c>
    </row>
    <row r="3698" spans="4:5" x14ac:dyDescent="0.25">
      <c r="D3698" s="6">
        <v>1380.934</v>
      </c>
      <c r="E3698" s="6">
        <v>3026.7559999999999</v>
      </c>
    </row>
    <row r="3699" spans="4:5" x14ac:dyDescent="0.25">
      <c r="D3699" s="6">
        <v>1418.229</v>
      </c>
      <c r="E3699" s="6">
        <v>1295.7940000000001</v>
      </c>
    </row>
    <row r="3700" spans="4:5" x14ac:dyDescent="0.25">
      <c r="D3700" s="6">
        <v>724.42079999999999</v>
      </c>
      <c r="E3700" s="6">
        <v>772.39750000000004</v>
      </c>
    </row>
    <row r="3701" spans="4:5" x14ac:dyDescent="0.25">
      <c r="D3701" s="6">
        <v>1486.27</v>
      </c>
      <c r="E3701" s="6">
        <v>662.21199999999999</v>
      </c>
    </row>
    <row r="3702" spans="4:5" x14ac:dyDescent="0.25">
      <c r="D3702" s="6">
        <v>2028.077</v>
      </c>
      <c r="E3702" s="6">
        <v>1027.2190000000001</v>
      </c>
    </row>
    <row r="3703" spans="4:5" x14ac:dyDescent="0.25">
      <c r="D3703" s="6">
        <v>705.11040000000003</v>
      </c>
      <c r="E3703" s="6">
        <v>2090.8989999999999</v>
      </c>
    </row>
    <row r="3704" spans="4:5" x14ac:dyDescent="0.25">
      <c r="D3704" s="6">
        <v>720.43949999999995</v>
      </c>
      <c r="E3704" s="6">
        <v>465.25299999999999</v>
      </c>
    </row>
    <row r="3705" spans="4:5" x14ac:dyDescent="0.25">
      <c r="D3705" s="6">
        <v>508.3254</v>
      </c>
      <c r="E3705" s="6">
        <v>1270.3920000000001</v>
      </c>
    </row>
    <row r="3706" spans="4:5" x14ac:dyDescent="0.25">
      <c r="D3706" s="6">
        <v>2826.8209999999999</v>
      </c>
      <c r="E3706" s="6">
        <v>1319.568</v>
      </c>
    </row>
    <row r="3707" spans="4:5" x14ac:dyDescent="0.25">
      <c r="D3707" s="6">
        <v>1285.855</v>
      </c>
      <c r="E3707" s="6">
        <v>771.64750000000004</v>
      </c>
    </row>
    <row r="3708" spans="4:5" x14ac:dyDescent="0.25">
      <c r="D3708" s="6">
        <v>7210</v>
      </c>
      <c r="E3708" s="6">
        <v>564.59490000000005</v>
      </c>
    </row>
    <row r="3709" spans="4:5" x14ac:dyDescent="0.25">
      <c r="D3709" s="6">
        <v>1639.607</v>
      </c>
      <c r="E3709" s="6">
        <v>954.76499999999999</v>
      </c>
    </row>
    <row r="3710" spans="4:5" x14ac:dyDescent="0.25">
      <c r="D3710" s="6">
        <v>542.15700000000004</v>
      </c>
      <c r="E3710" s="6">
        <v>2287.8820000000001</v>
      </c>
    </row>
    <row r="3711" spans="4:5" x14ac:dyDescent="0.25">
      <c r="D3711" s="6">
        <v>706.83609999999999</v>
      </c>
      <c r="E3711" s="6">
        <v>2566.0639999999999</v>
      </c>
    </row>
    <row r="3712" spans="4:5" x14ac:dyDescent="0.25">
      <c r="D3712" s="6">
        <v>3073.4009999999998</v>
      </c>
      <c r="E3712" s="6">
        <v>1659.7059999999999</v>
      </c>
    </row>
    <row r="3713" spans="4:5" x14ac:dyDescent="0.25">
      <c r="D3713" s="6">
        <v>3697.6019999999999</v>
      </c>
      <c r="E3713" s="6">
        <v>876.95830000000001</v>
      </c>
    </row>
    <row r="3714" spans="4:5" x14ac:dyDescent="0.25">
      <c r="D3714" s="6">
        <v>2815.3629999999998</v>
      </c>
      <c r="E3714" s="6">
        <v>1412.383</v>
      </c>
    </row>
    <row r="3715" spans="4:5" x14ac:dyDescent="0.25">
      <c r="D3715" s="6">
        <v>3056.1410000000001</v>
      </c>
      <c r="E3715" s="6">
        <v>1046.5940000000001</v>
      </c>
    </row>
    <row r="3716" spans="4:5" x14ac:dyDescent="0.25">
      <c r="D3716" s="6">
        <v>4468.3980000000001</v>
      </c>
      <c r="E3716" s="6">
        <v>1856.8109999999999</v>
      </c>
    </row>
    <row r="3717" spans="4:5" x14ac:dyDescent="0.25">
      <c r="D3717" s="6">
        <v>4503.6419999999998</v>
      </c>
      <c r="E3717" s="6">
        <v>501.90100000000001</v>
      </c>
    </row>
    <row r="3718" spans="4:5" x14ac:dyDescent="0.25">
      <c r="D3718" s="6">
        <v>1703.7329999999999</v>
      </c>
      <c r="E3718" s="6">
        <v>1713.653</v>
      </c>
    </row>
    <row r="3719" spans="4:5" x14ac:dyDescent="0.25">
      <c r="D3719" s="6">
        <v>1094.521</v>
      </c>
      <c r="E3719" s="6">
        <v>3644.28</v>
      </c>
    </row>
    <row r="3720" spans="4:5" x14ac:dyDescent="0.25">
      <c r="D3720" s="6">
        <v>518.84079999999994</v>
      </c>
      <c r="E3720" s="6">
        <v>915.10490000000004</v>
      </c>
    </row>
    <row r="3721" spans="4:5" x14ac:dyDescent="0.25">
      <c r="D3721" s="6">
        <v>1458.4690000000001</v>
      </c>
      <c r="E3721" s="6">
        <v>238.2979</v>
      </c>
    </row>
    <row r="3722" spans="4:5" x14ac:dyDescent="0.25">
      <c r="D3722" s="6">
        <v>894.6354</v>
      </c>
      <c r="E3722" s="6">
        <v>2803.2759999999998</v>
      </c>
    </row>
    <row r="3723" spans="4:5" x14ac:dyDescent="0.25">
      <c r="D3723" s="6">
        <v>1344.6510000000001</v>
      </c>
      <c r="E3723" s="6">
        <v>544.56420000000003</v>
      </c>
    </row>
    <row r="3724" spans="4:5" x14ac:dyDescent="0.25">
      <c r="D3724" s="6">
        <v>1829.1469999999999</v>
      </c>
      <c r="E3724" s="6">
        <v>3115.2179999999998</v>
      </c>
    </row>
    <row r="3725" spans="4:5" x14ac:dyDescent="0.25">
      <c r="D3725" s="6">
        <v>1779.3489999999999</v>
      </c>
      <c r="E3725" s="6">
        <v>653.73140000000001</v>
      </c>
    </row>
    <row r="3726" spans="4:5" x14ac:dyDescent="0.25">
      <c r="D3726" s="6">
        <v>2148.3449999999998</v>
      </c>
      <c r="E3726" s="6">
        <v>2821.1579999999999</v>
      </c>
    </row>
    <row r="3727" spans="4:5" x14ac:dyDescent="0.25">
      <c r="D3727" s="6">
        <v>3374.893</v>
      </c>
      <c r="E3727" s="6">
        <v>704.64059999999995</v>
      </c>
    </row>
    <row r="3728" spans="4:5" x14ac:dyDescent="0.25">
      <c r="D3728" s="6">
        <v>636.82640000000004</v>
      </c>
      <c r="E3728" s="6">
        <v>586.75</v>
      </c>
    </row>
    <row r="3729" spans="4:5" x14ac:dyDescent="0.25">
      <c r="D3729" s="6">
        <v>1737.36</v>
      </c>
      <c r="E3729" s="6">
        <v>756.56539999999995</v>
      </c>
    </row>
    <row r="3730" spans="4:5" x14ac:dyDescent="0.25">
      <c r="D3730" s="6">
        <v>4281.9780000000001</v>
      </c>
      <c r="E3730" s="6">
        <v>1329.826</v>
      </c>
    </row>
    <row r="3731" spans="4:5" x14ac:dyDescent="0.25">
      <c r="D3731" s="6">
        <v>1167.788</v>
      </c>
      <c r="E3731" s="6">
        <v>861.55179999999996</v>
      </c>
    </row>
    <row r="3732" spans="4:5" x14ac:dyDescent="0.25">
      <c r="D3732" s="6">
        <v>1189.1010000000001</v>
      </c>
      <c r="E3732" s="6">
        <v>902.74800000000005</v>
      </c>
    </row>
    <row r="3733" spans="4:5" x14ac:dyDescent="0.25">
      <c r="D3733" s="6">
        <v>1031.1210000000001</v>
      </c>
      <c r="E3733" s="6">
        <v>1092.3699999999999</v>
      </c>
    </row>
    <row r="3734" spans="4:5" x14ac:dyDescent="0.25">
      <c r="D3734" s="6">
        <v>2488.0149999999999</v>
      </c>
      <c r="E3734" s="6">
        <v>1105.6220000000001</v>
      </c>
    </row>
    <row r="3735" spans="4:5" x14ac:dyDescent="0.25">
      <c r="D3735" s="6">
        <v>1833.82</v>
      </c>
      <c r="E3735" s="6">
        <v>400.86799999999999</v>
      </c>
    </row>
    <row r="3736" spans="4:5" x14ac:dyDescent="0.25">
      <c r="D3736" s="6">
        <v>3625.3910000000001</v>
      </c>
      <c r="E3736" s="6">
        <v>790.26829999999995</v>
      </c>
    </row>
    <row r="3737" spans="4:5" x14ac:dyDescent="0.25">
      <c r="D3737" s="6">
        <v>1983.817</v>
      </c>
      <c r="E3737" s="6">
        <v>892.08410000000003</v>
      </c>
    </row>
    <row r="3738" spans="4:5" x14ac:dyDescent="0.25">
      <c r="D3738" s="6">
        <v>896.28319999999997</v>
      </c>
      <c r="E3738" s="6">
        <v>1718.972</v>
      </c>
    </row>
    <row r="3739" spans="4:5" x14ac:dyDescent="0.25">
      <c r="D3739" s="6">
        <v>1932.4760000000001</v>
      </c>
      <c r="E3739" s="6">
        <v>630.98929999999996</v>
      </c>
    </row>
    <row r="3740" spans="4:5" x14ac:dyDescent="0.25">
      <c r="D3740" s="6">
        <v>1473.922</v>
      </c>
      <c r="E3740" s="6">
        <v>716.23950000000002</v>
      </c>
    </row>
    <row r="3741" spans="4:5" x14ac:dyDescent="0.25">
      <c r="D3741" s="6">
        <v>3742.7130000000002</v>
      </c>
      <c r="E3741" s="6">
        <v>954.68640000000005</v>
      </c>
    </row>
    <row r="3742" spans="4:5" x14ac:dyDescent="0.25">
      <c r="D3742" s="6">
        <v>4828.7330000000002</v>
      </c>
      <c r="E3742" s="6">
        <v>472.04539999999997</v>
      </c>
    </row>
    <row r="3743" spans="4:5" x14ac:dyDescent="0.25">
      <c r="D3743" s="6">
        <v>1186.462</v>
      </c>
      <c r="E3743" s="6">
        <v>1456.4749999999999</v>
      </c>
    </row>
    <row r="3744" spans="4:5" x14ac:dyDescent="0.25">
      <c r="D3744" s="6">
        <v>4147.5969999999998</v>
      </c>
      <c r="E3744" s="6">
        <v>951.85209999999995</v>
      </c>
    </row>
    <row r="3745" spans="4:5" x14ac:dyDescent="0.25">
      <c r="D3745" s="6">
        <v>844.97569999999996</v>
      </c>
      <c r="E3745" s="6">
        <v>8417.5889999999999</v>
      </c>
    </row>
    <row r="3746" spans="4:5" x14ac:dyDescent="0.25">
      <c r="D3746" s="6">
        <v>3750.3090000000002</v>
      </c>
      <c r="E3746" s="6">
        <v>859.63520000000005</v>
      </c>
    </row>
    <row r="3747" spans="4:5" x14ac:dyDescent="0.25">
      <c r="D3747" s="6">
        <v>632.47469999999998</v>
      </c>
      <c r="E3747" s="6">
        <v>1249.538</v>
      </c>
    </row>
    <row r="3748" spans="4:5" x14ac:dyDescent="0.25">
      <c r="D3748" s="6">
        <v>1262.8150000000001</v>
      </c>
      <c r="E3748" s="6">
        <v>791.19090000000006</v>
      </c>
    </row>
    <row r="3749" spans="4:5" x14ac:dyDescent="0.25">
      <c r="D3749" s="6">
        <v>4252.3760000000002</v>
      </c>
      <c r="E3749" s="6">
        <v>1158.7570000000001</v>
      </c>
    </row>
    <row r="3750" spans="4:5" x14ac:dyDescent="0.25">
      <c r="D3750" s="6">
        <v>3149.4</v>
      </c>
      <c r="E3750" s="6">
        <v>1056.9780000000001</v>
      </c>
    </row>
    <row r="3751" spans="4:5" x14ac:dyDescent="0.25">
      <c r="D3751" s="6">
        <v>1730.886</v>
      </c>
      <c r="E3751" s="6">
        <v>279.12610000000001</v>
      </c>
    </row>
    <row r="3752" spans="4:5" x14ac:dyDescent="0.25">
      <c r="D3752" s="6">
        <v>1962.4590000000001</v>
      </c>
      <c r="E3752" s="6">
        <v>1131</v>
      </c>
    </row>
    <row r="3753" spans="4:5" x14ac:dyDescent="0.25">
      <c r="D3753" s="6">
        <v>4132.7299999999996</v>
      </c>
      <c r="E3753" s="6">
        <v>1333.662</v>
      </c>
    </row>
    <row r="3754" spans="4:5" x14ac:dyDescent="0.25">
      <c r="D3754" s="6">
        <v>2417.0039999999999</v>
      </c>
      <c r="E3754" s="6">
        <v>794.29129999999998</v>
      </c>
    </row>
    <row r="3755" spans="4:5" x14ac:dyDescent="0.25">
      <c r="D3755" s="6">
        <v>4851.2430000000004</v>
      </c>
      <c r="E3755" s="6">
        <v>448.70240000000001</v>
      </c>
    </row>
    <row r="3756" spans="4:5" x14ac:dyDescent="0.25">
      <c r="D3756" s="6">
        <v>1426.9649999999999</v>
      </c>
      <c r="E3756" s="6">
        <v>2767.7359999999999</v>
      </c>
    </row>
    <row r="3757" spans="4:5" x14ac:dyDescent="0.25">
      <c r="D3757" s="6">
        <v>2013.944</v>
      </c>
      <c r="E3757" s="6">
        <v>2434.739</v>
      </c>
    </row>
    <row r="3758" spans="4:5" x14ac:dyDescent="0.25">
      <c r="D3758" s="6">
        <v>524.64549999999997</v>
      </c>
      <c r="E3758" s="6">
        <v>706.4837</v>
      </c>
    </row>
    <row r="3759" spans="4:5" x14ac:dyDescent="0.25">
      <c r="D3759" s="6">
        <v>3107.36</v>
      </c>
      <c r="E3759" s="6">
        <v>800.26120000000003</v>
      </c>
    </row>
    <row r="3760" spans="4:5" x14ac:dyDescent="0.25">
      <c r="D3760" s="6">
        <v>1394.3389999999999</v>
      </c>
      <c r="E3760" s="6">
        <v>1391.9459999999999</v>
      </c>
    </row>
    <row r="3761" spans="4:5" x14ac:dyDescent="0.25">
      <c r="D3761" s="6">
        <v>719.7097</v>
      </c>
      <c r="E3761" s="6">
        <v>2071.2440000000001</v>
      </c>
    </row>
    <row r="3762" spans="4:5" x14ac:dyDescent="0.25">
      <c r="D3762" s="6">
        <v>1914.9069999999999</v>
      </c>
      <c r="E3762" s="6">
        <v>3228.4079999999999</v>
      </c>
    </row>
    <row r="3763" spans="4:5" x14ac:dyDescent="0.25">
      <c r="D3763" s="6">
        <v>613.05999999999995</v>
      </c>
      <c r="E3763" s="6">
        <v>3755.8760000000002</v>
      </c>
    </row>
    <row r="3764" spans="4:5" x14ac:dyDescent="0.25">
      <c r="D3764" s="6">
        <v>1232.0070000000001</v>
      </c>
      <c r="E3764" s="6">
        <v>560.14880000000005</v>
      </c>
    </row>
    <row r="3765" spans="4:5" x14ac:dyDescent="0.25">
      <c r="D3765" s="6">
        <v>1434.3140000000001</v>
      </c>
      <c r="E3765" s="6">
        <v>1601.693</v>
      </c>
    </row>
    <row r="3766" spans="4:5" x14ac:dyDescent="0.25">
      <c r="D3766" s="6">
        <v>1322.1210000000001</v>
      </c>
      <c r="E3766" s="6">
        <v>1158.5719999999999</v>
      </c>
    </row>
    <row r="3767" spans="4:5" x14ac:dyDescent="0.25">
      <c r="D3767" s="6">
        <v>718.9819</v>
      </c>
      <c r="E3767" s="6">
        <v>477.80680000000001</v>
      </c>
    </row>
    <row r="3768" spans="4:5" x14ac:dyDescent="0.25">
      <c r="D3768" s="6">
        <v>2022.04</v>
      </c>
      <c r="E3768" s="6">
        <v>2354.8040000000001</v>
      </c>
    </row>
    <row r="3769" spans="4:5" x14ac:dyDescent="0.25">
      <c r="D3769" s="6">
        <v>1594.6289999999999</v>
      </c>
      <c r="E3769" s="6">
        <v>855.59040000000005</v>
      </c>
    </row>
    <row r="3770" spans="4:5" x14ac:dyDescent="0.25">
      <c r="D3770" s="6">
        <v>986.43740000000003</v>
      </c>
      <c r="E3770" s="6">
        <v>1069.6289999999999</v>
      </c>
    </row>
    <row r="3771" spans="4:5" x14ac:dyDescent="0.25">
      <c r="D3771" s="6">
        <v>2031.6369999999999</v>
      </c>
      <c r="E3771" s="6">
        <v>779.82690000000002</v>
      </c>
    </row>
    <row r="3772" spans="4:5" x14ac:dyDescent="0.25">
      <c r="D3772" s="6">
        <v>761.93989999999997</v>
      </c>
      <c r="E3772" s="6">
        <v>928.96209999999996</v>
      </c>
    </row>
    <row r="3773" spans="4:5" x14ac:dyDescent="0.25">
      <c r="D3773" s="6">
        <v>1983.5709999999999</v>
      </c>
      <c r="E3773" s="6">
        <v>636.87950000000001</v>
      </c>
    </row>
    <row r="3774" spans="4:5" x14ac:dyDescent="0.25">
      <c r="D3774" s="6">
        <v>814.70870000000002</v>
      </c>
      <c r="E3774" s="6">
        <v>1335.616</v>
      </c>
    </row>
    <row r="3775" spans="4:5" x14ac:dyDescent="0.25">
      <c r="D3775" s="6">
        <v>600.76</v>
      </c>
      <c r="E3775" s="6">
        <v>834.3931</v>
      </c>
    </row>
    <row r="3776" spans="4:5" x14ac:dyDescent="0.25">
      <c r="D3776" s="6">
        <v>1274.2670000000001</v>
      </c>
      <c r="E3776" s="6">
        <v>2624.19</v>
      </c>
    </row>
    <row r="3777" spans="4:5" x14ac:dyDescent="0.25">
      <c r="D3777" s="6">
        <v>1767.06</v>
      </c>
      <c r="E3777" s="6">
        <v>1117.6189999999999</v>
      </c>
    </row>
    <row r="3778" spans="4:5" x14ac:dyDescent="0.25">
      <c r="D3778" s="6">
        <v>2066.9470000000001</v>
      </c>
      <c r="E3778" s="6">
        <v>1223.2739999999999</v>
      </c>
    </row>
    <row r="3779" spans="4:5" x14ac:dyDescent="0.25">
      <c r="D3779" s="6">
        <v>3095.0810000000001</v>
      </c>
      <c r="E3779" s="6">
        <v>1288.046</v>
      </c>
    </row>
    <row r="3780" spans="4:5" x14ac:dyDescent="0.25">
      <c r="D3780" s="6">
        <v>1124.0809999999999</v>
      </c>
      <c r="E3780" s="6">
        <v>1825.374</v>
      </c>
    </row>
    <row r="3781" spans="4:5" x14ac:dyDescent="0.25">
      <c r="D3781" s="6">
        <v>1062</v>
      </c>
      <c r="E3781" s="6">
        <v>1650.259</v>
      </c>
    </row>
    <row r="3782" spans="4:5" x14ac:dyDescent="0.25">
      <c r="D3782" s="6">
        <v>1297.8130000000001</v>
      </c>
      <c r="E3782" s="6">
        <v>689.70669999999996</v>
      </c>
    </row>
    <row r="3783" spans="4:5" x14ac:dyDescent="0.25">
      <c r="D3783" s="6">
        <v>1239.143</v>
      </c>
      <c r="E3783" s="6">
        <v>1395.5889999999999</v>
      </c>
    </row>
    <row r="3784" spans="4:5" x14ac:dyDescent="0.25">
      <c r="D3784" s="6">
        <v>1696.2919999999999</v>
      </c>
      <c r="E3784" s="6">
        <v>6517.1819999999998</v>
      </c>
    </row>
    <row r="3785" spans="4:5" x14ac:dyDescent="0.25">
      <c r="D3785" s="6">
        <v>4820.46</v>
      </c>
      <c r="E3785" s="6">
        <v>782.37450000000001</v>
      </c>
    </row>
    <row r="3786" spans="4:5" x14ac:dyDescent="0.25">
      <c r="D3786" s="6">
        <v>558.33749999999998</v>
      </c>
      <c r="E3786" s="6">
        <v>2306.8429999999998</v>
      </c>
    </row>
    <row r="3787" spans="4:5" x14ac:dyDescent="0.25">
      <c r="D3787" s="6">
        <v>725.31089999999995</v>
      </c>
      <c r="E3787" s="6">
        <v>3015.2930000000001</v>
      </c>
    </row>
    <row r="3788" spans="4:5" x14ac:dyDescent="0.25">
      <c r="D3788" s="6">
        <v>1212.0540000000001</v>
      </c>
      <c r="E3788" s="6">
        <v>820.16769999999997</v>
      </c>
    </row>
    <row r="3789" spans="4:5" x14ac:dyDescent="0.25">
      <c r="D3789" s="6">
        <v>1500.7750000000001</v>
      </c>
      <c r="E3789" s="6">
        <v>1368.77</v>
      </c>
    </row>
    <row r="3790" spans="4:5" x14ac:dyDescent="0.25">
      <c r="D3790" s="6">
        <v>620.9973</v>
      </c>
      <c r="E3790" s="6">
        <v>512.96069999999997</v>
      </c>
    </row>
    <row r="3791" spans="4:5" x14ac:dyDescent="0.25">
      <c r="D3791" s="6">
        <v>1228.4069999999999</v>
      </c>
      <c r="E3791" s="6">
        <v>1033.499</v>
      </c>
    </row>
    <row r="3792" spans="4:5" x14ac:dyDescent="0.25">
      <c r="D3792" s="6">
        <v>1482.6469999999999</v>
      </c>
      <c r="E3792" s="6">
        <v>694.47159999999997</v>
      </c>
    </row>
    <row r="3793" spans="4:5" x14ac:dyDescent="0.25">
      <c r="D3793" s="6">
        <v>2057.9630000000002</v>
      </c>
      <c r="E3793" s="6">
        <v>1429.0550000000001</v>
      </c>
    </row>
    <row r="3794" spans="4:5" x14ac:dyDescent="0.25">
      <c r="D3794" s="6">
        <v>630.97839999999997</v>
      </c>
      <c r="E3794" s="6">
        <v>806.38570000000004</v>
      </c>
    </row>
    <row r="3795" spans="4:5" x14ac:dyDescent="0.25">
      <c r="D3795" s="6">
        <v>1663.4449999999999</v>
      </c>
      <c r="E3795" s="6">
        <v>1074.3309999999999</v>
      </c>
    </row>
    <row r="3796" spans="4:5" x14ac:dyDescent="0.25">
      <c r="D3796" s="6">
        <v>854.15959999999995</v>
      </c>
      <c r="E3796" s="6">
        <v>805.54219999999998</v>
      </c>
    </row>
    <row r="3797" spans="4:5" x14ac:dyDescent="0.25">
      <c r="D3797" s="6">
        <v>4005.33</v>
      </c>
      <c r="E3797" s="6">
        <v>2661.1930000000002</v>
      </c>
    </row>
    <row r="3798" spans="4:5" x14ac:dyDescent="0.25">
      <c r="D3798" s="6">
        <v>2395.5639999999999</v>
      </c>
      <c r="E3798" s="6">
        <v>898.11080000000004</v>
      </c>
    </row>
    <row r="3799" spans="4:5" x14ac:dyDescent="0.25">
      <c r="D3799" s="6">
        <v>1601.4280000000001</v>
      </c>
      <c r="E3799" s="6">
        <v>695.71439999999996</v>
      </c>
    </row>
    <row r="3800" spans="4:5" x14ac:dyDescent="0.25">
      <c r="D3800" s="6">
        <v>1978.49</v>
      </c>
      <c r="E3800" s="6">
        <v>774.31759999999997</v>
      </c>
    </row>
    <row r="3801" spans="4:5" x14ac:dyDescent="0.25">
      <c r="D3801" s="6">
        <v>715.18409999999994</v>
      </c>
      <c r="E3801" s="6">
        <v>3461.797</v>
      </c>
    </row>
    <row r="3802" spans="4:5" x14ac:dyDescent="0.25">
      <c r="D3802" s="6">
        <v>803.34730000000002</v>
      </c>
      <c r="E3802" s="6">
        <v>477.846</v>
      </c>
    </row>
    <row r="3803" spans="4:5" x14ac:dyDescent="0.25">
      <c r="D3803" s="6">
        <v>602.64570000000003</v>
      </c>
      <c r="E3803" s="6">
        <v>749.20650000000001</v>
      </c>
    </row>
    <row r="3804" spans="4:5" x14ac:dyDescent="0.25">
      <c r="D3804" s="6">
        <v>1840.5050000000001</v>
      </c>
      <c r="E3804" s="6">
        <v>1851.876</v>
      </c>
    </row>
    <row r="3805" spans="4:5" x14ac:dyDescent="0.25">
      <c r="D3805" s="6">
        <v>1415.011</v>
      </c>
      <c r="E3805" s="6">
        <v>1195.654</v>
      </c>
    </row>
    <row r="3806" spans="4:5" x14ac:dyDescent="0.25">
      <c r="D3806" s="6">
        <v>1922.3889999999999</v>
      </c>
      <c r="E3806" s="6">
        <v>580.88390000000004</v>
      </c>
    </row>
    <row r="3807" spans="4:5" x14ac:dyDescent="0.25">
      <c r="D3807" s="6">
        <v>2239.5500000000002</v>
      </c>
      <c r="E3807" s="6">
        <v>1345.095</v>
      </c>
    </row>
    <row r="3808" spans="4:5" x14ac:dyDescent="0.25">
      <c r="D3808" s="6">
        <v>741.35979999999995</v>
      </c>
      <c r="E3808" s="6">
        <v>1021.092</v>
      </c>
    </row>
    <row r="3809" spans="4:5" x14ac:dyDescent="0.25">
      <c r="D3809" s="6">
        <v>1707.6569999999999</v>
      </c>
      <c r="E3809" s="6">
        <v>2881.1680000000001</v>
      </c>
    </row>
    <row r="3810" spans="4:5" x14ac:dyDescent="0.25">
      <c r="D3810" s="6">
        <v>1652.5840000000001</v>
      </c>
      <c r="E3810" s="6">
        <v>708.06809999999996</v>
      </c>
    </row>
    <row r="3811" spans="4:5" x14ac:dyDescent="0.25">
      <c r="D3811" s="6">
        <v>1849.6410000000001</v>
      </c>
      <c r="E3811" s="6">
        <v>1246.5409999999999</v>
      </c>
    </row>
    <row r="3812" spans="4:5" x14ac:dyDescent="0.25">
      <c r="D3812" s="6">
        <v>3481.143</v>
      </c>
      <c r="E3812" s="6">
        <v>417.72620000000001</v>
      </c>
    </row>
    <row r="3813" spans="4:5" x14ac:dyDescent="0.25">
      <c r="D3813" s="6">
        <v>5202.59</v>
      </c>
      <c r="E3813" s="6">
        <v>859.43430000000001</v>
      </c>
    </row>
    <row r="3814" spans="4:5" x14ac:dyDescent="0.25">
      <c r="D3814" s="6">
        <v>654.24289999999996</v>
      </c>
      <c r="E3814" s="6">
        <v>1316.2360000000001</v>
      </c>
    </row>
    <row r="3815" spans="4:5" x14ac:dyDescent="0.25">
      <c r="D3815" s="6">
        <v>1821.6030000000001</v>
      </c>
      <c r="E3815" s="6">
        <v>695.55119999999999</v>
      </c>
    </row>
    <row r="3816" spans="4:5" x14ac:dyDescent="0.25">
      <c r="D3816" s="6">
        <v>5400.2190000000001</v>
      </c>
      <c r="E3816" s="6">
        <v>959.92349999999999</v>
      </c>
    </row>
    <row r="3817" spans="4:5" x14ac:dyDescent="0.25">
      <c r="D3817" s="6">
        <v>1033.212</v>
      </c>
      <c r="E3817" s="6">
        <v>596.10410000000002</v>
      </c>
    </row>
    <row r="3818" spans="4:5" x14ac:dyDescent="0.25">
      <c r="D3818" s="6">
        <v>765.16899999999998</v>
      </c>
      <c r="E3818" s="6">
        <v>2947.0630000000001</v>
      </c>
    </row>
    <row r="3819" spans="4:5" x14ac:dyDescent="0.25">
      <c r="D3819" s="6">
        <v>708.15539999999999</v>
      </c>
      <c r="E3819" s="6">
        <v>948.91800000000001</v>
      </c>
    </row>
    <row r="3820" spans="4:5" x14ac:dyDescent="0.25">
      <c r="D3820" s="6">
        <v>2294.4380000000001</v>
      </c>
      <c r="E3820" s="6">
        <v>1701.5730000000001</v>
      </c>
    </row>
    <row r="3821" spans="4:5" x14ac:dyDescent="0.25">
      <c r="D3821" s="6">
        <v>708.48469999999998</v>
      </c>
      <c r="E3821" s="6">
        <v>1623.2380000000001</v>
      </c>
    </row>
    <row r="3822" spans="4:5" x14ac:dyDescent="0.25">
      <c r="D3822" s="6">
        <v>1247.672</v>
      </c>
      <c r="E3822" s="6">
        <v>3389.6970000000001</v>
      </c>
    </row>
    <row r="3823" spans="4:5" x14ac:dyDescent="0.25">
      <c r="D3823" s="6">
        <v>4047.433</v>
      </c>
      <c r="E3823" s="6">
        <v>950.64110000000005</v>
      </c>
    </row>
    <row r="3824" spans="4:5" x14ac:dyDescent="0.25">
      <c r="D3824" s="6">
        <v>4278.28</v>
      </c>
      <c r="E3824" s="6">
        <v>471.21339999999998</v>
      </c>
    </row>
    <row r="3825" spans="4:5" x14ac:dyDescent="0.25">
      <c r="D3825" s="6">
        <v>1138.557</v>
      </c>
      <c r="E3825" s="6">
        <v>929.88030000000003</v>
      </c>
    </row>
    <row r="3826" spans="4:5" x14ac:dyDescent="0.25">
      <c r="D3826" s="6">
        <v>3074.8879999999999</v>
      </c>
      <c r="E3826" s="6">
        <v>2694.877</v>
      </c>
    </row>
    <row r="3827" spans="4:5" x14ac:dyDescent="0.25">
      <c r="D3827" s="6">
        <v>1520.97</v>
      </c>
      <c r="E3827" s="6">
        <v>1187.7429999999999</v>
      </c>
    </row>
    <row r="3828" spans="4:5" x14ac:dyDescent="0.25">
      <c r="D3828" s="6">
        <v>4154.6750000000002</v>
      </c>
      <c r="E3828" s="6">
        <v>1233.1510000000001</v>
      </c>
    </row>
    <row r="3829" spans="4:5" x14ac:dyDescent="0.25">
      <c r="D3829" s="6">
        <v>1683.6379999999999</v>
      </c>
      <c r="E3829" s="6">
        <v>747.49279999999999</v>
      </c>
    </row>
    <row r="3830" spans="4:5" x14ac:dyDescent="0.25">
      <c r="D3830" s="6">
        <v>1504.0940000000001</v>
      </c>
      <c r="E3830" s="6">
        <v>808.59209999999996</v>
      </c>
    </row>
    <row r="3831" spans="4:5" x14ac:dyDescent="0.25">
      <c r="D3831" s="6">
        <v>1324.5340000000001</v>
      </c>
      <c r="E3831" s="6">
        <v>829.34849999999994</v>
      </c>
    </row>
    <row r="3832" spans="4:5" x14ac:dyDescent="0.25">
      <c r="D3832" s="6">
        <v>1077.846</v>
      </c>
      <c r="E3832" s="6">
        <v>766.70770000000005</v>
      </c>
    </row>
    <row r="3833" spans="4:5" x14ac:dyDescent="0.25">
      <c r="D3833" s="6">
        <v>956.95280000000002</v>
      </c>
      <c r="E3833" s="6">
        <v>779.41380000000004</v>
      </c>
    </row>
    <row r="3834" spans="4:5" x14ac:dyDescent="0.25">
      <c r="D3834" s="6">
        <v>1114.55</v>
      </c>
      <c r="E3834" s="6">
        <v>2624.5810000000001</v>
      </c>
    </row>
    <row r="3835" spans="4:5" x14ac:dyDescent="0.25">
      <c r="D3835" s="6">
        <v>1334.5409999999999</v>
      </c>
      <c r="E3835" s="6">
        <v>3436.3310000000001</v>
      </c>
    </row>
    <row r="3836" spans="4:5" x14ac:dyDescent="0.25">
      <c r="D3836" s="6">
        <v>2128.0529999999999</v>
      </c>
      <c r="E3836" s="6">
        <v>1034.827</v>
      </c>
    </row>
    <row r="3837" spans="4:5" x14ac:dyDescent="0.25">
      <c r="D3837" s="6">
        <v>757.05809999999997</v>
      </c>
      <c r="E3837" s="6">
        <v>1808.577</v>
      </c>
    </row>
    <row r="3838" spans="4:5" x14ac:dyDescent="0.25">
      <c r="D3838" s="6">
        <v>2873.2130000000002</v>
      </c>
      <c r="E3838" s="6">
        <v>705.1866</v>
      </c>
    </row>
    <row r="3839" spans="4:5" x14ac:dyDescent="0.25">
      <c r="D3839" s="6">
        <v>3613.9549999999999</v>
      </c>
      <c r="E3839" s="6">
        <v>861.42729999999995</v>
      </c>
    </row>
    <row r="3840" spans="4:5" x14ac:dyDescent="0.25">
      <c r="D3840" s="6">
        <v>1678.56</v>
      </c>
      <c r="E3840" s="6">
        <v>1058.569</v>
      </c>
    </row>
    <row r="3841" spans="4:5" x14ac:dyDescent="0.25">
      <c r="D3841" s="6">
        <v>704.28179999999998</v>
      </c>
      <c r="E3841" s="6">
        <v>1185.17</v>
      </c>
    </row>
    <row r="3842" spans="4:5" x14ac:dyDescent="0.25">
      <c r="D3842" s="6">
        <v>1290.3209999999999</v>
      </c>
      <c r="E3842" s="6">
        <v>986.85209999999995</v>
      </c>
    </row>
    <row r="3843" spans="4:5" x14ac:dyDescent="0.25">
      <c r="D3843" s="6">
        <v>1580.2570000000001</v>
      </c>
      <c r="E3843" s="6">
        <v>901.24739999999997</v>
      </c>
    </row>
    <row r="3844" spans="4:5" x14ac:dyDescent="0.25">
      <c r="D3844" s="6">
        <v>3753.2939999999999</v>
      </c>
      <c r="E3844" s="6">
        <v>533.00890000000004</v>
      </c>
    </row>
    <row r="3845" spans="4:5" x14ac:dyDescent="0.25">
      <c r="D3845" s="6">
        <v>2560.7600000000002</v>
      </c>
      <c r="E3845" s="6">
        <v>868.9796</v>
      </c>
    </row>
    <row r="3846" spans="4:5" x14ac:dyDescent="0.25">
      <c r="D3846" s="6">
        <v>7811.5</v>
      </c>
      <c r="E3846" s="6">
        <v>715.93169999999998</v>
      </c>
    </row>
    <row r="3847" spans="4:5" x14ac:dyDescent="0.25">
      <c r="D3847" s="6">
        <v>970.44100000000003</v>
      </c>
      <c r="E3847" s="6">
        <v>2947.11</v>
      </c>
    </row>
    <row r="3848" spans="4:5" x14ac:dyDescent="0.25">
      <c r="D3848" s="6">
        <v>6298.5590000000002</v>
      </c>
      <c r="E3848" s="6">
        <v>1207.704</v>
      </c>
    </row>
    <row r="3849" spans="4:5" x14ac:dyDescent="0.25">
      <c r="D3849" s="6">
        <v>4790.3059999999996</v>
      </c>
      <c r="E3849" s="6">
        <v>1946.0640000000001</v>
      </c>
    </row>
    <row r="3850" spans="4:5" x14ac:dyDescent="0.25">
      <c r="D3850" s="6">
        <v>991.80909999999994</v>
      </c>
      <c r="E3850" s="6">
        <v>1301.588</v>
      </c>
    </row>
    <row r="3851" spans="4:5" x14ac:dyDescent="0.25">
      <c r="D3851" s="6">
        <v>5295.3270000000002</v>
      </c>
      <c r="E3851" s="6">
        <v>1181.31</v>
      </c>
    </row>
    <row r="3852" spans="4:5" x14ac:dyDescent="0.25">
      <c r="D3852" s="6">
        <v>3172.8</v>
      </c>
      <c r="E3852" s="6">
        <v>1210.1099999999999</v>
      </c>
    </row>
    <row r="3853" spans="4:5" x14ac:dyDescent="0.25">
      <c r="D3853" s="6">
        <v>1340.771</v>
      </c>
      <c r="E3853" s="6">
        <v>5043.9480000000003</v>
      </c>
    </row>
    <row r="3854" spans="4:5" x14ac:dyDescent="0.25">
      <c r="D3854" s="6">
        <v>1708.7080000000001</v>
      </c>
      <c r="E3854" s="6">
        <v>1575.761</v>
      </c>
    </row>
    <row r="3855" spans="4:5" x14ac:dyDescent="0.25">
      <c r="D3855" s="6">
        <v>610.60730000000001</v>
      </c>
      <c r="E3855" s="6">
        <v>2501.875</v>
      </c>
    </row>
    <row r="3856" spans="4:5" x14ac:dyDescent="0.25">
      <c r="D3856" s="6">
        <v>1253.3900000000001</v>
      </c>
      <c r="E3856" s="6">
        <v>1528.0940000000001</v>
      </c>
    </row>
    <row r="3857" spans="4:5" x14ac:dyDescent="0.25">
      <c r="D3857" s="6">
        <v>484.66669999999999</v>
      </c>
      <c r="E3857" s="6">
        <v>1206.9659999999999</v>
      </c>
    </row>
    <row r="3858" spans="4:5" x14ac:dyDescent="0.25">
      <c r="D3858" s="6">
        <v>1437.6559999999999</v>
      </c>
      <c r="E3858" s="6">
        <v>2478.855</v>
      </c>
    </row>
    <row r="3859" spans="4:5" x14ac:dyDescent="0.25">
      <c r="D3859" s="6">
        <v>1908.886</v>
      </c>
      <c r="E3859" s="6">
        <v>1106.7819999999999</v>
      </c>
    </row>
    <row r="3860" spans="4:5" x14ac:dyDescent="0.25">
      <c r="D3860" s="6">
        <v>760.5566</v>
      </c>
      <c r="E3860" s="6">
        <v>2153.2240000000002</v>
      </c>
    </row>
    <row r="3861" spans="4:5" x14ac:dyDescent="0.25">
      <c r="D3861" s="6">
        <v>747.63760000000002</v>
      </c>
      <c r="E3861" s="6">
        <v>1806.835</v>
      </c>
    </row>
    <row r="3862" spans="4:5" x14ac:dyDescent="0.25">
      <c r="D3862" s="6">
        <v>644.4058</v>
      </c>
      <c r="E3862" s="6">
        <v>1563.183</v>
      </c>
    </row>
    <row r="3863" spans="4:5" x14ac:dyDescent="0.25">
      <c r="D3863" s="6">
        <v>5041.2619999999997</v>
      </c>
      <c r="E3863" s="6">
        <v>5606.2370000000001</v>
      </c>
    </row>
    <row r="3864" spans="4:5" x14ac:dyDescent="0.25">
      <c r="D3864" s="6">
        <v>1704.5909999999999</v>
      </c>
      <c r="E3864" s="6">
        <v>1327.2650000000001</v>
      </c>
    </row>
    <row r="3865" spans="4:5" x14ac:dyDescent="0.25">
      <c r="D3865" s="6">
        <v>1546.24</v>
      </c>
      <c r="E3865" s="6">
        <v>2810.944</v>
      </c>
    </row>
    <row r="3866" spans="4:5" x14ac:dyDescent="0.25">
      <c r="D3866" s="6">
        <v>1566.817</v>
      </c>
      <c r="E3866" s="6">
        <v>1016.664</v>
      </c>
    </row>
    <row r="3867" spans="4:5" x14ac:dyDescent="0.25">
      <c r="D3867" s="6">
        <v>1644.8720000000001</v>
      </c>
      <c r="E3867" s="6">
        <v>583.83140000000003</v>
      </c>
    </row>
    <row r="3868" spans="4:5" x14ac:dyDescent="0.25">
      <c r="D3868" s="6">
        <v>589.85440000000006</v>
      </c>
      <c r="E3868" s="6">
        <v>530.9049</v>
      </c>
    </row>
    <row r="3869" spans="4:5" x14ac:dyDescent="0.25">
      <c r="D3869" s="6">
        <v>717.56380000000001</v>
      </c>
      <c r="E3869" s="6">
        <v>1562.1210000000001</v>
      </c>
    </row>
    <row r="3870" spans="4:5" x14ac:dyDescent="0.25">
      <c r="D3870" s="6">
        <v>1421.9559999999999</v>
      </c>
      <c r="E3870" s="6">
        <v>1314.3389999999999</v>
      </c>
    </row>
    <row r="3871" spans="4:5" x14ac:dyDescent="0.25">
      <c r="D3871" s="6">
        <v>872.40039999999999</v>
      </c>
      <c r="E3871" s="6">
        <v>1172.26</v>
      </c>
    </row>
    <row r="3872" spans="4:5" x14ac:dyDescent="0.25">
      <c r="D3872" s="6">
        <v>674.07140000000004</v>
      </c>
      <c r="E3872" s="6">
        <v>1246.691</v>
      </c>
    </row>
    <row r="3873" spans="4:5" x14ac:dyDescent="0.25">
      <c r="D3873" s="6">
        <v>1509.4690000000001</v>
      </c>
      <c r="E3873" s="6">
        <v>582.63049999999998</v>
      </c>
    </row>
    <row r="3874" spans="4:5" x14ac:dyDescent="0.25">
      <c r="D3874" s="6">
        <v>1358.817</v>
      </c>
      <c r="E3874" s="6">
        <v>766.37120000000004</v>
      </c>
    </row>
    <row r="3875" spans="4:5" x14ac:dyDescent="0.25">
      <c r="D3875" s="6">
        <v>1029.508</v>
      </c>
      <c r="E3875" s="6">
        <v>1452.87</v>
      </c>
    </row>
    <row r="3876" spans="4:5" x14ac:dyDescent="0.25">
      <c r="D3876" s="6">
        <v>1766.0150000000001</v>
      </c>
      <c r="E3876" s="6">
        <v>1043.7329999999999</v>
      </c>
    </row>
    <row r="3877" spans="4:5" x14ac:dyDescent="0.25">
      <c r="D3877" s="6">
        <v>828.95579999999995</v>
      </c>
      <c r="E3877" s="6">
        <v>714.00739999999996</v>
      </c>
    </row>
    <row r="3878" spans="4:5" x14ac:dyDescent="0.25">
      <c r="D3878" s="6">
        <v>548.63469999999995</v>
      </c>
      <c r="E3878" s="6">
        <v>1679.703</v>
      </c>
    </row>
    <row r="3879" spans="4:5" x14ac:dyDescent="0.25">
      <c r="D3879" s="6">
        <v>5999.7640000000001</v>
      </c>
      <c r="E3879" s="6">
        <v>752.79489999999998</v>
      </c>
    </row>
    <row r="3880" spans="4:5" x14ac:dyDescent="0.25">
      <c r="D3880" s="6">
        <v>755.57299999999998</v>
      </c>
      <c r="E3880" s="6">
        <v>939.55119999999999</v>
      </c>
    </row>
    <row r="3881" spans="4:5" x14ac:dyDescent="0.25">
      <c r="D3881" s="6">
        <v>4788.0770000000002</v>
      </c>
      <c r="E3881" s="6">
        <v>651.96069999999997</v>
      </c>
    </row>
    <row r="3882" spans="4:5" x14ac:dyDescent="0.25">
      <c r="D3882" s="6">
        <v>1184.145</v>
      </c>
      <c r="E3882" s="6">
        <v>946.98929999999996</v>
      </c>
    </row>
    <row r="3883" spans="4:5" x14ac:dyDescent="0.25">
      <c r="D3883" s="6">
        <v>1410.0840000000001</v>
      </c>
      <c r="E3883" s="6">
        <v>733.06479999999999</v>
      </c>
    </row>
    <row r="3884" spans="4:5" x14ac:dyDescent="0.25">
      <c r="D3884" s="6">
        <v>1739.3610000000001</v>
      </c>
      <c r="E3884" s="6">
        <v>795.80949999999996</v>
      </c>
    </row>
    <row r="3885" spans="4:5" x14ac:dyDescent="0.25">
      <c r="D3885" s="6">
        <v>1940.403</v>
      </c>
      <c r="E3885" s="6">
        <v>9686.5480000000007</v>
      </c>
    </row>
    <row r="3886" spans="4:5" x14ac:dyDescent="0.25">
      <c r="D3886" s="6">
        <v>1644.0419999999999</v>
      </c>
      <c r="E3886" s="6">
        <v>7509.1689999999999</v>
      </c>
    </row>
    <row r="3887" spans="4:5" x14ac:dyDescent="0.25">
      <c r="D3887" s="6">
        <v>4371.84</v>
      </c>
      <c r="E3887" s="6">
        <v>450.41669999999999</v>
      </c>
    </row>
    <row r="3888" spans="4:5" x14ac:dyDescent="0.25">
      <c r="D3888" s="6">
        <v>1498.1949999999999</v>
      </c>
      <c r="E3888" s="6">
        <v>1672.491</v>
      </c>
    </row>
    <row r="3889" spans="4:5" x14ac:dyDescent="0.25">
      <c r="D3889" s="6">
        <v>2461.6280000000002</v>
      </c>
      <c r="E3889" s="6">
        <v>3588.6529999999998</v>
      </c>
    </row>
    <row r="3890" spans="4:5" x14ac:dyDescent="0.25">
      <c r="D3890" s="6">
        <v>1365.08</v>
      </c>
      <c r="E3890" s="6">
        <v>1220.673</v>
      </c>
    </row>
    <row r="3891" spans="4:5" x14ac:dyDescent="0.25">
      <c r="D3891" s="6">
        <v>1053.018</v>
      </c>
      <c r="E3891" s="6">
        <v>719.49639999999999</v>
      </c>
    </row>
    <row r="3892" spans="4:5" x14ac:dyDescent="0.25">
      <c r="D3892" s="6">
        <v>623.79139999999995</v>
      </c>
      <c r="E3892" s="6">
        <v>1225.2639999999999</v>
      </c>
    </row>
    <row r="3893" spans="4:5" x14ac:dyDescent="0.25">
      <c r="D3893" s="6">
        <v>1749.4280000000001</v>
      </c>
      <c r="E3893" s="6">
        <v>1388.9549999999999</v>
      </c>
    </row>
    <row r="3894" spans="4:5" x14ac:dyDescent="0.25">
      <c r="D3894" s="6">
        <v>654.37540000000001</v>
      </c>
      <c r="E3894" s="6">
        <v>537.73910000000001</v>
      </c>
    </row>
    <row r="3895" spans="4:5" x14ac:dyDescent="0.25">
      <c r="D3895" s="6">
        <v>646.25660000000005</v>
      </c>
      <c r="E3895" s="6">
        <v>932.51869999999997</v>
      </c>
    </row>
    <row r="3896" spans="4:5" x14ac:dyDescent="0.25">
      <c r="D3896" s="6">
        <v>973.11929999999995</v>
      </c>
      <c r="E3896" s="6">
        <v>6942.6689999999999</v>
      </c>
    </row>
    <row r="3897" spans="4:5" x14ac:dyDescent="0.25">
      <c r="D3897" s="6">
        <v>1879.021</v>
      </c>
      <c r="E3897" s="6">
        <v>1644.72</v>
      </c>
    </row>
    <row r="3898" spans="4:5" x14ac:dyDescent="0.25">
      <c r="D3898" s="6">
        <v>861.04459999999995</v>
      </c>
      <c r="E3898" s="6">
        <v>3852.663</v>
      </c>
    </row>
    <row r="3899" spans="4:5" x14ac:dyDescent="0.25">
      <c r="D3899" s="6">
        <v>1459.7159999999999</v>
      </c>
      <c r="E3899" s="6">
        <v>678.10730000000001</v>
      </c>
    </row>
    <row r="3900" spans="4:5" x14ac:dyDescent="0.25">
      <c r="D3900" s="6">
        <v>1299.019</v>
      </c>
      <c r="E3900" s="6">
        <v>611.5598</v>
      </c>
    </row>
    <row r="3901" spans="4:5" x14ac:dyDescent="0.25">
      <c r="D3901" s="6">
        <v>1807.2850000000001</v>
      </c>
      <c r="E3901" s="6">
        <v>827.61220000000003</v>
      </c>
    </row>
    <row r="3902" spans="4:5" x14ac:dyDescent="0.25">
      <c r="D3902" s="6">
        <v>5320.5649999999996</v>
      </c>
      <c r="E3902" s="6">
        <v>701.8587</v>
      </c>
    </row>
    <row r="3903" spans="4:5" x14ac:dyDescent="0.25">
      <c r="D3903" s="6">
        <v>1351.5260000000001</v>
      </c>
      <c r="E3903" s="6">
        <v>2093.6190000000001</v>
      </c>
    </row>
    <row r="3904" spans="4:5" x14ac:dyDescent="0.25">
      <c r="D3904" s="6">
        <v>1442.864</v>
      </c>
      <c r="E3904" s="6">
        <v>1189.586</v>
      </c>
    </row>
    <row r="3905" spans="4:5" x14ac:dyDescent="0.25">
      <c r="D3905" s="6">
        <v>1857.1679999999999</v>
      </c>
      <c r="E3905" s="6">
        <v>1296.752</v>
      </c>
    </row>
    <row r="3906" spans="4:5" x14ac:dyDescent="0.25">
      <c r="D3906" s="6">
        <v>630.73180000000002</v>
      </c>
      <c r="E3906" s="6">
        <v>782.63440000000003</v>
      </c>
    </row>
    <row r="3907" spans="4:5" x14ac:dyDescent="0.25">
      <c r="D3907" s="6">
        <v>1147.607</v>
      </c>
      <c r="E3907" s="6">
        <v>1267.33</v>
      </c>
    </row>
    <row r="3908" spans="4:5" x14ac:dyDescent="0.25">
      <c r="D3908" s="6">
        <v>3666.933</v>
      </c>
      <c r="E3908" s="6">
        <v>1125.338</v>
      </c>
    </row>
    <row r="3909" spans="4:5" x14ac:dyDescent="0.25">
      <c r="D3909" s="6">
        <v>2446.886</v>
      </c>
      <c r="E3909" s="6">
        <v>305.17059999999998</v>
      </c>
    </row>
    <row r="3910" spans="4:5" x14ac:dyDescent="0.25">
      <c r="D3910" s="6">
        <v>1105.296</v>
      </c>
      <c r="E3910" s="6">
        <v>1010.296</v>
      </c>
    </row>
    <row r="3911" spans="4:5" x14ac:dyDescent="0.25">
      <c r="D3911" s="6">
        <v>2604.739</v>
      </c>
      <c r="E3911" s="6">
        <v>2186.9859999999999</v>
      </c>
    </row>
    <row r="3912" spans="4:5" x14ac:dyDescent="0.25">
      <c r="D3912" s="6">
        <v>740.26059999999995</v>
      </c>
      <c r="E3912" s="6">
        <v>1150.6790000000001</v>
      </c>
    </row>
    <row r="3913" spans="4:5" x14ac:dyDescent="0.25">
      <c r="D3913" s="6">
        <v>662.51110000000006</v>
      </c>
      <c r="E3913" s="6">
        <v>908.88080000000002</v>
      </c>
    </row>
    <row r="3914" spans="4:5" x14ac:dyDescent="0.25">
      <c r="D3914" s="6">
        <v>1869.597</v>
      </c>
      <c r="E3914" s="6">
        <v>1569.2819999999999</v>
      </c>
    </row>
    <row r="3915" spans="4:5" x14ac:dyDescent="0.25">
      <c r="D3915" s="6">
        <v>1447.818</v>
      </c>
      <c r="E3915" s="6">
        <v>1380.2260000000001</v>
      </c>
    </row>
    <row r="3916" spans="4:5" x14ac:dyDescent="0.25">
      <c r="D3916" s="6">
        <v>4558.7</v>
      </c>
      <c r="E3916" s="6">
        <v>3534</v>
      </c>
    </row>
    <row r="3917" spans="4:5" x14ac:dyDescent="0.25">
      <c r="D3917" s="6">
        <v>565.41139999999996</v>
      </c>
      <c r="E3917" s="6">
        <v>4371.5</v>
      </c>
    </row>
    <row r="3918" spans="4:5" x14ac:dyDescent="0.25">
      <c r="D3918" s="6">
        <v>442.55560000000003</v>
      </c>
      <c r="E3918" s="6">
        <v>1812.162</v>
      </c>
    </row>
    <row r="3919" spans="4:5" x14ac:dyDescent="0.25">
      <c r="D3919" s="6">
        <v>1413.6210000000001</v>
      </c>
      <c r="E3919" s="6">
        <v>1101.912</v>
      </c>
    </row>
    <row r="3920" spans="4:5" x14ac:dyDescent="0.25">
      <c r="D3920" s="6">
        <v>985.68280000000004</v>
      </c>
      <c r="E3920" s="6">
        <v>665.54459999999995</v>
      </c>
    </row>
    <row r="3921" spans="4:5" x14ac:dyDescent="0.25">
      <c r="D3921" s="6">
        <v>3790.9110000000001</v>
      </c>
      <c r="E3921" s="6">
        <v>1061.941</v>
      </c>
    </row>
    <row r="3922" spans="4:5" x14ac:dyDescent="0.25">
      <c r="D3922" s="6">
        <v>736.8546</v>
      </c>
      <c r="E3922" s="6">
        <v>921.55420000000004</v>
      </c>
    </row>
    <row r="3923" spans="4:5" x14ac:dyDescent="0.25">
      <c r="D3923" s="6">
        <v>1561.739</v>
      </c>
      <c r="E3923" s="6">
        <v>2210.002</v>
      </c>
    </row>
    <row r="3924" spans="4:5" x14ac:dyDescent="0.25">
      <c r="D3924" s="6">
        <v>750.16830000000004</v>
      </c>
      <c r="E3924" s="6">
        <v>718.35260000000005</v>
      </c>
    </row>
    <row r="3925" spans="4:5" x14ac:dyDescent="0.25">
      <c r="D3925" s="6">
        <v>2117.9830000000002</v>
      </c>
      <c r="E3925" s="6">
        <v>1455.846</v>
      </c>
    </row>
    <row r="3926" spans="4:5" x14ac:dyDescent="0.25">
      <c r="D3926" s="6">
        <v>1462.0840000000001</v>
      </c>
      <c r="E3926" s="6">
        <v>1155.3389999999999</v>
      </c>
    </row>
    <row r="3927" spans="4:5" x14ac:dyDescent="0.25">
      <c r="D3927" s="6">
        <v>548.35329999999999</v>
      </c>
      <c r="E3927" s="6">
        <v>498.85750000000002</v>
      </c>
    </row>
    <row r="3928" spans="4:5" x14ac:dyDescent="0.25">
      <c r="D3928" s="6">
        <v>1382.3330000000001</v>
      </c>
      <c r="E3928" s="6">
        <v>2467.3939999999998</v>
      </c>
    </row>
    <row r="3929" spans="4:5" x14ac:dyDescent="0.25">
      <c r="D3929" s="6">
        <v>2904.3989999999999</v>
      </c>
      <c r="E3929" s="6">
        <v>692.46400000000006</v>
      </c>
    </row>
    <row r="3930" spans="4:5" x14ac:dyDescent="0.25">
      <c r="D3930" s="6">
        <v>776.90599999999995</v>
      </c>
      <c r="E3930" s="6">
        <v>1042.278</v>
      </c>
    </row>
    <row r="3931" spans="4:5" x14ac:dyDescent="0.25">
      <c r="D3931" s="6">
        <v>1225.5</v>
      </c>
      <c r="E3931" s="6">
        <v>456.71080000000001</v>
      </c>
    </row>
    <row r="3932" spans="4:5" x14ac:dyDescent="0.25">
      <c r="D3932" s="6">
        <v>722.69420000000002</v>
      </c>
      <c r="E3932" s="6">
        <v>1122.998</v>
      </c>
    </row>
    <row r="3933" spans="4:5" x14ac:dyDescent="0.25">
      <c r="D3933" s="6">
        <v>1375.298</v>
      </c>
      <c r="E3933" s="6">
        <v>968.42169999999999</v>
      </c>
    </row>
    <row r="3934" spans="4:5" x14ac:dyDescent="0.25">
      <c r="D3934" s="6">
        <v>1009.9</v>
      </c>
      <c r="E3934" s="6">
        <v>2728.7629999999999</v>
      </c>
    </row>
    <row r="3935" spans="4:5" x14ac:dyDescent="0.25">
      <c r="D3935" s="6">
        <v>1118.6969999999999</v>
      </c>
      <c r="E3935" s="6">
        <v>927.64009999999996</v>
      </c>
    </row>
    <row r="3936" spans="4:5" x14ac:dyDescent="0.25">
      <c r="D3936" s="6">
        <v>1640.777</v>
      </c>
      <c r="E3936" s="6">
        <v>5162.9660000000003</v>
      </c>
    </row>
    <row r="3937" spans="4:5" x14ac:dyDescent="0.25">
      <c r="D3937" s="6">
        <v>2834.97</v>
      </c>
      <c r="E3937" s="6">
        <v>2134.989</v>
      </c>
    </row>
    <row r="3938" spans="4:5" x14ac:dyDescent="0.25">
      <c r="D3938" s="6">
        <v>3264.34</v>
      </c>
      <c r="E3938" s="6">
        <v>581.83280000000002</v>
      </c>
    </row>
    <row r="3939" spans="4:5" x14ac:dyDescent="0.25">
      <c r="D3939" s="6">
        <v>695.53629999999998</v>
      </c>
      <c r="E3939" s="6">
        <v>1148.402</v>
      </c>
    </row>
    <row r="3940" spans="4:5" x14ac:dyDescent="0.25">
      <c r="D3940" s="6">
        <v>1073.4870000000001</v>
      </c>
      <c r="E3940" s="6">
        <v>3189.1990000000001</v>
      </c>
    </row>
    <row r="3941" spans="4:5" x14ac:dyDescent="0.25">
      <c r="D3941" s="6">
        <v>570.30719999999997</v>
      </c>
      <c r="E3941" s="6">
        <v>291.10059999999999</v>
      </c>
    </row>
    <row r="3942" spans="4:5" x14ac:dyDescent="0.25">
      <c r="D3942" s="6">
        <v>1609.6479999999999</v>
      </c>
      <c r="E3942" s="6">
        <v>918.46489999999994</v>
      </c>
    </row>
    <row r="3943" spans="4:5" x14ac:dyDescent="0.25">
      <c r="D3943" s="6">
        <v>4847.2049999999999</v>
      </c>
      <c r="E3943" s="6">
        <v>982.04349999999999</v>
      </c>
    </row>
    <row r="3944" spans="4:5" x14ac:dyDescent="0.25">
      <c r="D3944" s="6">
        <v>1386.8810000000001</v>
      </c>
      <c r="E3944" s="6">
        <v>997.02700000000004</v>
      </c>
    </row>
    <row r="3945" spans="4:5" x14ac:dyDescent="0.25">
      <c r="D3945" s="6">
        <v>1056.8610000000001</v>
      </c>
      <c r="E3945" s="6">
        <v>792.63980000000004</v>
      </c>
    </row>
    <row r="3946" spans="4:5" x14ac:dyDescent="0.25">
      <c r="D3946" s="6">
        <v>1467.692</v>
      </c>
      <c r="E3946" s="6">
        <v>792.06709999999998</v>
      </c>
    </row>
    <row r="3947" spans="4:5" x14ac:dyDescent="0.25">
      <c r="D3947" s="6">
        <v>4754.8900000000003</v>
      </c>
      <c r="E3947" s="6">
        <v>4215.6440000000002</v>
      </c>
    </row>
    <row r="3948" spans="4:5" x14ac:dyDescent="0.25">
      <c r="D3948" s="6">
        <v>3719.6039999999998</v>
      </c>
      <c r="E3948" s="6">
        <v>1821.595</v>
      </c>
    </row>
    <row r="3949" spans="4:5" x14ac:dyDescent="0.25">
      <c r="D3949" s="6">
        <v>2270.4989999999998</v>
      </c>
      <c r="E3949" s="6">
        <v>1584.845</v>
      </c>
    </row>
    <row r="3950" spans="4:5" x14ac:dyDescent="0.25">
      <c r="D3950" s="6">
        <v>1803.174</v>
      </c>
      <c r="E3950" s="6">
        <v>2088.768</v>
      </c>
    </row>
    <row r="3951" spans="4:5" x14ac:dyDescent="0.25">
      <c r="D3951" s="6">
        <v>2096.2840000000001</v>
      </c>
      <c r="E3951" s="6">
        <v>4688.8090000000002</v>
      </c>
    </row>
    <row r="3952" spans="4:5" x14ac:dyDescent="0.25">
      <c r="D3952" s="6">
        <v>1526.5530000000001</v>
      </c>
      <c r="E3952" s="6">
        <v>1015.249</v>
      </c>
    </row>
    <row r="3953" spans="4:5" x14ac:dyDescent="0.25">
      <c r="D3953" s="6">
        <v>2452.9810000000002</v>
      </c>
      <c r="E3953" s="6">
        <v>2190.8110000000001</v>
      </c>
    </row>
    <row r="3954" spans="4:5" x14ac:dyDescent="0.25">
      <c r="D3954" s="6">
        <v>1177.501</v>
      </c>
      <c r="E3954" s="6">
        <v>5119.7929999999997</v>
      </c>
    </row>
    <row r="3955" spans="4:5" x14ac:dyDescent="0.25">
      <c r="D3955" s="6">
        <v>2261.0450000000001</v>
      </c>
      <c r="E3955" s="6">
        <v>1217.7280000000001</v>
      </c>
    </row>
    <row r="3956" spans="4:5" x14ac:dyDescent="0.25">
      <c r="D3956" s="6">
        <v>625</v>
      </c>
      <c r="E3956" s="6">
        <v>1961.616</v>
      </c>
    </row>
    <row r="3957" spans="4:5" x14ac:dyDescent="0.25">
      <c r="D3957" s="6">
        <v>1546.1010000000001</v>
      </c>
      <c r="E3957" s="6">
        <v>998.43209999999999</v>
      </c>
    </row>
    <row r="3958" spans="4:5" x14ac:dyDescent="0.25">
      <c r="D3958" s="6">
        <v>582.69079999999997</v>
      </c>
      <c r="E3958" s="6">
        <v>2389.2570000000001</v>
      </c>
    </row>
    <row r="3959" spans="4:5" x14ac:dyDescent="0.25">
      <c r="D3959" s="6">
        <v>687.97929999999997</v>
      </c>
      <c r="E3959" s="6">
        <v>679.14089999999999</v>
      </c>
    </row>
    <row r="3960" spans="4:5" x14ac:dyDescent="0.25">
      <c r="D3960" s="6">
        <v>703.0471</v>
      </c>
      <c r="E3960" s="6">
        <v>1033.461</v>
      </c>
    </row>
    <row r="3961" spans="4:5" x14ac:dyDescent="0.25">
      <c r="D3961" s="6">
        <v>2300.2719999999999</v>
      </c>
      <c r="E3961" s="6">
        <v>863.76750000000004</v>
      </c>
    </row>
    <row r="3962" spans="4:5" x14ac:dyDescent="0.25">
      <c r="D3962" s="6">
        <v>553.61350000000004</v>
      </c>
      <c r="E3962" s="6">
        <v>587.23209999999995</v>
      </c>
    </row>
    <row r="3963" spans="4:5" x14ac:dyDescent="0.25">
      <c r="D3963" s="6">
        <v>1304.364</v>
      </c>
      <c r="E3963" s="6">
        <v>1884.143</v>
      </c>
    </row>
    <row r="3964" spans="4:5" x14ac:dyDescent="0.25">
      <c r="D3964" s="6">
        <v>4814.1530000000002</v>
      </c>
      <c r="E3964" s="6">
        <v>483.96190000000001</v>
      </c>
    </row>
    <row r="3965" spans="4:5" x14ac:dyDescent="0.25">
      <c r="D3965" s="6">
        <v>1822.029</v>
      </c>
      <c r="E3965" s="6">
        <v>765.25350000000003</v>
      </c>
    </row>
    <row r="3966" spans="4:5" x14ac:dyDescent="0.25">
      <c r="D3966" s="6">
        <v>1383.74</v>
      </c>
      <c r="E3966" s="6">
        <v>974.06709999999998</v>
      </c>
    </row>
    <row r="3967" spans="4:5" x14ac:dyDescent="0.25">
      <c r="D3967" s="6">
        <v>1184.3320000000001</v>
      </c>
      <c r="E3967" s="6">
        <v>4238.5559999999996</v>
      </c>
    </row>
    <row r="3968" spans="4:5" x14ac:dyDescent="0.25">
      <c r="D3968" s="6">
        <v>1460.6869999999999</v>
      </c>
      <c r="E3968" s="6">
        <v>1354.758</v>
      </c>
    </row>
    <row r="3969" spans="4:5" x14ac:dyDescent="0.25">
      <c r="D3969" s="6">
        <v>5018.7370000000001</v>
      </c>
      <c r="E3969" s="6">
        <v>569.10429999999997</v>
      </c>
    </row>
    <row r="3970" spans="4:5" x14ac:dyDescent="0.25">
      <c r="D3970" s="6">
        <v>3529.6790000000001</v>
      </c>
      <c r="E3970" s="6">
        <v>3368.741</v>
      </c>
    </row>
    <row r="3971" spans="4:5" x14ac:dyDescent="0.25">
      <c r="D3971" s="6">
        <v>1571.0889999999999</v>
      </c>
      <c r="E3971" s="6">
        <v>981.40200000000004</v>
      </c>
    </row>
    <row r="3972" spans="4:5" x14ac:dyDescent="0.25">
      <c r="D3972" s="6">
        <v>1394.1179999999999</v>
      </c>
      <c r="E3972" s="6">
        <v>2192.4279999999999</v>
      </c>
    </row>
    <row r="3973" spans="4:5" x14ac:dyDescent="0.25">
      <c r="D3973" s="6">
        <v>1412.212</v>
      </c>
      <c r="E3973" s="6">
        <v>1976.2280000000001</v>
      </c>
    </row>
    <row r="3974" spans="4:5" x14ac:dyDescent="0.25">
      <c r="D3974" s="6">
        <v>675.69740000000002</v>
      </c>
      <c r="E3974" s="6">
        <v>520.53840000000002</v>
      </c>
    </row>
    <row r="3975" spans="4:5" x14ac:dyDescent="0.25">
      <c r="D3975" s="6">
        <v>1066.4849999999999</v>
      </c>
      <c r="E3975" s="6">
        <v>635.95699999999999</v>
      </c>
    </row>
    <row r="3976" spans="4:5" x14ac:dyDescent="0.25">
      <c r="D3976" s="6">
        <v>553.84500000000003</v>
      </c>
      <c r="E3976" s="6">
        <v>663.3066</v>
      </c>
    </row>
    <row r="3977" spans="4:5" x14ac:dyDescent="0.25">
      <c r="D3977" s="6">
        <v>3880.8649999999998</v>
      </c>
      <c r="E3977" s="6">
        <v>1284.433</v>
      </c>
    </row>
    <row r="3978" spans="4:5" x14ac:dyDescent="0.25">
      <c r="D3978" s="6">
        <v>662.81769999999995</v>
      </c>
      <c r="E3978" s="6">
        <v>3003.8620000000001</v>
      </c>
    </row>
    <row r="3979" spans="4:5" x14ac:dyDescent="0.25">
      <c r="D3979" s="6">
        <v>1177.7090000000001</v>
      </c>
      <c r="E3979" s="6">
        <v>1089.961</v>
      </c>
    </row>
    <row r="3980" spans="4:5" x14ac:dyDescent="0.25">
      <c r="D3980" s="6">
        <v>1459.537</v>
      </c>
      <c r="E3980" s="6">
        <v>1029.556</v>
      </c>
    </row>
    <row r="3981" spans="4:5" x14ac:dyDescent="0.25">
      <c r="D3981" s="6">
        <v>1128.704</v>
      </c>
      <c r="E3981" s="6">
        <v>853.9135</v>
      </c>
    </row>
    <row r="3982" spans="4:5" x14ac:dyDescent="0.25">
      <c r="D3982" s="6">
        <v>4154.6570000000002</v>
      </c>
      <c r="E3982" s="6">
        <v>825.68</v>
      </c>
    </row>
    <row r="3983" spans="4:5" x14ac:dyDescent="0.25">
      <c r="D3983" s="6">
        <v>1547.2639999999999</v>
      </c>
      <c r="E3983" s="6">
        <v>975.6277</v>
      </c>
    </row>
    <row r="3984" spans="4:5" x14ac:dyDescent="0.25">
      <c r="D3984" s="6">
        <v>1941.2809999999999</v>
      </c>
      <c r="E3984" s="6">
        <v>1265.585</v>
      </c>
    </row>
    <row r="3985" spans="4:5" x14ac:dyDescent="0.25">
      <c r="D3985" s="6">
        <v>683.83960000000002</v>
      </c>
      <c r="E3985" s="6">
        <v>1016.923</v>
      </c>
    </row>
    <row r="3986" spans="4:5" x14ac:dyDescent="0.25">
      <c r="D3986" s="6">
        <v>1443.5740000000001</v>
      </c>
      <c r="E3986" s="6">
        <v>1480.175</v>
      </c>
    </row>
    <row r="3987" spans="4:5" x14ac:dyDescent="0.25">
      <c r="D3987" s="6">
        <v>4149.68</v>
      </c>
      <c r="E3987" s="6">
        <v>1015.216</v>
      </c>
    </row>
    <row r="3988" spans="4:5" x14ac:dyDescent="0.25">
      <c r="D3988" s="6">
        <v>1540.94</v>
      </c>
      <c r="E3988" s="6">
        <v>879.20910000000003</v>
      </c>
    </row>
    <row r="3989" spans="4:5" x14ac:dyDescent="0.25">
      <c r="D3989" s="6">
        <v>2559.3609999999999</v>
      </c>
      <c r="E3989" s="6">
        <v>1399.192</v>
      </c>
    </row>
    <row r="3990" spans="4:5" x14ac:dyDescent="0.25">
      <c r="D3990" s="6">
        <v>1243.0319999999999</v>
      </c>
      <c r="E3990" s="6">
        <v>731.34259999999995</v>
      </c>
    </row>
    <row r="3991" spans="4:5" x14ac:dyDescent="0.25">
      <c r="D3991" s="6">
        <v>890.55340000000001</v>
      </c>
      <c r="E3991" s="6">
        <v>1563.4690000000001</v>
      </c>
    </row>
    <row r="3992" spans="4:5" x14ac:dyDescent="0.25">
      <c r="D3992" s="6">
        <v>1869.23</v>
      </c>
      <c r="E3992" s="6">
        <v>847.60209999999995</v>
      </c>
    </row>
    <row r="3993" spans="4:5" x14ac:dyDescent="0.25">
      <c r="D3993" s="6">
        <v>1166.097</v>
      </c>
      <c r="E3993" s="6">
        <v>1013.54</v>
      </c>
    </row>
    <row r="3994" spans="4:5" x14ac:dyDescent="0.25">
      <c r="D3994" s="6">
        <v>7469.0450000000001</v>
      </c>
      <c r="E3994" s="6">
        <v>1432.184</v>
      </c>
    </row>
    <row r="3995" spans="4:5" x14ac:dyDescent="0.25">
      <c r="D3995" s="6">
        <v>2219.2460000000001</v>
      </c>
      <c r="E3995" s="6">
        <v>733.60339999999997</v>
      </c>
    </row>
    <row r="3996" spans="4:5" x14ac:dyDescent="0.25">
      <c r="D3996" s="6">
        <v>1620.192</v>
      </c>
      <c r="E3996" s="6">
        <v>3670.3470000000002</v>
      </c>
    </row>
    <row r="3997" spans="4:5" x14ac:dyDescent="0.25">
      <c r="D3997" s="6">
        <v>4541.6949999999997</v>
      </c>
      <c r="E3997" s="6">
        <v>682.0068</v>
      </c>
    </row>
    <row r="3998" spans="4:5" x14ac:dyDescent="0.25">
      <c r="D3998" s="6">
        <v>1649.1880000000001</v>
      </c>
      <c r="E3998" s="6">
        <v>3015.6709999999998</v>
      </c>
    </row>
    <row r="3999" spans="4:5" x14ac:dyDescent="0.25">
      <c r="D3999" s="6">
        <v>3660.6080000000002</v>
      </c>
      <c r="E3999" s="6">
        <v>785.78200000000004</v>
      </c>
    </row>
    <row r="4000" spans="4:5" x14ac:dyDescent="0.25">
      <c r="D4000" s="6">
        <v>2046.8489999999999</v>
      </c>
      <c r="E4000" s="6">
        <v>797.72680000000003</v>
      </c>
    </row>
    <row r="4001" spans="4:5" x14ac:dyDescent="0.25">
      <c r="D4001" s="6">
        <v>661.57470000000001</v>
      </c>
      <c r="E4001" s="6">
        <v>923.95920000000001</v>
      </c>
    </row>
    <row r="4002" spans="4:5" x14ac:dyDescent="0.25">
      <c r="D4002" s="6">
        <v>1033.0730000000001</v>
      </c>
      <c r="E4002" s="6">
        <v>679.23630000000003</v>
      </c>
    </row>
    <row r="4003" spans="4:5" x14ac:dyDescent="0.25">
      <c r="D4003" s="6">
        <v>1693.5989999999999</v>
      </c>
      <c r="E4003" s="6">
        <v>812.86779999999999</v>
      </c>
    </row>
    <row r="4004" spans="4:5" x14ac:dyDescent="0.25">
      <c r="D4004" s="6">
        <v>653.93759999999997</v>
      </c>
      <c r="E4004" s="6">
        <v>942.15729999999996</v>
      </c>
    </row>
    <row r="4005" spans="4:5" x14ac:dyDescent="0.25">
      <c r="D4005" s="6">
        <v>859.97699999999998</v>
      </c>
      <c r="E4005" s="6">
        <v>613.27850000000001</v>
      </c>
    </row>
    <row r="4006" spans="4:5" x14ac:dyDescent="0.25">
      <c r="D4006" s="6">
        <v>1853.7180000000001</v>
      </c>
      <c r="E4006" s="6">
        <v>1373.7750000000001</v>
      </c>
    </row>
    <row r="4007" spans="4:5" x14ac:dyDescent="0.25">
      <c r="D4007" s="6">
        <v>989.51729999999998</v>
      </c>
      <c r="E4007" s="6">
        <v>1113.6479999999999</v>
      </c>
    </row>
    <row r="4008" spans="4:5" x14ac:dyDescent="0.25">
      <c r="D4008" s="6">
        <v>779.75</v>
      </c>
      <c r="E4008" s="6">
        <v>578.44439999999997</v>
      </c>
    </row>
    <row r="4009" spans="4:5" x14ac:dyDescent="0.25">
      <c r="D4009" s="6">
        <v>1232.1420000000001</v>
      </c>
      <c r="E4009" s="6">
        <v>2368.7220000000002</v>
      </c>
    </row>
    <row r="4010" spans="4:5" x14ac:dyDescent="0.25">
      <c r="D4010" s="6">
        <v>4594.3760000000002</v>
      </c>
      <c r="E4010" s="6">
        <v>783.40449999999998</v>
      </c>
    </row>
    <row r="4011" spans="4:5" x14ac:dyDescent="0.25">
      <c r="D4011" s="6">
        <v>1792.816</v>
      </c>
      <c r="E4011" s="6">
        <v>1332.42</v>
      </c>
    </row>
    <row r="4012" spans="4:5" x14ac:dyDescent="0.25">
      <c r="D4012" s="6">
        <v>1576.3440000000001</v>
      </c>
      <c r="E4012" s="6">
        <v>1851.3720000000001</v>
      </c>
    </row>
    <row r="4013" spans="4:5" x14ac:dyDescent="0.25">
      <c r="D4013" s="6">
        <v>2530.8449999999998</v>
      </c>
      <c r="E4013" s="6">
        <v>841.91409999999996</v>
      </c>
    </row>
    <row r="4014" spans="4:5" x14ac:dyDescent="0.25">
      <c r="D4014" s="6">
        <v>957.88739999999996</v>
      </c>
      <c r="E4014" s="6">
        <v>5989.5410000000002</v>
      </c>
    </row>
    <row r="4015" spans="4:5" x14ac:dyDescent="0.25">
      <c r="D4015" s="6">
        <v>5083.3010000000004</v>
      </c>
      <c r="E4015" s="6">
        <v>1223.5139999999999</v>
      </c>
    </row>
    <row r="4016" spans="4:5" x14ac:dyDescent="0.25">
      <c r="D4016" s="6">
        <v>662.76919999999996</v>
      </c>
      <c r="E4016" s="6">
        <v>517.125</v>
      </c>
    </row>
    <row r="4017" spans="4:5" x14ac:dyDescent="0.25">
      <c r="D4017" s="6">
        <v>573.90689999999995</v>
      </c>
      <c r="E4017" s="6">
        <v>3689.2530000000002</v>
      </c>
    </row>
    <row r="4018" spans="4:5" x14ac:dyDescent="0.25">
      <c r="D4018" s="6">
        <v>909.41380000000004</v>
      </c>
      <c r="E4018" s="6">
        <v>1259.126</v>
      </c>
    </row>
    <row r="4019" spans="4:5" x14ac:dyDescent="0.25">
      <c r="D4019" s="6">
        <v>666.55790000000002</v>
      </c>
      <c r="E4019" s="6">
        <v>1709.36</v>
      </c>
    </row>
    <row r="4020" spans="4:5" x14ac:dyDescent="0.25">
      <c r="D4020" s="6">
        <v>1621.6769999999999</v>
      </c>
      <c r="E4020" s="6">
        <v>779.27539999999999</v>
      </c>
    </row>
    <row r="4021" spans="4:5" x14ac:dyDescent="0.25">
      <c r="D4021" s="6">
        <v>1453.444</v>
      </c>
      <c r="E4021" s="6">
        <v>1088.0999999999999</v>
      </c>
    </row>
    <row r="4022" spans="4:5" x14ac:dyDescent="0.25">
      <c r="D4022" s="6">
        <v>4925.6670000000004</v>
      </c>
      <c r="E4022" s="6">
        <v>315</v>
      </c>
    </row>
    <row r="4023" spans="4:5" x14ac:dyDescent="0.25">
      <c r="D4023" s="6">
        <v>1184.827</v>
      </c>
      <c r="E4023" s="6">
        <v>1073.7090000000001</v>
      </c>
    </row>
    <row r="4024" spans="4:5" x14ac:dyDescent="0.25">
      <c r="D4024" s="6">
        <v>1386.722</v>
      </c>
      <c r="E4024" s="6">
        <v>1027.4349999999999</v>
      </c>
    </row>
    <row r="4025" spans="4:5" x14ac:dyDescent="0.25">
      <c r="D4025" s="6">
        <v>3731.0549999999998</v>
      </c>
      <c r="E4025" s="6">
        <v>352.06630000000001</v>
      </c>
    </row>
    <row r="4026" spans="4:5" x14ac:dyDescent="0.25">
      <c r="D4026" s="6">
        <v>1373.896</v>
      </c>
      <c r="E4026" s="6">
        <v>2083.569</v>
      </c>
    </row>
    <row r="4027" spans="4:5" x14ac:dyDescent="0.25">
      <c r="D4027" s="6">
        <v>1109.2270000000001</v>
      </c>
      <c r="E4027" s="6">
        <v>1713.8889999999999</v>
      </c>
    </row>
    <row r="4028" spans="4:5" x14ac:dyDescent="0.25">
      <c r="D4028" s="6">
        <v>601.15430000000003</v>
      </c>
      <c r="E4028" s="6">
        <v>476.32470000000001</v>
      </c>
    </row>
    <row r="4029" spans="4:5" x14ac:dyDescent="0.25">
      <c r="D4029" s="6">
        <v>590.64449999999999</v>
      </c>
      <c r="E4029" s="6">
        <v>785.95759999999996</v>
      </c>
    </row>
    <row r="4030" spans="4:5" x14ac:dyDescent="0.25">
      <c r="D4030" s="6">
        <v>1421.6310000000001</v>
      </c>
      <c r="E4030" s="6">
        <v>1086.7329999999999</v>
      </c>
    </row>
    <row r="4031" spans="4:5" x14ac:dyDescent="0.25">
      <c r="D4031" s="6">
        <v>1810.2619999999999</v>
      </c>
      <c r="E4031" s="6">
        <v>1307.0229999999999</v>
      </c>
    </row>
    <row r="4032" spans="4:5" x14ac:dyDescent="0.25">
      <c r="D4032" s="6">
        <v>3855.6819999999998</v>
      </c>
      <c r="E4032" s="6">
        <v>1362.7249999999999</v>
      </c>
    </row>
    <row r="4033" spans="4:5" x14ac:dyDescent="0.25">
      <c r="D4033" s="6">
        <v>838.84609999999998</v>
      </c>
      <c r="E4033" s="6">
        <v>1447.5029999999999</v>
      </c>
    </row>
    <row r="4034" spans="4:5" x14ac:dyDescent="0.25">
      <c r="D4034" s="6">
        <v>1048.0930000000001</v>
      </c>
      <c r="E4034" s="6">
        <v>1546.7349999999999</v>
      </c>
    </row>
    <row r="4035" spans="4:5" x14ac:dyDescent="0.25">
      <c r="D4035" s="6">
        <v>631.11490000000003</v>
      </c>
      <c r="E4035" s="6">
        <v>730.30240000000003</v>
      </c>
    </row>
    <row r="4036" spans="4:5" x14ac:dyDescent="0.25">
      <c r="D4036" s="6">
        <v>761.54039999999998</v>
      </c>
      <c r="E4036" s="6">
        <v>926.15099999999995</v>
      </c>
    </row>
    <row r="4037" spans="4:5" x14ac:dyDescent="0.25">
      <c r="D4037" s="6">
        <v>849.51610000000005</v>
      </c>
      <c r="E4037" s="6">
        <v>2431.752</v>
      </c>
    </row>
    <row r="4038" spans="4:5" x14ac:dyDescent="0.25">
      <c r="D4038" s="6">
        <v>977.20510000000002</v>
      </c>
      <c r="E4038" s="6">
        <v>823.72680000000003</v>
      </c>
    </row>
    <row r="4039" spans="4:5" x14ac:dyDescent="0.25">
      <c r="D4039" s="6">
        <v>848.39059999999995</v>
      </c>
      <c r="E4039" s="6">
        <v>1550.94</v>
      </c>
    </row>
    <row r="4040" spans="4:5" x14ac:dyDescent="0.25">
      <c r="D4040" s="6">
        <v>1438.077</v>
      </c>
      <c r="E4040" s="6">
        <v>1005.104</v>
      </c>
    </row>
    <row r="4041" spans="4:5" x14ac:dyDescent="0.25">
      <c r="D4041" s="6">
        <v>2729.2260000000001</v>
      </c>
      <c r="E4041" s="6">
        <v>761.53009999999995</v>
      </c>
    </row>
    <row r="4042" spans="4:5" x14ac:dyDescent="0.25">
      <c r="D4042" s="6">
        <v>1160.194</v>
      </c>
      <c r="E4042" s="6">
        <v>1114.8620000000001</v>
      </c>
    </row>
    <row r="4043" spans="4:5" x14ac:dyDescent="0.25">
      <c r="D4043" s="6">
        <v>1277.057</v>
      </c>
      <c r="E4043" s="6">
        <v>1028.963</v>
      </c>
    </row>
    <row r="4044" spans="4:5" x14ac:dyDescent="0.25">
      <c r="D4044" s="6">
        <v>731.53229999999996</v>
      </c>
      <c r="E4044" s="6">
        <v>1348.3689999999999</v>
      </c>
    </row>
    <row r="4045" spans="4:5" x14ac:dyDescent="0.25">
      <c r="D4045" s="6">
        <v>1478.758</v>
      </c>
      <c r="E4045" s="6">
        <v>1856.9069999999999</v>
      </c>
    </row>
    <row r="4046" spans="4:5" x14ac:dyDescent="0.25">
      <c r="D4046" s="6">
        <v>4224.7709999999997</v>
      </c>
      <c r="E4046" s="6">
        <v>839.00890000000004</v>
      </c>
    </row>
    <row r="4047" spans="4:5" x14ac:dyDescent="0.25">
      <c r="D4047" s="6">
        <v>1518.366</v>
      </c>
      <c r="E4047" s="6">
        <v>1937.4459999999999</v>
      </c>
    </row>
    <row r="4048" spans="4:5" x14ac:dyDescent="0.25">
      <c r="D4048" s="6">
        <v>2178.7739999999999</v>
      </c>
      <c r="E4048" s="6">
        <v>1266.527</v>
      </c>
    </row>
    <row r="4049" spans="4:5" x14ac:dyDescent="0.25">
      <c r="D4049" s="6">
        <v>905.19870000000003</v>
      </c>
      <c r="E4049" s="6">
        <v>926.17520000000002</v>
      </c>
    </row>
    <row r="4050" spans="4:5" x14ac:dyDescent="0.25">
      <c r="D4050" s="6">
        <v>4466.0460000000003</v>
      </c>
      <c r="E4050" s="6">
        <v>943.27909999999997</v>
      </c>
    </row>
    <row r="4051" spans="4:5" x14ac:dyDescent="0.25">
      <c r="D4051" s="6">
        <v>4373.5219999999999</v>
      </c>
      <c r="E4051" s="6">
        <v>778.89859999999999</v>
      </c>
    </row>
    <row r="4052" spans="4:5" x14ac:dyDescent="0.25">
      <c r="D4052" s="6">
        <v>1233.847</v>
      </c>
      <c r="E4052" s="6">
        <v>1347.0719999999999</v>
      </c>
    </row>
    <row r="4053" spans="4:5" x14ac:dyDescent="0.25">
      <c r="D4053" s="6">
        <v>915</v>
      </c>
      <c r="E4053" s="6">
        <v>344.25889999999998</v>
      </c>
    </row>
    <row r="4054" spans="4:5" x14ac:dyDescent="0.25">
      <c r="D4054" s="6">
        <v>561.66200000000003</v>
      </c>
      <c r="E4054" s="6">
        <v>678.65819999999997</v>
      </c>
    </row>
    <row r="4055" spans="4:5" x14ac:dyDescent="0.25">
      <c r="D4055" s="6">
        <v>946.60569999999996</v>
      </c>
      <c r="E4055" s="6">
        <v>1527.6659999999999</v>
      </c>
    </row>
    <row r="4056" spans="4:5" x14ac:dyDescent="0.25">
      <c r="D4056" s="6">
        <v>896.37390000000005</v>
      </c>
      <c r="E4056" s="6">
        <v>799.50450000000001</v>
      </c>
    </row>
    <row r="4057" spans="4:5" x14ac:dyDescent="0.25">
      <c r="D4057" s="6">
        <v>1158.1310000000001</v>
      </c>
      <c r="E4057" s="6">
        <v>842.34079999999994</v>
      </c>
    </row>
    <row r="4058" spans="4:5" x14ac:dyDescent="0.25">
      <c r="D4058" s="6">
        <v>748.54560000000004</v>
      </c>
      <c r="E4058" s="6">
        <v>953.98490000000004</v>
      </c>
    </row>
    <row r="4059" spans="4:5" x14ac:dyDescent="0.25">
      <c r="D4059" s="6">
        <v>2703.86</v>
      </c>
      <c r="E4059" s="6">
        <v>1026.57</v>
      </c>
    </row>
    <row r="4060" spans="4:5" x14ac:dyDescent="0.25">
      <c r="D4060" s="6">
        <v>3881.3739999999998</v>
      </c>
      <c r="E4060" s="6">
        <v>915.2704</v>
      </c>
    </row>
    <row r="4061" spans="4:5" x14ac:dyDescent="0.25">
      <c r="D4061" s="6">
        <v>2288.4609999999998</v>
      </c>
      <c r="E4061" s="6">
        <v>506.81779999999998</v>
      </c>
    </row>
    <row r="4062" spans="4:5" x14ac:dyDescent="0.25">
      <c r="D4062" s="6">
        <v>722.77809999999999</v>
      </c>
      <c r="E4062" s="6">
        <v>655.75019999999995</v>
      </c>
    </row>
    <row r="4063" spans="4:5" x14ac:dyDescent="0.25">
      <c r="D4063" s="6">
        <v>5638.2120000000004</v>
      </c>
      <c r="E4063" s="6">
        <v>790.38699999999994</v>
      </c>
    </row>
    <row r="4064" spans="4:5" x14ac:dyDescent="0.25">
      <c r="D4064" s="6">
        <v>636</v>
      </c>
      <c r="E4064" s="6">
        <v>759.17819999999995</v>
      </c>
    </row>
    <row r="4065" spans="4:5" x14ac:dyDescent="0.25">
      <c r="D4065" s="6">
        <v>398.63799999999998</v>
      </c>
      <c r="E4065" s="6">
        <v>1374.191</v>
      </c>
    </row>
    <row r="4066" spans="4:5" x14ac:dyDescent="0.25">
      <c r="D4066" s="6">
        <v>4095.02</v>
      </c>
      <c r="E4066" s="6">
        <v>1050.49</v>
      </c>
    </row>
    <row r="4067" spans="4:5" x14ac:dyDescent="0.25">
      <c r="D4067" s="6">
        <v>1014.048</v>
      </c>
      <c r="E4067" s="6">
        <v>632.09299999999996</v>
      </c>
    </row>
    <row r="4068" spans="4:5" x14ac:dyDescent="0.25">
      <c r="D4068" s="6">
        <v>2030.4090000000001</v>
      </c>
      <c r="E4068" s="6">
        <v>555.31219999999996</v>
      </c>
    </row>
    <row r="4069" spans="4:5" x14ac:dyDescent="0.25">
      <c r="D4069" s="6">
        <v>2966.3029999999999</v>
      </c>
      <c r="E4069" s="6">
        <v>1145.8030000000001</v>
      </c>
    </row>
    <row r="4070" spans="4:5" x14ac:dyDescent="0.25">
      <c r="D4070" s="6">
        <v>674.39120000000003</v>
      </c>
      <c r="E4070" s="6">
        <v>865.53599999999994</v>
      </c>
    </row>
    <row r="4071" spans="4:5" x14ac:dyDescent="0.25">
      <c r="D4071" s="6">
        <v>743.60559999999998</v>
      </c>
      <c r="E4071" s="6">
        <v>2073.5439999999999</v>
      </c>
    </row>
    <row r="4072" spans="4:5" x14ac:dyDescent="0.25">
      <c r="D4072" s="6">
        <v>1731.2550000000001</v>
      </c>
      <c r="E4072" s="6">
        <v>2055.2539999999999</v>
      </c>
    </row>
    <row r="4073" spans="4:5" x14ac:dyDescent="0.25">
      <c r="D4073" s="6">
        <v>2112.645</v>
      </c>
      <c r="E4073" s="6">
        <v>660.32690000000002</v>
      </c>
    </row>
    <row r="4074" spans="4:5" x14ac:dyDescent="0.25">
      <c r="D4074" s="6">
        <v>838.66729999999995</v>
      </c>
      <c r="E4074" s="6">
        <v>3613</v>
      </c>
    </row>
    <row r="4075" spans="4:5" x14ac:dyDescent="0.25">
      <c r="D4075" s="6">
        <v>778.375</v>
      </c>
      <c r="E4075" s="6">
        <v>4011.623</v>
      </c>
    </row>
    <row r="4076" spans="4:5" x14ac:dyDescent="0.25">
      <c r="D4076" s="6">
        <v>4191.9269999999997</v>
      </c>
      <c r="E4076" s="6">
        <v>1011.07</v>
      </c>
    </row>
    <row r="4077" spans="4:5" x14ac:dyDescent="0.25">
      <c r="D4077" s="6">
        <v>791.85149999999999</v>
      </c>
      <c r="E4077" s="6">
        <v>2049.4110000000001</v>
      </c>
    </row>
    <row r="4078" spans="4:5" x14ac:dyDescent="0.25">
      <c r="D4078" s="6">
        <v>3184.8530000000001</v>
      </c>
      <c r="E4078" s="6">
        <v>1114.627</v>
      </c>
    </row>
    <row r="4079" spans="4:5" x14ac:dyDescent="0.25">
      <c r="D4079" s="6">
        <v>3446.7869999999998</v>
      </c>
      <c r="E4079" s="6">
        <v>1322.105</v>
      </c>
    </row>
    <row r="4080" spans="4:5" x14ac:dyDescent="0.25">
      <c r="D4080" s="6">
        <v>2919.6909999999998</v>
      </c>
      <c r="E4080" s="6">
        <v>780.8759</v>
      </c>
    </row>
    <row r="4081" spans="4:5" x14ac:dyDescent="0.25">
      <c r="D4081" s="6">
        <v>4690.866</v>
      </c>
      <c r="E4081" s="6">
        <v>701.29</v>
      </c>
    </row>
    <row r="4082" spans="4:5" x14ac:dyDescent="0.25">
      <c r="D4082" s="6">
        <v>1785.1969999999999</v>
      </c>
      <c r="E4082" s="6">
        <v>741.35149999999999</v>
      </c>
    </row>
    <row r="4083" spans="4:5" x14ac:dyDescent="0.25">
      <c r="D4083" s="6">
        <v>1641.623</v>
      </c>
      <c r="E4083" s="6">
        <v>1174.6389999999999</v>
      </c>
    </row>
    <row r="4084" spans="4:5" x14ac:dyDescent="0.25">
      <c r="D4084" s="6">
        <v>2280.9470000000001</v>
      </c>
      <c r="E4084" s="6">
        <v>467.56110000000001</v>
      </c>
    </row>
    <row r="4085" spans="4:5" x14ac:dyDescent="0.25">
      <c r="D4085" s="6">
        <v>683.82159999999999</v>
      </c>
      <c r="E4085" s="6">
        <v>1006.008</v>
      </c>
    </row>
    <row r="4086" spans="4:5" x14ac:dyDescent="0.25">
      <c r="D4086" s="6">
        <v>727.68359999999996</v>
      </c>
      <c r="E4086" s="6">
        <v>1675.3</v>
      </c>
    </row>
    <row r="4087" spans="4:5" x14ac:dyDescent="0.25">
      <c r="D4087" s="6">
        <v>854.59559999999999</v>
      </c>
      <c r="E4087" s="6">
        <v>1075.037</v>
      </c>
    </row>
    <row r="4088" spans="4:5" x14ac:dyDescent="0.25">
      <c r="D4088" s="6">
        <v>1358.704</v>
      </c>
      <c r="E4088" s="6">
        <v>1137.8</v>
      </c>
    </row>
    <row r="4089" spans="4:5" x14ac:dyDescent="0.25">
      <c r="D4089" s="6">
        <v>1478.5050000000001</v>
      </c>
      <c r="E4089" s="6">
        <v>924.36829999999998</v>
      </c>
    </row>
    <row r="4090" spans="4:5" x14ac:dyDescent="0.25">
      <c r="D4090" s="6">
        <v>1820.2529999999999</v>
      </c>
      <c r="E4090" s="6">
        <v>8475.1970000000001</v>
      </c>
    </row>
    <row r="4091" spans="4:5" x14ac:dyDescent="0.25">
      <c r="D4091" s="6">
        <v>615.23889999999994</v>
      </c>
      <c r="E4091" s="6">
        <v>2495.9679999999998</v>
      </c>
    </row>
    <row r="4092" spans="4:5" x14ac:dyDescent="0.25">
      <c r="D4092" s="6">
        <v>649.25</v>
      </c>
      <c r="E4092" s="6">
        <v>649.30129999999997</v>
      </c>
    </row>
    <row r="4093" spans="4:5" x14ac:dyDescent="0.25">
      <c r="D4093" s="6">
        <v>3567.569</v>
      </c>
      <c r="E4093" s="6">
        <v>1469.6079999999999</v>
      </c>
    </row>
    <row r="4094" spans="4:5" x14ac:dyDescent="0.25">
      <c r="D4094" s="6">
        <v>1641.838</v>
      </c>
      <c r="E4094" s="6">
        <v>1559.8579999999999</v>
      </c>
    </row>
    <row r="4095" spans="4:5" x14ac:dyDescent="0.25">
      <c r="D4095" s="6">
        <v>5563.0309999999999</v>
      </c>
      <c r="E4095" s="6">
        <v>1168.0309999999999</v>
      </c>
    </row>
    <row r="4096" spans="4:5" x14ac:dyDescent="0.25">
      <c r="D4096" s="6">
        <v>2005.4659999999999</v>
      </c>
      <c r="E4096" s="6">
        <v>734.2414</v>
      </c>
    </row>
    <row r="4097" spans="4:5" x14ac:dyDescent="0.25">
      <c r="D4097" s="6">
        <v>1308.4459999999999</v>
      </c>
      <c r="E4097" s="6">
        <v>675.56510000000003</v>
      </c>
    </row>
    <row r="4098" spans="4:5" x14ac:dyDescent="0.25">
      <c r="D4098" s="6">
        <v>1708.4770000000001</v>
      </c>
      <c r="E4098" s="6">
        <v>2657.875</v>
      </c>
    </row>
    <row r="4099" spans="4:5" x14ac:dyDescent="0.25">
      <c r="D4099" s="6">
        <v>2973</v>
      </c>
      <c r="E4099" s="6">
        <v>1021.0309999999999</v>
      </c>
    </row>
    <row r="4100" spans="4:5" x14ac:dyDescent="0.25">
      <c r="D4100" s="6">
        <v>966.84839999999997</v>
      </c>
      <c r="E4100" s="6">
        <v>492.7921</v>
      </c>
    </row>
    <row r="4101" spans="4:5" x14ac:dyDescent="0.25">
      <c r="D4101" s="6">
        <v>1312.3140000000001</v>
      </c>
      <c r="E4101" s="6">
        <v>1669.576</v>
      </c>
    </row>
    <row r="4102" spans="4:5" x14ac:dyDescent="0.25">
      <c r="D4102" s="6">
        <v>1421.3679999999999</v>
      </c>
      <c r="E4102" s="6">
        <v>966.36659999999995</v>
      </c>
    </row>
    <row r="4103" spans="4:5" x14ac:dyDescent="0.25">
      <c r="D4103" s="6">
        <v>1461.0419999999999</v>
      </c>
      <c r="E4103" s="6">
        <v>591.26440000000002</v>
      </c>
    </row>
    <row r="4104" spans="4:5" x14ac:dyDescent="0.25">
      <c r="D4104" s="6">
        <v>579.87459999999999</v>
      </c>
      <c r="E4104" s="6">
        <v>712.83079999999995</v>
      </c>
    </row>
    <row r="4105" spans="4:5" x14ac:dyDescent="0.25">
      <c r="D4105" s="6">
        <v>657.90869999999995</v>
      </c>
      <c r="E4105" s="6">
        <v>6891.6350000000002</v>
      </c>
    </row>
    <row r="4106" spans="4:5" x14ac:dyDescent="0.25">
      <c r="D4106" s="6">
        <v>1335.3510000000001</v>
      </c>
      <c r="E4106" s="6">
        <v>832.65729999999996</v>
      </c>
    </row>
    <row r="4107" spans="4:5" x14ac:dyDescent="0.25">
      <c r="D4107" s="6">
        <v>1250.174</v>
      </c>
      <c r="E4107" s="6">
        <v>753.05520000000001</v>
      </c>
    </row>
    <row r="4108" spans="4:5" x14ac:dyDescent="0.25">
      <c r="D4108" s="6">
        <v>617.53330000000005</v>
      </c>
      <c r="E4108" s="6">
        <v>485.06970000000001</v>
      </c>
    </row>
    <row r="4109" spans="4:5" x14ac:dyDescent="0.25">
      <c r="D4109" s="6">
        <v>1916.98</v>
      </c>
      <c r="E4109" s="6">
        <v>1130.385</v>
      </c>
    </row>
    <row r="4110" spans="4:5" x14ac:dyDescent="0.25">
      <c r="D4110" s="6">
        <v>1885.2550000000001</v>
      </c>
      <c r="E4110" s="6">
        <v>744.51459999999997</v>
      </c>
    </row>
    <row r="4111" spans="4:5" x14ac:dyDescent="0.25">
      <c r="D4111" s="6">
        <v>715.16470000000004</v>
      </c>
      <c r="E4111" s="6">
        <v>866.15200000000004</v>
      </c>
    </row>
    <row r="4112" spans="4:5" x14ac:dyDescent="0.25">
      <c r="D4112" s="6">
        <v>1877.796</v>
      </c>
      <c r="E4112" s="6">
        <v>832.67499999999995</v>
      </c>
    </row>
    <row r="4113" spans="4:5" x14ac:dyDescent="0.25">
      <c r="D4113" s="6">
        <v>1673.7280000000001</v>
      </c>
      <c r="E4113" s="6">
        <v>985.93589999999995</v>
      </c>
    </row>
    <row r="4114" spans="4:5" x14ac:dyDescent="0.25">
      <c r="D4114" s="6">
        <v>1662.3789999999999</v>
      </c>
      <c r="E4114" s="6">
        <v>729.50279999999998</v>
      </c>
    </row>
    <row r="4115" spans="4:5" x14ac:dyDescent="0.25">
      <c r="D4115" s="6">
        <v>1239.8530000000001</v>
      </c>
      <c r="E4115" s="6">
        <v>1089.4069999999999</v>
      </c>
    </row>
    <row r="4116" spans="4:5" x14ac:dyDescent="0.25">
      <c r="D4116" s="6">
        <v>968.21849999999995</v>
      </c>
      <c r="E4116" s="6">
        <v>787.05949999999996</v>
      </c>
    </row>
    <row r="4117" spans="4:5" x14ac:dyDescent="0.25">
      <c r="D4117" s="6">
        <v>8892.9009999999998</v>
      </c>
      <c r="E4117" s="6">
        <v>897.34630000000004</v>
      </c>
    </row>
    <row r="4118" spans="4:5" x14ac:dyDescent="0.25">
      <c r="D4118" s="6">
        <v>1705.2539999999999</v>
      </c>
      <c r="E4118" s="6">
        <v>1226.1579999999999</v>
      </c>
    </row>
    <row r="4119" spans="4:5" x14ac:dyDescent="0.25">
      <c r="D4119" s="6">
        <v>1564.664</v>
      </c>
      <c r="E4119" s="6">
        <v>857.64729999999997</v>
      </c>
    </row>
    <row r="4120" spans="4:5" x14ac:dyDescent="0.25">
      <c r="D4120" s="6">
        <v>1318.0329999999999</v>
      </c>
      <c r="E4120" s="6">
        <v>806.78110000000004</v>
      </c>
    </row>
    <row r="4121" spans="4:5" x14ac:dyDescent="0.25">
      <c r="D4121" s="6">
        <v>1058</v>
      </c>
      <c r="E4121" s="6">
        <v>2424.7139999999999</v>
      </c>
    </row>
    <row r="4122" spans="4:5" x14ac:dyDescent="0.25">
      <c r="D4122" s="6">
        <v>1500.902</v>
      </c>
      <c r="E4122" s="6">
        <v>980.99440000000004</v>
      </c>
    </row>
    <row r="4123" spans="4:5" x14ac:dyDescent="0.25">
      <c r="D4123" s="6">
        <v>3928.386</v>
      </c>
      <c r="E4123" s="6">
        <v>191.22319999999999</v>
      </c>
    </row>
    <row r="4124" spans="4:5" x14ac:dyDescent="0.25">
      <c r="D4124" s="6">
        <v>673.7586</v>
      </c>
      <c r="E4124" s="6">
        <v>504.39269999999999</v>
      </c>
    </row>
    <row r="4125" spans="4:5" x14ac:dyDescent="0.25">
      <c r="D4125" s="6">
        <v>3366.51</v>
      </c>
      <c r="E4125" s="6">
        <v>957.41650000000004</v>
      </c>
    </row>
    <row r="4126" spans="4:5" x14ac:dyDescent="0.25">
      <c r="D4126" s="6">
        <v>3716.71</v>
      </c>
      <c r="E4126" s="6">
        <v>460.1388</v>
      </c>
    </row>
    <row r="4127" spans="4:5" x14ac:dyDescent="0.25">
      <c r="D4127" s="6">
        <v>1184.835</v>
      </c>
      <c r="E4127" s="6">
        <v>2257.712</v>
      </c>
    </row>
    <row r="4128" spans="4:5" x14ac:dyDescent="0.25">
      <c r="D4128" s="6">
        <v>913.44259999999997</v>
      </c>
      <c r="E4128" s="6">
        <v>927.7079</v>
      </c>
    </row>
    <row r="4129" spans="4:5" x14ac:dyDescent="0.25">
      <c r="D4129" s="6">
        <v>783.27189999999996</v>
      </c>
      <c r="E4129" s="6">
        <v>630.05560000000003</v>
      </c>
    </row>
    <row r="4130" spans="4:5" x14ac:dyDescent="0.25">
      <c r="D4130" s="6">
        <v>749.17859999999996</v>
      </c>
      <c r="E4130" s="6">
        <v>998.73839999999996</v>
      </c>
    </row>
    <row r="4131" spans="4:5" x14ac:dyDescent="0.25">
      <c r="D4131" s="6">
        <v>4643.8879999999999</v>
      </c>
      <c r="E4131" s="6">
        <v>4574.6480000000001</v>
      </c>
    </row>
    <row r="4132" spans="4:5" x14ac:dyDescent="0.25">
      <c r="D4132" s="6">
        <v>4022.2959999999998</v>
      </c>
      <c r="E4132" s="6">
        <v>870.53</v>
      </c>
    </row>
    <row r="4133" spans="4:5" x14ac:dyDescent="0.25">
      <c r="D4133" s="6">
        <v>967.66669999999999</v>
      </c>
      <c r="E4133" s="6">
        <v>1099.5820000000001</v>
      </c>
    </row>
    <row r="4134" spans="4:5" x14ac:dyDescent="0.25">
      <c r="D4134" s="6">
        <v>1051.027</v>
      </c>
      <c r="E4134" s="6">
        <v>897.84270000000004</v>
      </c>
    </row>
    <row r="4135" spans="4:5" x14ac:dyDescent="0.25">
      <c r="D4135" s="6">
        <v>1750.69</v>
      </c>
      <c r="E4135" s="6">
        <v>846.50549999999998</v>
      </c>
    </row>
    <row r="4136" spans="4:5" x14ac:dyDescent="0.25">
      <c r="D4136" s="6">
        <v>1411.86</v>
      </c>
      <c r="E4136" s="6">
        <v>637.45240000000001</v>
      </c>
    </row>
    <row r="4137" spans="4:5" x14ac:dyDescent="0.25">
      <c r="D4137" s="6">
        <v>3256.0439999999999</v>
      </c>
      <c r="E4137" s="6">
        <v>2506.8939999999998</v>
      </c>
    </row>
    <row r="4138" spans="4:5" x14ac:dyDescent="0.25">
      <c r="D4138" s="6">
        <v>666.27059999999994</v>
      </c>
      <c r="E4138" s="6">
        <v>1211.3900000000001</v>
      </c>
    </row>
    <row r="4139" spans="4:5" x14ac:dyDescent="0.25">
      <c r="D4139" s="6">
        <v>1123.7650000000001</v>
      </c>
      <c r="E4139" s="6">
        <v>1119.194</v>
      </c>
    </row>
    <row r="4140" spans="4:5" x14ac:dyDescent="0.25">
      <c r="D4140" s="6">
        <v>2428.1959999999999</v>
      </c>
      <c r="E4140" s="6">
        <v>1472.8820000000001</v>
      </c>
    </row>
    <row r="4141" spans="4:5" x14ac:dyDescent="0.25">
      <c r="D4141" s="6">
        <v>795.97569999999996</v>
      </c>
      <c r="E4141" s="6">
        <v>1118.779</v>
      </c>
    </row>
    <row r="4142" spans="4:5" x14ac:dyDescent="0.25">
      <c r="D4142" s="6">
        <v>1362.896</v>
      </c>
      <c r="E4142" s="6">
        <v>972.87400000000002</v>
      </c>
    </row>
    <row r="4143" spans="4:5" x14ac:dyDescent="0.25">
      <c r="D4143" s="6">
        <v>2943.94</v>
      </c>
      <c r="E4143" s="6">
        <v>508.64389999999997</v>
      </c>
    </row>
    <row r="4144" spans="4:5" x14ac:dyDescent="0.25">
      <c r="D4144" s="6">
        <v>1227.5440000000001</v>
      </c>
      <c r="E4144" s="6">
        <v>1155.4549999999999</v>
      </c>
    </row>
    <row r="4145" spans="4:5" x14ac:dyDescent="0.25">
      <c r="D4145" s="6">
        <v>1093.5409999999999</v>
      </c>
      <c r="E4145" s="6">
        <v>9731.6360000000004</v>
      </c>
    </row>
    <row r="4146" spans="4:5" x14ac:dyDescent="0.25">
      <c r="D4146" s="6">
        <v>943.4665</v>
      </c>
      <c r="E4146" s="6">
        <v>1138.491</v>
      </c>
    </row>
    <row r="4147" spans="4:5" x14ac:dyDescent="0.25">
      <c r="D4147" s="6">
        <v>1132.0119999999999</v>
      </c>
      <c r="E4147" s="6">
        <v>623.83500000000004</v>
      </c>
    </row>
    <row r="4148" spans="4:5" x14ac:dyDescent="0.25">
      <c r="D4148" s="6">
        <v>3545.1640000000002</v>
      </c>
      <c r="E4148" s="6">
        <v>812.9393</v>
      </c>
    </row>
    <row r="4149" spans="4:5" x14ac:dyDescent="0.25">
      <c r="D4149" s="6">
        <v>812.40409999999997</v>
      </c>
      <c r="E4149" s="6">
        <v>1907.6310000000001</v>
      </c>
    </row>
    <row r="4150" spans="4:5" x14ac:dyDescent="0.25">
      <c r="D4150" s="6">
        <v>1439.222</v>
      </c>
      <c r="E4150" s="6">
        <v>1612.4580000000001</v>
      </c>
    </row>
    <row r="4151" spans="4:5" x14ac:dyDescent="0.25">
      <c r="D4151" s="6">
        <v>1478.424</v>
      </c>
      <c r="E4151" s="6">
        <v>1030.626</v>
      </c>
    </row>
    <row r="4152" spans="4:5" x14ac:dyDescent="0.25">
      <c r="D4152" s="6">
        <v>1421.5419999999999</v>
      </c>
      <c r="E4152" s="6">
        <v>368.70609999999999</v>
      </c>
    </row>
    <row r="4153" spans="4:5" x14ac:dyDescent="0.25">
      <c r="D4153" s="6">
        <v>2769.7710000000002</v>
      </c>
      <c r="E4153" s="6">
        <v>2351.8879999999999</v>
      </c>
    </row>
    <row r="4154" spans="4:5" x14ac:dyDescent="0.25">
      <c r="D4154" s="6">
        <v>3443.8310000000001</v>
      </c>
      <c r="E4154" s="6">
        <v>3218.5</v>
      </c>
    </row>
    <row r="4155" spans="4:5" x14ac:dyDescent="0.25">
      <c r="D4155" s="6">
        <v>1977.8969999999999</v>
      </c>
      <c r="E4155" s="6">
        <v>1010.895</v>
      </c>
    </row>
    <row r="4156" spans="4:5" x14ac:dyDescent="0.25">
      <c r="D4156" s="6">
        <v>2438.2170000000001</v>
      </c>
      <c r="E4156" s="6">
        <v>1438.261</v>
      </c>
    </row>
    <row r="4157" spans="4:5" x14ac:dyDescent="0.25">
      <c r="D4157" s="6">
        <v>3594.6469999999999</v>
      </c>
      <c r="E4157" s="6">
        <v>832.83579999999995</v>
      </c>
    </row>
    <row r="4158" spans="4:5" x14ac:dyDescent="0.25">
      <c r="D4158" s="6">
        <v>782.60450000000003</v>
      </c>
      <c r="E4158" s="6">
        <v>468.9735</v>
      </c>
    </row>
    <row r="4159" spans="4:5" x14ac:dyDescent="0.25">
      <c r="D4159" s="6">
        <v>2130.7739999999999</v>
      </c>
      <c r="E4159" s="6">
        <v>916.26319999999998</v>
      </c>
    </row>
    <row r="4160" spans="4:5" x14ac:dyDescent="0.25">
      <c r="D4160" s="6">
        <v>3809.9589999999998</v>
      </c>
      <c r="E4160" s="6">
        <v>1360.627</v>
      </c>
    </row>
    <row r="4161" spans="4:5" x14ac:dyDescent="0.25">
      <c r="D4161" s="6">
        <v>2718.268</v>
      </c>
      <c r="E4161" s="6">
        <v>1216.028</v>
      </c>
    </row>
    <row r="4162" spans="4:5" x14ac:dyDescent="0.25">
      <c r="D4162" s="6">
        <v>969.79399999999998</v>
      </c>
      <c r="E4162" s="6">
        <v>668.27539999999999</v>
      </c>
    </row>
    <row r="4163" spans="4:5" x14ac:dyDescent="0.25">
      <c r="D4163" s="6">
        <v>2181.6669999999999</v>
      </c>
      <c r="E4163" s="6">
        <v>780.85829999999999</v>
      </c>
    </row>
    <row r="4164" spans="4:5" x14ac:dyDescent="0.25">
      <c r="D4164" s="6">
        <v>4075.0810000000001</v>
      </c>
      <c r="E4164" s="6">
        <v>2249.0219999999999</v>
      </c>
    </row>
    <row r="4165" spans="4:5" x14ac:dyDescent="0.25">
      <c r="D4165" s="6">
        <v>1094.2159999999999</v>
      </c>
      <c r="E4165" s="6">
        <v>950.86580000000004</v>
      </c>
    </row>
    <row r="4166" spans="4:5" x14ac:dyDescent="0.25">
      <c r="D4166" s="6">
        <v>1308.1569999999999</v>
      </c>
      <c r="E4166" s="6">
        <v>783.15560000000005</v>
      </c>
    </row>
    <row r="4167" spans="4:5" x14ac:dyDescent="0.25">
      <c r="D4167" s="6">
        <v>842.54169999999999</v>
      </c>
      <c r="E4167" s="6">
        <v>1538.8610000000001</v>
      </c>
    </row>
    <row r="4168" spans="4:5" x14ac:dyDescent="0.25">
      <c r="D4168" s="6">
        <v>673.73389999999995</v>
      </c>
      <c r="E4168" s="6">
        <v>2101.1469999999999</v>
      </c>
    </row>
    <row r="4169" spans="4:5" x14ac:dyDescent="0.25">
      <c r="D4169" s="6">
        <v>968.13279999999997</v>
      </c>
      <c r="E4169" s="6">
        <v>792.18769999999995</v>
      </c>
    </row>
    <row r="4170" spans="4:5" x14ac:dyDescent="0.25">
      <c r="D4170" s="6">
        <v>1826.192</v>
      </c>
      <c r="E4170" s="6">
        <v>1003.953</v>
      </c>
    </row>
    <row r="4171" spans="4:5" x14ac:dyDescent="0.25">
      <c r="D4171" s="6">
        <v>2074.0309999999999</v>
      </c>
      <c r="E4171" s="6">
        <v>584.98469999999998</v>
      </c>
    </row>
    <row r="4172" spans="4:5" x14ac:dyDescent="0.25">
      <c r="D4172" s="6">
        <v>4315.817</v>
      </c>
      <c r="E4172" s="6">
        <v>2779.9659999999999</v>
      </c>
    </row>
    <row r="4173" spans="4:5" x14ac:dyDescent="0.25">
      <c r="D4173" s="6">
        <v>726.80560000000003</v>
      </c>
      <c r="E4173" s="6">
        <v>1113.2760000000001</v>
      </c>
    </row>
    <row r="4174" spans="4:5" x14ac:dyDescent="0.25">
      <c r="D4174" s="6">
        <v>1182.269</v>
      </c>
      <c r="E4174" s="6">
        <v>1179.78</v>
      </c>
    </row>
    <row r="4175" spans="4:5" x14ac:dyDescent="0.25">
      <c r="D4175" s="6">
        <v>608.11929999999995</v>
      </c>
      <c r="E4175" s="6">
        <v>1102.3320000000001</v>
      </c>
    </row>
    <row r="4176" spans="4:5" x14ac:dyDescent="0.25">
      <c r="D4176" s="6">
        <v>638.55889999999999</v>
      </c>
      <c r="E4176" s="6">
        <v>1756.7860000000001</v>
      </c>
    </row>
    <row r="4177" spans="4:5" x14ac:dyDescent="0.25">
      <c r="D4177" s="6">
        <v>594.33079999999995</v>
      </c>
      <c r="E4177" s="6">
        <v>590.67809999999997</v>
      </c>
    </row>
    <row r="4178" spans="4:5" x14ac:dyDescent="0.25">
      <c r="D4178" s="6">
        <v>1798.6</v>
      </c>
      <c r="E4178" s="6">
        <v>744.15750000000003</v>
      </c>
    </row>
    <row r="4179" spans="4:5" x14ac:dyDescent="0.25">
      <c r="D4179" s="6">
        <v>2082.66</v>
      </c>
      <c r="E4179" s="6">
        <v>5326.5429999999997</v>
      </c>
    </row>
    <row r="4180" spans="4:5" x14ac:dyDescent="0.25">
      <c r="D4180" s="6">
        <v>603</v>
      </c>
      <c r="E4180" s="6">
        <v>1093.5999999999999</v>
      </c>
    </row>
    <row r="4181" spans="4:5" x14ac:dyDescent="0.25">
      <c r="D4181" s="6">
        <v>1413.204</v>
      </c>
      <c r="E4181" s="6">
        <v>1011.884</v>
      </c>
    </row>
    <row r="4182" spans="4:5" x14ac:dyDescent="0.25">
      <c r="D4182" s="6">
        <v>1875.299</v>
      </c>
      <c r="E4182" s="6">
        <v>346.20729999999998</v>
      </c>
    </row>
    <row r="4183" spans="4:5" x14ac:dyDescent="0.25">
      <c r="D4183" s="6">
        <v>4169.7560000000003</v>
      </c>
      <c r="E4183" s="6">
        <v>2418.3710000000001</v>
      </c>
    </row>
    <row r="4184" spans="4:5" x14ac:dyDescent="0.25">
      <c r="D4184" s="6">
        <v>760.09789999999998</v>
      </c>
      <c r="E4184" s="6">
        <v>456</v>
      </c>
    </row>
    <row r="4185" spans="4:5" x14ac:dyDescent="0.25">
      <c r="D4185" s="6">
        <v>1964.1030000000001</v>
      </c>
      <c r="E4185" s="6">
        <v>298.11669999999998</v>
      </c>
    </row>
    <row r="4186" spans="4:5" x14ac:dyDescent="0.25">
      <c r="D4186" s="6">
        <v>3374.5920000000001</v>
      </c>
      <c r="E4186" s="6">
        <v>753.56119999999999</v>
      </c>
    </row>
    <row r="4187" spans="4:5" x14ac:dyDescent="0.25">
      <c r="D4187" s="6">
        <v>5923.6769999999997</v>
      </c>
      <c r="E4187" s="6">
        <v>474.48739999999998</v>
      </c>
    </row>
    <row r="4188" spans="4:5" x14ac:dyDescent="0.25">
      <c r="D4188" s="6">
        <v>3848.9369999999999</v>
      </c>
      <c r="E4188" s="6">
        <v>787.17539999999997</v>
      </c>
    </row>
    <row r="4189" spans="4:5" x14ac:dyDescent="0.25">
      <c r="D4189" s="6">
        <v>3708.77</v>
      </c>
      <c r="E4189" s="6">
        <v>1298.4860000000001</v>
      </c>
    </row>
    <row r="4190" spans="4:5" x14ac:dyDescent="0.25">
      <c r="D4190" s="6">
        <v>2787.5140000000001</v>
      </c>
      <c r="E4190" s="6">
        <v>1917.4939999999999</v>
      </c>
    </row>
    <row r="4191" spans="4:5" x14ac:dyDescent="0.25">
      <c r="D4191" s="6">
        <v>1649.934</v>
      </c>
      <c r="E4191" s="6">
        <v>637.68190000000004</v>
      </c>
    </row>
    <row r="4192" spans="4:5" x14ac:dyDescent="0.25">
      <c r="D4192" s="6">
        <v>2563.489</v>
      </c>
      <c r="E4192" s="6">
        <v>1036.6489999999999</v>
      </c>
    </row>
    <row r="4193" spans="4:5" x14ac:dyDescent="0.25">
      <c r="D4193" s="6">
        <v>650.18219999999997</v>
      </c>
      <c r="E4193" s="6">
        <v>681.38070000000005</v>
      </c>
    </row>
    <row r="4194" spans="4:5" x14ac:dyDescent="0.25">
      <c r="D4194" s="6">
        <v>1586.8240000000001</v>
      </c>
      <c r="E4194" s="6">
        <v>699.28449999999998</v>
      </c>
    </row>
    <row r="4195" spans="4:5" x14ac:dyDescent="0.25">
      <c r="D4195" s="6">
        <v>1031.2159999999999</v>
      </c>
      <c r="E4195" s="6">
        <v>647.99839999999995</v>
      </c>
    </row>
    <row r="4196" spans="4:5" x14ac:dyDescent="0.25">
      <c r="D4196" s="6">
        <v>1160.877</v>
      </c>
      <c r="E4196" s="6">
        <v>824.78250000000003</v>
      </c>
    </row>
    <row r="4197" spans="4:5" x14ac:dyDescent="0.25">
      <c r="D4197" s="6">
        <v>1166.97</v>
      </c>
      <c r="E4197" s="6">
        <v>1160.8920000000001</v>
      </c>
    </row>
    <row r="4198" spans="4:5" x14ac:dyDescent="0.25">
      <c r="D4198" s="6">
        <v>1584.33</v>
      </c>
      <c r="E4198" s="6">
        <v>536.61109999999996</v>
      </c>
    </row>
    <row r="4199" spans="4:5" x14ac:dyDescent="0.25">
      <c r="D4199" s="6">
        <v>735.11080000000004</v>
      </c>
      <c r="E4199" s="6">
        <v>693.30380000000002</v>
      </c>
    </row>
    <row r="4200" spans="4:5" x14ac:dyDescent="0.25">
      <c r="D4200" s="6">
        <v>552.77430000000004</v>
      </c>
      <c r="E4200" s="6">
        <v>726.60170000000005</v>
      </c>
    </row>
    <row r="4201" spans="4:5" x14ac:dyDescent="0.25">
      <c r="D4201" s="6">
        <v>3335.7510000000002</v>
      </c>
      <c r="E4201" s="6">
        <v>1093.308</v>
      </c>
    </row>
    <row r="4202" spans="4:5" x14ac:dyDescent="0.25">
      <c r="D4202" s="6">
        <v>3079.143</v>
      </c>
      <c r="E4202" s="6">
        <v>318.48840000000001</v>
      </c>
    </row>
    <row r="4203" spans="4:5" x14ac:dyDescent="0.25">
      <c r="D4203" s="6">
        <v>1303.002</v>
      </c>
      <c r="E4203" s="6">
        <v>987.31910000000005</v>
      </c>
    </row>
    <row r="4204" spans="4:5" x14ac:dyDescent="0.25">
      <c r="D4204" s="6">
        <v>1476.34</v>
      </c>
      <c r="E4204" s="6">
        <v>608.12490000000003</v>
      </c>
    </row>
    <row r="4205" spans="4:5" x14ac:dyDescent="0.25">
      <c r="D4205" s="6">
        <v>1365.99</v>
      </c>
      <c r="E4205" s="6">
        <v>688.15260000000001</v>
      </c>
    </row>
    <row r="4206" spans="4:5" x14ac:dyDescent="0.25">
      <c r="D4206" s="6">
        <v>3136.0659999999998</v>
      </c>
      <c r="E4206" s="6">
        <v>914.0752</v>
      </c>
    </row>
    <row r="4207" spans="4:5" x14ac:dyDescent="0.25">
      <c r="D4207" s="6">
        <v>1419.4390000000001</v>
      </c>
      <c r="E4207" s="6">
        <v>653.11239999999998</v>
      </c>
    </row>
    <row r="4208" spans="4:5" x14ac:dyDescent="0.25">
      <c r="D4208" s="6">
        <v>2244.3000000000002</v>
      </c>
      <c r="E4208" s="6">
        <v>829.18179999999995</v>
      </c>
    </row>
    <row r="4209" spans="4:5" x14ac:dyDescent="0.25">
      <c r="D4209" s="6">
        <v>3983.3380000000002</v>
      </c>
      <c r="E4209" s="6">
        <v>574.21730000000002</v>
      </c>
    </row>
    <row r="4210" spans="4:5" x14ac:dyDescent="0.25">
      <c r="D4210" s="6">
        <v>763.87289999999996</v>
      </c>
      <c r="E4210" s="6">
        <v>694.27809999999999</v>
      </c>
    </row>
    <row r="4211" spans="4:5" x14ac:dyDescent="0.25">
      <c r="D4211" s="6">
        <v>1710.22</v>
      </c>
      <c r="E4211" s="6">
        <v>873.08479999999997</v>
      </c>
    </row>
    <row r="4212" spans="4:5" x14ac:dyDescent="0.25">
      <c r="D4212" s="6">
        <v>4001.4520000000002</v>
      </c>
      <c r="E4212" s="6">
        <v>3336.9209999999998</v>
      </c>
    </row>
    <row r="4213" spans="4:5" x14ac:dyDescent="0.25">
      <c r="D4213" s="6">
        <v>1199.6220000000001</v>
      </c>
      <c r="E4213" s="6">
        <v>542.03420000000006</v>
      </c>
    </row>
    <row r="4214" spans="4:5" x14ac:dyDescent="0.25">
      <c r="D4214" s="6">
        <v>777.3415</v>
      </c>
      <c r="E4214" s="6">
        <v>860.37249999999995</v>
      </c>
    </row>
    <row r="4215" spans="4:5" x14ac:dyDescent="0.25">
      <c r="D4215" s="6">
        <v>1411.412</v>
      </c>
      <c r="E4215" s="6">
        <v>769.29349999999999</v>
      </c>
    </row>
    <row r="4216" spans="4:5" x14ac:dyDescent="0.25">
      <c r="D4216" s="6">
        <v>2121.0430000000001</v>
      </c>
      <c r="E4216" s="6">
        <v>2200.0740000000001</v>
      </c>
    </row>
    <row r="4217" spans="4:5" x14ac:dyDescent="0.25">
      <c r="D4217" s="6">
        <v>1961.1880000000001</v>
      </c>
      <c r="E4217" s="6">
        <v>2012.1120000000001</v>
      </c>
    </row>
    <row r="4218" spans="4:5" x14ac:dyDescent="0.25">
      <c r="D4218" s="6">
        <v>605.04859999999996</v>
      </c>
      <c r="E4218" s="6">
        <v>1329.989</v>
      </c>
    </row>
    <row r="4219" spans="4:5" x14ac:dyDescent="0.25">
      <c r="D4219" s="6">
        <v>2460.7379999999998</v>
      </c>
      <c r="E4219" s="6">
        <v>684.15610000000004</v>
      </c>
    </row>
    <row r="4220" spans="4:5" x14ac:dyDescent="0.25">
      <c r="D4220" s="6">
        <v>1424.7909999999999</v>
      </c>
      <c r="E4220" s="6">
        <v>1770.2560000000001</v>
      </c>
    </row>
    <row r="4221" spans="4:5" x14ac:dyDescent="0.25">
      <c r="D4221" s="6">
        <v>3631.165</v>
      </c>
      <c r="E4221" s="6">
        <v>986.30200000000002</v>
      </c>
    </row>
    <row r="4222" spans="4:5" x14ac:dyDescent="0.25">
      <c r="D4222" s="6">
        <v>1079.527</v>
      </c>
      <c r="E4222" s="6">
        <v>843.94529999999997</v>
      </c>
    </row>
    <row r="4223" spans="4:5" x14ac:dyDescent="0.25">
      <c r="D4223" s="6">
        <v>901.49369999999999</v>
      </c>
      <c r="E4223" s="6">
        <v>2189.931</v>
      </c>
    </row>
    <row r="4224" spans="4:5" x14ac:dyDescent="0.25">
      <c r="D4224" s="6">
        <v>1897.21</v>
      </c>
      <c r="E4224" s="6">
        <v>493.91730000000001</v>
      </c>
    </row>
    <row r="4225" spans="4:5" x14ac:dyDescent="0.25">
      <c r="D4225" s="6">
        <v>1678.8720000000001</v>
      </c>
      <c r="E4225" s="6">
        <v>976.77179999999998</v>
      </c>
    </row>
    <row r="4226" spans="4:5" x14ac:dyDescent="0.25">
      <c r="D4226" s="6">
        <v>1298.278</v>
      </c>
      <c r="E4226" s="6">
        <v>458.58240000000001</v>
      </c>
    </row>
    <row r="4227" spans="4:5" x14ac:dyDescent="0.25">
      <c r="D4227" s="6">
        <v>4724.2929999999997</v>
      </c>
      <c r="E4227" s="6">
        <v>2040.702</v>
      </c>
    </row>
    <row r="4228" spans="4:5" x14ac:dyDescent="0.25">
      <c r="D4228" s="6">
        <v>1352.116</v>
      </c>
      <c r="E4228" s="6">
        <v>808.24059999999997</v>
      </c>
    </row>
    <row r="4229" spans="4:5" x14ac:dyDescent="0.25">
      <c r="D4229" s="6">
        <v>3932.018</v>
      </c>
      <c r="E4229" s="6">
        <v>4661.4120000000003</v>
      </c>
    </row>
    <row r="4230" spans="4:5" x14ac:dyDescent="0.25">
      <c r="D4230" s="6">
        <v>1735.1869999999999</v>
      </c>
      <c r="E4230" s="6">
        <v>929.28989999999999</v>
      </c>
    </row>
    <row r="4231" spans="4:5" x14ac:dyDescent="0.25">
      <c r="D4231" s="6">
        <v>1027.4829999999999</v>
      </c>
      <c r="E4231" s="6">
        <v>674.43610000000001</v>
      </c>
    </row>
    <row r="4232" spans="4:5" x14ac:dyDescent="0.25">
      <c r="D4232" s="6">
        <v>1374.8489999999999</v>
      </c>
      <c r="E4232" s="6">
        <v>513.73910000000001</v>
      </c>
    </row>
    <row r="4233" spans="4:5" x14ac:dyDescent="0.25">
      <c r="D4233" s="6">
        <v>966.46050000000002</v>
      </c>
      <c r="E4233" s="6">
        <v>491.87970000000001</v>
      </c>
    </row>
    <row r="4234" spans="4:5" x14ac:dyDescent="0.25">
      <c r="D4234" s="6">
        <v>948.12599999999998</v>
      </c>
      <c r="E4234" s="6">
        <v>1277.9839999999999</v>
      </c>
    </row>
    <row r="4235" spans="4:5" x14ac:dyDescent="0.25">
      <c r="D4235" s="6">
        <v>692.70600000000002</v>
      </c>
      <c r="E4235" s="6">
        <v>632.375</v>
      </c>
    </row>
    <row r="4236" spans="4:5" x14ac:dyDescent="0.25">
      <c r="D4236" s="6">
        <v>3510.8449999999998</v>
      </c>
      <c r="E4236" s="6">
        <v>659.30070000000001</v>
      </c>
    </row>
    <row r="4237" spans="4:5" x14ac:dyDescent="0.25">
      <c r="D4237" s="6">
        <v>6764.232</v>
      </c>
      <c r="E4237" s="6">
        <v>689.64160000000004</v>
      </c>
    </row>
    <row r="4238" spans="4:5" x14ac:dyDescent="0.25">
      <c r="D4238" s="6">
        <v>1018.042</v>
      </c>
      <c r="E4238" s="6">
        <v>953.70010000000002</v>
      </c>
    </row>
    <row r="4239" spans="4:5" x14ac:dyDescent="0.25">
      <c r="D4239" s="6">
        <v>942.85829999999999</v>
      </c>
      <c r="E4239" s="6">
        <v>1142.645</v>
      </c>
    </row>
    <row r="4240" spans="4:5" x14ac:dyDescent="0.25">
      <c r="D4240" s="6">
        <v>730.76430000000005</v>
      </c>
      <c r="E4240" s="6">
        <v>488.44760000000002</v>
      </c>
    </row>
    <row r="4241" spans="4:5" x14ac:dyDescent="0.25">
      <c r="D4241" s="6">
        <v>1646.181</v>
      </c>
      <c r="E4241" s="6">
        <v>8307.2780000000002</v>
      </c>
    </row>
    <row r="4242" spans="4:5" x14ac:dyDescent="0.25">
      <c r="D4242" s="6">
        <v>4185.5230000000001</v>
      </c>
      <c r="E4242" s="6">
        <v>1424.9839999999999</v>
      </c>
    </row>
    <row r="4243" spans="4:5" x14ac:dyDescent="0.25">
      <c r="D4243" s="6">
        <v>1384.925</v>
      </c>
      <c r="E4243" s="6">
        <v>960.21569999999997</v>
      </c>
    </row>
    <row r="4244" spans="4:5" x14ac:dyDescent="0.25">
      <c r="D4244" s="6">
        <v>1311.597</v>
      </c>
      <c r="E4244" s="6">
        <v>234.0394</v>
      </c>
    </row>
    <row r="4245" spans="4:5" x14ac:dyDescent="0.25">
      <c r="D4245" s="6">
        <v>1257.1659999999999</v>
      </c>
      <c r="E4245" s="6">
        <v>1041.9760000000001</v>
      </c>
    </row>
    <row r="4246" spans="4:5" x14ac:dyDescent="0.25">
      <c r="D4246" s="6">
        <v>513.52819999999997</v>
      </c>
      <c r="E4246" s="6">
        <v>987.33330000000001</v>
      </c>
    </row>
    <row r="4247" spans="4:5" x14ac:dyDescent="0.25">
      <c r="D4247" s="6">
        <v>939.80740000000003</v>
      </c>
      <c r="E4247" s="6">
        <v>1323.8</v>
      </c>
    </row>
    <row r="4248" spans="4:5" x14ac:dyDescent="0.25">
      <c r="D4248" s="6">
        <v>9392.6659999999993</v>
      </c>
      <c r="E4248" s="6">
        <v>837.36270000000002</v>
      </c>
    </row>
    <row r="4249" spans="4:5" x14ac:dyDescent="0.25">
      <c r="D4249" s="6">
        <v>1770.4649999999999</v>
      </c>
      <c r="E4249" s="6">
        <v>1003.307</v>
      </c>
    </row>
    <row r="4250" spans="4:5" x14ac:dyDescent="0.25">
      <c r="D4250" s="6">
        <v>1086.2349999999999</v>
      </c>
      <c r="E4250" s="6">
        <v>1237.547</v>
      </c>
    </row>
    <row r="4251" spans="4:5" x14ac:dyDescent="0.25">
      <c r="D4251" s="6">
        <v>10934.23</v>
      </c>
      <c r="E4251" s="6">
        <v>1107.7280000000001</v>
      </c>
    </row>
    <row r="4252" spans="4:5" x14ac:dyDescent="0.25">
      <c r="D4252" s="6">
        <v>622.14859999999999</v>
      </c>
      <c r="E4252" s="6">
        <v>375.02550000000002</v>
      </c>
    </row>
    <row r="4253" spans="4:5" x14ac:dyDescent="0.25">
      <c r="D4253" s="6">
        <v>1268.32</v>
      </c>
      <c r="E4253" s="6">
        <v>7556.7269999999999</v>
      </c>
    </row>
    <row r="4254" spans="4:5" x14ac:dyDescent="0.25">
      <c r="D4254" s="6">
        <v>1167.605</v>
      </c>
      <c r="E4254" s="6">
        <v>157.20599999999999</v>
      </c>
    </row>
    <row r="4255" spans="4:5" x14ac:dyDescent="0.25">
      <c r="D4255" s="6">
        <v>822.60479999999995</v>
      </c>
      <c r="E4255" s="6">
        <v>1083.8910000000001</v>
      </c>
    </row>
    <row r="4256" spans="4:5" x14ac:dyDescent="0.25">
      <c r="D4256" s="6">
        <v>2068.2660000000001</v>
      </c>
      <c r="E4256" s="6">
        <v>449.79399999999998</v>
      </c>
    </row>
    <row r="4257" spans="4:5" x14ac:dyDescent="0.25">
      <c r="D4257" s="6">
        <v>799.31479999999999</v>
      </c>
      <c r="E4257" s="6">
        <v>746.73720000000003</v>
      </c>
    </row>
    <row r="4258" spans="4:5" x14ac:dyDescent="0.25">
      <c r="D4258" s="6">
        <v>2876.6190000000001</v>
      </c>
      <c r="E4258" s="6">
        <v>202.7</v>
      </c>
    </row>
    <row r="4259" spans="4:5" x14ac:dyDescent="0.25">
      <c r="D4259" s="6">
        <v>1827.0160000000001</v>
      </c>
      <c r="E4259" s="6">
        <v>627.39580000000001</v>
      </c>
    </row>
    <row r="4260" spans="4:5" x14ac:dyDescent="0.25">
      <c r="D4260" s="6">
        <v>1888.5</v>
      </c>
      <c r="E4260" s="6">
        <v>391.21839999999997</v>
      </c>
    </row>
    <row r="4261" spans="4:5" x14ac:dyDescent="0.25">
      <c r="D4261" s="6">
        <v>2395.13</v>
      </c>
      <c r="E4261" s="6">
        <v>1029.0509999999999</v>
      </c>
    </row>
    <row r="4262" spans="4:5" x14ac:dyDescent="0.25">
      <c r="D4262" s="6">
        <v>769.45759999999996</v>
      </c>
      <c r="E4262" s="6">
        <v>1547.037</v>
      </c>
    </row>
    <row r="4263" spans="4:5" x14ac:dyDescent="0.25">
      <c r="D4263" s="6">
        <v>575.99369999999999</v>
      </c>
      <c r="E4263" s="6">
        <v>418.375</v>
      </c>
    </row>
    <row r="4264" spans="4:5" x14ac:dyDescent="0.25">
      <c r="D4264" s="6">
        <v>2696.3270000000002</v>
      </c>
      <c r="E4264" s="6">
        <v>710.94960000000003</v>
      </c>
    </row>
    <row r="4265" spans="4:5" x14ac:dyDescent="0.25">
      <c r="D4265" s="6">
        <v>1976.5989999999999</v>
      </c>
      <c r="E4265" s="6">
        <v>768.3605</v>
      </c>
    </row>
    <row r="4266" spans="4:5" x14ac:dyDescent="0.25">
      <c r="D4266" s="6">
        <v>2028.5070000000001</v>
      </c>
      <c r="E4266" s="6">
        <v>888.15769999999998</v>
      </c>
    </row>
    <row r="4267" spans="4:5" x14ac:dyDescent="0.25">
      <c r="D4267" s="6">
        <v>906.06790000000001</v>
      </c>
      <c r="E4267" s="6">
        <v>1692.6669999999999</v>
      </c>
    </row>
    <row r="4268" spans="4:5" x14ac:dyDescent="0.25">
      <c r="D4268" s="6">
        <v>528.86440000000005</v>
      </c>
      <c r="E4268" s="6">
        <v>352.27589999999998</v>
      </c>
    </row>
    <row r="4269" spans="4:5" x14ac:dyDescent="0.25">
      <c r="D4269" s="6">
        <v>827.70320000000004</v>
      </c>
      <c r="E4269" s="6">
        <v>609.29259999999999</v>
      </c>
    </row>
    <row r="4270" spans="4:5" x14ac:dyDescent="0.25">
      <c r="D4270" s="6">
        <v>6852.9449999999997</v>
      </c>
      <c r="E4270" s="6">
        <v>1570.3309999999999</v>
      </c>
    </row>
    <row r="4271" spans="4:5" x14ac:dyDescent="0.25">
      <c r="D4271" s="6">
        <v>2051.261</v>
      </c>
      <c r="E4271" s="6">
        <v>714.47159999999997</v>
      </c>
    </row>
    <row r="4272" spans="4:5" x14ac:dyDescent="0.25">
      <c r="D4272" s="6">
        <v>1456.0640000000001</v>
      </c>
      <c r="E4272" s="6">
        <v>1308.598</v>
      </c>
    </row>
    <row r="4273" spans="4:5" x14ac:dyDescent="0.25">
      <c r="D4273" s="6">
        <v>1510.002</v>
      </c>
      <c r="E4273" s="6">
        <v>775.54520000000002</v>
      </c>
    </row>
    <row r="4274" spans="4:5" x14ac:dyDescent="0.25">
      <c r="D4274" s="6">
        <v>1254.377</v>
      </c>
      <c r="E4274" s="6">
        <v>1042.0930000000001</v>
      </c>
    </row>
    <row r="4275" spans="4:5" x14ac:dyDescent="0.25">
      <c r="D4275" s="6">
        <v>1438.588</v>
      </c>
      <c r="E4275" s="6">
        <v>1549.299</v>
      </c>
    </row>
    <row r="4276" spans="4:5" x14ac:dyDescent="0.25">
      <c r="D4276" s="6">
        <v>589.53589999999997</v>
      </c>
      <c r="E4276" s="6">
        <v>467.16210000000001</v>
      </c>
    </row>
    <row r="4277" spans="4:5" x14ac:dyDescent="0.25">
      <c r="D4277" s="6">
        <v>645.25879999999995</v>
      </c>
      <c r="E4277" s="6">
        <v>925.83839999999998</v>
      </c>
    </row>
    <row r="4278" spans="4:5" x14ac:dyDescent="0.25">
      <c r="D4278" s="6">
        <v>1453.18</v>
      </c>
      <c r="E4278" s="6">
        <v>1145.875</v>
      </c>
    </row>
    <row r="4279" spans="4:5" x14ac:dyDescent="0.25">
      <c r="D4279" s="6">
        <v>3487.8319999999999</v>
      </c>
      <c r="E4279" s="6">
        <v>294.24799999999999</v>
      </c>
    </row>
    <row r="4280" spans="4:5" x14ac:dyDescent="0.25">
      <c r="D4280" s="6">
        <v>3497.2579999999998</v>
      </c>
      <c r="E4280" s="6">
        <v>1056.6289999999999</v>
      </c>
    </row>
    <row r="4281" spans="4:5" x14ac:dyDescent="0.25">
      <c r="D4281" s="6">
        <v>1027.6980000000001</v>
      </c>
      <c r="E4281" s="6">
        <v>534.92240000000004</v>
      </c>
    </row>
    <row r="4282" spans="4:5" x14ac:dyDescent="0.25">
      <c r="D4282" s="6">
        <v>1298.9290000000001</v>
      </c>
      <c r="E4282" s="6">
        <v>967.87599999999998</v>
      </c>
    </row>
    <row r="4283" spans="4:5" x14ac:dyDescent="0.25">
      <c r="D4283" s="6">
        <v>4661.4539999999997</v>
      </c>
      <c r="E4283" s="6">
        <v>514.81610000000001</v>
      </c>
    </row>
    <row r="4284" spans="4:5" x14ac:dyDescent="0.25">
      <c r="D4284" s="6">
        <v>884.14859999999999</v>
      </c>
      <c r="E4284" s="6">
        <v>1926.91</v>
      </c>
    </row>
    <row r="4285" spans="4:5" x14ac:dyDescent="0.25">
      <c r="D4285" s="6">
        <v>4271.71</v>
      </c>
      <c r="E4285" s="6">
        <v>1064.5719999999999</v>
      </c>
    </row>
    <row r="4286" spans="4:5" x14ac:dyDescent="0.25">
      <c r="D4286" s="6">
        <v>1470.309</v>
      </c>
      <c r="E4286" s="6">
        <v>2560.1999999999998</v>
      </c>
    </row>
    <row r="4287" spans="4:5" x14ac:dyDescent="0.25">
      <c r="D4287" s="6">
        <v>551.05920000000003</v>
      </c>
      <c r="E4287" s="6">
        <v>496.1146</v>
      </c>
    </row>
    <row r="4288" spans="4:5" x14ac:dyDescent="0.25">
      <c r="D4288" s="6">
        <v>1492.6659999999999</v>
      </c>
      <c r="E4288" s="6">
        <v>1103.9839999999999</v>
      </c>
    </row>
    <row r="4289" spans="4:5" x14ac:dyDescent="0.25">
      <c r="D4289" s="6">
        <v>1325.8520000000001</v>
      </c>
      <c r="E4289" s="6">
        <v>342.36430000000001</v>
      </c>
    </row>
    <row r="4290" spans="4:5" x14ac:dyDescent="0.25">
      <c r="D4290" s="6">
        <v>4421.2910000000002</v>
      </c>
      <c r="E4290" s="6">
        <v>816.15480000000002</v>
      </c>
    </row>
    <row r="4291" spans="4:5" x14ac:dyDescent="0.25">
      <c r="D4291" s="6">
        <v>5407.67</v>
      </c>
      <c r="E4291" s="6">
        <v>774.16669999999999</v>
      </c>
    </row>
    <row r="4292" spans="4:5" x14ac:dyDescent="0.25">
      <c r="D4292" s="6">
        <v>679.15610000000004</v>
      </c>
      <c r="E4292" s="6">
        <v>755.16049999999996</v>
      </c>
    </row>
    <row r="4293" spans="4:5" x14ac:dyDescent="0.25">
      <c r="D4293" s="6">
        <v>2230.2080000000001</v>
      </c>
      <c r="E4293" s="6">
        <v>849.41470000000004</v>
      </c>
    </row>
    <row r="4294" spans="4:5" x14ac:dyDescent="0.25">
      <c r="D4294" s="6">
        <v>1328.059</v>
      </c>
      <c r="E4294" s="6">
        <v>1668.231</v>
      </c>
    </row>
    <row r="4295" spans="4:5" x14ac:dyDescent="0.25">
      <c r="D4295" s="6">
        <v>1750.212</v>
      </c>
      <c r="E4295" s="6">
        <v>822.7328</v>
      </c>
    </row>
    <row r="4296" spans="4:5" x14ac:dyDescent="0.25">
      <c r="D4296" s="6">
        <v>1207.126</v>
      </c>
      <c r="E4296" s="6">
        <v>817.02949999999998</v>
      </c>
    </row>
    <row r="4297" spans="4:5" x14ac:dyDescent="0.25">
      <c r="D4297" s="6">
        <v>2257.5520000000001</v>
      </c>
      <c r="E4297" s="6">
        <v>2389.4520000000002</v>
      </c>
    </row>
    <row r="4298" spans="4:5" x14ac:dyDescent="0.25">
      <c r="D4298" s="6">
        <v>5043.5709999999999</v>
      </c>
      <c r="E4298" s="6">
        <v>642.45870000000002</v>
      </c>
    </row>
    <row r="4299" spans="4:5" x14ac:dyDescent="0.25">
      <c r="D4299" s="6">
        <v>8026.6</v>
      </c>
      <c r="E4299" s="6">
        <v>1800.7249999999999</v>
      </c>
    </row>
    <row r="4300" spans="4:5" x14ac:dyDescent="0.25">
      <c r="D4300" s="6">
        <v>1973.3679999999999</v>
      </c>
      <c r="E4300" s="6">
        <v>856.55690000000004</v>
      </c>
    </row>
    <row r="4301" spans="4:5" x14ac:dyDescent="0.25">
      <c r="D4301" s="6">
        <v>2012.9359999999999</v>
      </c>
      <c r="E4301" s="6">
        <v>2148.5909999999999</v>
      </c>
    </row>
    <row r="4302" spans="4:5" x14ac:dyDescent="0.25">
      <c r="D4302" s="6">
        <v>557.42920000000004</v>
      </c>
      <c r="E4302" s="6">
        <v>1097.557</v>
      </c>
    </row>
    <row r="4303" spans="4:5" x14ac:dyDescent="0.25">
      <c r="D4303" s="6">
        <v>4117.1899999999996</v>
      </c>
      <c r="E4303" s="6">
        <v>1113.4179999999999</v>
      </c>
    </row>
    <row r="4304" spans="4:5" x14ac:dyDescent="0.25">
      <c r="D4304" s="6">
        <v>1263.3979999999999</v>
      </c>
      <c r="E4304" s="6">
        <v>1030.9559999999999</v>
      </c>
    </row>
    <row r="4305" spans="4:5" x14ac:dyDescent="0.25">
      <c r="D4305" s="6">
        <v>3460.9380000000001</v>
      </c>
      <c r="E4305" s="6">
        <v>963.75760000000002</v>
      </c>
    </row>
    <row r="4306" spans="4:5" x14ac:dyDescent="0.25">
      <c r="D4306" s="6">
        <v>1389.547</v>
      </c>
      <c r="E4306" s="6">
        <v>797.65110000000004</v>
      </c>
    </row>
    <row r="4307" spans="4:5" x14ac:dyDescent="0.25">
      <c r="D4307" s="6">
        <v>609.1123</v>
      </c>
      <c r="E4307" s="6">
        <v>1393.0719999999999</v>
      </c>
    </row>
    <row r="4308" spans="4:5" x14ac:dyDescent="0.25">
      <c r="D4308" s="6">
        <v>688.23410000000001</v>
      </c>
      <c r="E4308" s="6">
        <v>565.13829999999996</v>
      </c>
    </row>
    <row r="4309" spans="4:5" x14ac:dyDescent="0.25">
      <c r="D4309" s="6">
        <v>1774.9179999999999</v>
      </c>
      <c r="E4309" s="6">
        <v>588.67610000000002</v>
      </c>
    </row>
    <row r="4310" spans="4:5" x14ac:dyDescent="0.25">
      <c r="D4310" s="6">
        <v>5316.9750000000004</v>
      </c>
      <c r="E4310" s="6">
        <v>802.45500000000004</v>
      </c>
    </row>
    <row r="4311" spans="4:5" x14ac:dyDescent="0.25">
      <c r="D4311" s="6">
        <v>1216.7750000000001</v>
      </c>
      <c r="E4311" s="6">
        <v>349.0224</v>
      </c>
    </row>
    <row r="4312" spans="4:5" x14ac:dyDescent="0.25">
      <c r="D4312" s="6">
        <v>1815.4849999999999</v>
      </c>
      <c r="E4312" s="6">
        <v>804.9271</v>
      </c>
    </row>
    <row r="4313" spans="4:5" x14ac:dyDescent="0.25">
      <c r="D4313" s="6">
        <v>5004.5200000000004</v>
      </c>
      <c r="E4313" s="6">
        <v>583.63670000000002</v>
      </c>
    </row>
    <row r="4314" spans="4:5" x14ac:dyDescent="0.25">
      <c r="D4314" s="6">
        <v>656.18589999999995</v>
      </c>
      <c r="E4314" s="6">
        <v>993.98109999999997</v>
      </c>
    </row>
    <row r="4315" spans="4:5" x14ac:dyDescent="0.25">
      <c r="D4315" s="6">
        <v>1084.124</v>
      </c>
      <c r="E4315" s="6">
        <v>914.40099999999995</v>
      </c>
    </row>
    <row r="4316" spans="4:5" x14ac:dyDescent="0.25">
      <c r="D4316" s="6">
        <v>2732.5909999999999</v>
      </c>
      <c r="E4316" s="6">
        <v>457.5813</v>
      </c>
    </row>
    <row r="4317" spans="4:5" x14ac:dyDescent="0.25">
      <c r="D4317" s="6">
        <v>1585.2439999999999</v>
      </c>
      <c r="E4317" s="6">
        <v>1082.539</v>
      </c>
    </row>
    <row r="4318" spans="4:5" x14ac:dyDescent="0.25">
      <c r="D4318" s="6">
        <v>1712.8579999999999</v>
      </c>
      <c r="E4318" s="6">
        <v>913.9135</v>
      </c>
    </row>
    <row r="4319" spans="4:5" x14ac:dyDescent="0.25">
      <c r="D4319" s="6">
        <v>573.46079999999995</v>
      </c>
      <c r="E4319" s="6">
        <v>336.67860000000002</v>
      </c>
    </row>
    <row r="4320" spans="4:5" x14ac:dyDescent="0.25">
      <c r="D4320" s="6">
        <v>603.72360000000003</v>
      </c>
      <c r="E4320" s="6">
        <v>534.31489999999997</v>
      </c>
    </row>
    <row r="4321" spans="4:5" x14ac:dyDescent="0.25">
      <c r="D4321" s="6">
        <v>604.99170000000004</v>
      </c>
      <c r="E4321" s="6">
        <v>5720.7749999999996</v>
      </c>
    </row>
    <row r="4322" spans="4:5" x14ac:dyDescent="0.25">
      <c r="D4322" s="6">
        <v>412.16489999999999</v>
      </c>
      <c r="E4322" s="6">
        <v>336.88130000000001</v>
      </c>
    </row>
    <row r="4323" spans="4:5" x14ac:dyDescent="0.25">
      <c r="D4323" s="6">
        <v>1340.9059999999999</v>
      </c>
      <c r="E4323" s="6">
        <v>2149.4070000000002</v>
      </c>
    </row>
    <row r="4324" spans="4:5" x14ac:dyDescent="0.25">
      <c r="D4324" s="6">
        <v>2712.6610000000001</v>
      </c>
      <c r="E4324" s="6">
        <v>750.51469999999995</v>
      </c>
    </row>
    <row r="4325" spans="4:5" x14ac:dyDescent="0.25">
      <c r="D4325" s="6">
        <v>1830.5530000000001</v>
      </c>
      <c r="E4325" s="6">
        <v>1254.827</v>
      </c>
    </row>
    <row r="4326" spans="4:5" x14ac:dyDescent="0.25">
      <c r="D4326" s="6">
        <v>2560.6999999999998</v>
      </c>
      <c r="E4326" s="6">
        <v>750.92110000000002</v>
      </c>
    </row>
    <row r="4327" spans="4:5" x14ac:dyDescent="0.25">
      <c r="D4327" s="6">
        <v>638.86440000000005</v>
      </c>
      <c r="E4327" s="6">
        <v>1145.086</v>
      </c>
    </row>
    <row r="4328" spans="4:5" x14ac:dyDescent="0.25">
      <c r="D4328" s="6">
        <v>585.43910000000005</v>
      </c>
      <c r="E4328" s="6">
        <v>832.96889999999996</v>
      </c>
    </row>
    <row r="4329" spans="4:5" x14ac:dyDescent="0.25">
      <c r="D4329" s="6">
        <v>2236.2930000000001</v>
      </c>
      <c r="E4329" s="6">
        <v>859.95690000000002</v>
      </c>
    </row>
    <row r="4330" spans="4:5" x14ac:dyDescent="0.25">
      <c r="D4330" s="6">
        <v>759.90980000000002</v>
      </c>
      <c r="E4330" s="6">
        <v>761.47900000000004</v>
      </c>
    </row>
    <row r="4331" spans="4:5" x14ac:dyDescent="0.25">
      <c r="D4331" s="6">
        <v>1870.6130000000001</v>
      </c>
      <c r="E4331" s="6">
        <v>715.49109999999996</v>
      </c>
    </row>
    <row r="4332" spans="4:5" x14ac:dyDescent="0.25">
      <c r="D4332" s="6">
        <v>1097.5709999999999</v>
      </c>
      <c r="E4332" s="6">
        <v>1160.3330000000001</v>
      </c>
    </row>
    <row r="4333" spans="4:5" x14ac:dyDescent="0.25">
      <c r="D4333" s="6">
        <v>738.87390000000005</v>
      </c>
      <c r="E4333" s="6">
        <v>648.7509</v>
      </c>
    </row>
    <row r="4334" spans="4:5" x14ac:dyDescent="0.25">
      <c r="D4334" s="6">
        <v>1499.653</v>
      </c>
      <c r="E4334" s="6">
        <v>583.87649999999996</v>
      </c>
    </row>
    <row r="4335" spans="4:5" x14ac:dyDescent="0.25">
      <c r="D4335" s="6">
        <v>1103.0360000000001</v>
      </c>
      <c r="E4335" s="6">
        <v>1568.7550000000001</v>
      </c>
    </row>
    <row r="4336" spans="4:5" x14ac:dyDescent="0.25">
      <c r="D4336" s="6">
        <v>1160.7850000000001</v>
      </c>
      <c r="E4336" s="6">
        <v>226.5455</v>
      </c>
    </row>
    <row r="4337" spans="4:5" x14ac:dyDescent="0.25">
      <c r="D4337" s="6">
        <v>6221.3230000000003</v>
      </c>
      <c r="E4337" s="6">
        <v>1374.624</v>
      </c>
    </row>
    <row r="4338" spans="4:5" x14ac:dyDescent="0.25">
      <c r="D4338" s="6">
        <v>687.31889999999999</v>
      </c>
      <c r="E4338" s="6">
        <v>557.51239999999996</v>
      </c>
    </row>
    <row r="4339" spans="4:5" x14ac:dyDescent="0.25">
      <c r="D4339" s="6">
        <v>1691.405</v>
      </c>
      <c r="E4339" s="6">
        <v>676.02300000000002</v>
      </c>
    </row>
    <row r="4340" spans="4:5" x14ac:dyDescent="0.25">
      <c r="D4340" s="6">
        <v>648.80250000000001</v>
      </c>
      <c r="E4340" s="6">
        <v>6273.442</v>
      </c>
    </row>
    <row r="4341" spans="4:5" x14ac:dyDescent="0.25">
      <c r="D4341" s="6">
        <v>1857.9469999999999</v>
      </c>
      <c r="E4341" s="6">
        <v>2591.8530000000001</v>
      </c>
    </row>
    <row r="4342" spans="4:5" x14ac:dyDescent="0.25">
      <c r="D4342" s="6">
        <v>667.22130000000004</v>
      </c>
      <c r="E4342" s="6">
        <v>545.89859999999999</v>
      </c>
    </row>
    <row r="4343" spans="4:5" x14ac:dyDescent="0.25">
      <c r="D4343" s="6">
        <v>4236.8959999999997</v>
      </c>
      <c r="E4343" s="6">
        <v>1275.5409999999999</v>
      </c>
    </row>
    <row r="4344" spans="4:5" x14ac:dyDescent="0.25">
      <c r="D4344" s="6">
        <v>1945.3330000000001</v>
      </c>
      <c r="E4344" s="6">
        <v>521.42330000000004</v>
      </c>
    </row>
    <row r="4345" spans="4:5" x14ac:dyDescent="0.25">
      <c r="D4345" s="6">
        <v>1174.7729999999999</v>
      </c>
      <c r="E4345" s="6">
        <v>948.79399999999998</v>
      </c>
    </row>
    <row r="4346" spans="4:5" x14ac:dyDescent="0.25">
      <c r="D4346" s="6">
        <v>2270.84</v>
      </c>
      <c r="E4346" s="6">
        <v>1107.675</v>
      </c>
    </row>
    <row r="4347" spans="4:5" x14ac:dyDescent="0.25">
      <c r="D4347" s="6">
        <v>760.08870000000002</v>
      </c>
      <c r="E4347" s="6">
        <v>701.39469999999994</v>
      </c>
    </row>
    <row r="4348" spans="4:5" x14ac:dyDescent="0.25">
      <c r="D4348" s="6">
        <v>560.86620000000005</v>
      </c>
      <c r="E4348" s="6">
        <v>647.86210000000005</v>
      </c>
    </row>
    <row r="4349" spans="4:5" x14ac:dyDescent="0.25">
      <c r="D4349" s="6">
        <v>940.73860000000002</v>
      </c>
      <c r="E4349" s="6">
        <v>586.12419999999997</v>
      </c>
    </row>
    <row r="4350" spans="4:5" x14ac:dyDescent="0.25">
      <c r="D4350" s="6">
        <v>1713.9649999999999</v>
      </c>
      <c r="E4350" s="6">
        <v>736.6354</v>
      </c>
    </row>
    <row r="4351" spans="4:5" x14ac:dyDescent="0.25">
      <c r="D4351" s="6">
        <v>1168.538</v>
      </c>
      <c r="E4351" s="6">
        <v>204.68940000000001</v>
      </c>
    </row>
    <row r="4352" spans="4:5" x14ac:dyDescent="0.25">
      <c r="D4352" s="6">
        <v>4001.3980000000001</v>
      </c>
      <c r="E4352" s="6">
        <v>625</v>
      </c>
    </row>
    <row r="4353" spans="4:5" x14ac:dyDescent="0.25">
      <c r="D4353" s="6">
        <v>1330.07</v>
      </c>
      <c r="E4353" s="6">
        <v>770.92570000000001</v>
      </c>
    </row>
    <row r="4354" spans="4:5" x14ac:dyDescent="0.25">
      <c r="D4354" s="6">
        <v>574.03560000000004</v>
      </c>
      <c r="E4354" s="6">
        <v>976.6481</v>
      </c>
    </row>
    <row r="4355" spans="4:5" x14ac:dyDescent="0.25">
      <c r="D4355" s="6">
        <v>784.94320000000005</v>
      </c>
      <c r="E4355" s="6">
        <v>972.07389999999998</v>
      </c>
    </row>
    <row r="4356" spans="4:5" x14ac:dyDescent="0.25">
      <c r="D4356" s="6">
        <v>1638.1179999999999</v>
      </c>
      <c r="E4356" s="6">
        <v>1173.001</v>
      </c>
    </row>
    <row r="4357" spans="4:5" x14ac:dyDescent="0.25">
      <c r="D4357" s="6">
        <v>1240.1420000000001</v>
      </c>
      <c r="E4357" s="6">
        <v>1168.085</v>
      </c>
    </row>
    <row r="4358" spans="4:5" x14ac:dyDescent="0.25">
      <c r="D4358" s="6">
        <v>1016.345</v>
      </c>
      <c r="E4358" s="6">
        <v>5733.7950000000001</v>
      </c>
    </row>
    <row r="4359" spans="4:5" x14ac:dyDescent="0.25">
      <c r="D4359" s="6">
        <v>2462.75</v>
      </c>
      <c r="E4359" s="6">
        <v>694.76049999999998</v>
      </c>
    </row>
    <row r="4360" spans="4:5" x14ac:dyDescent="0.25">
      <c r="D4360" s="6">
        <v>568.54700000000003</v>
      </c>
      <c r="E4360" s="6">
        <v>1204.7570000000001</v>
      </c>
    </row>
    <row r="4361" spans="4:5" x14ac:dyDescent="0.25">
      <c r="D4361" s="6">
        <v>1347.4880000000001</v>
      </c>
      <c r="E4361" s="6">
        <v>196.5668</v>
      </c>
    </row>
    <row r="4362" spans="4:5" x14ac:dyDescent="0.25">
      <c r="D4362" s="6">
        <v>608.30679999999995</v>
      </c>
      <c r="E4362" s="6">
        <v>790.49959999999999</v>
      </c>
    </row>
    <row r="4363" spans="4:5" x14ac:dyDescent="0.25">
      <c r="D4363" s="6">
        <v>467.78660000000002</v>
      </c>
      <c r="E4363" s="6">
        <v>872.79489999999998</v>
      </c>
    </row>
    <row r="4364" spans="4:5" x14ac:dyDescent="0.25">
      <c r="D4364" s="6">
        <v>1310.239</v>
      </c>
      <c r="E4364" s="6">
        <v>636.76139999999998</v>
      </c>
    </row>
    <row r="4365" spans="4:5" x14ac:dyDescent="0.25">
      <c r="D4365" s="6">
        <v>3372.8910000000001</v>
      </c>
      <c r="E4365" s="6">
        <v>656.22080000000005</v>
      </c>
    </row>
    <row r="4366" spans="4:5" x14ac:dyDescent="0.25">
      <c r="D4366" s="6">
        <v>2059.5450000000001</v>
      </c>
      <c r="E4366" s="6">
        <v>1515.299</v>
      </c>
    </row>
    <row r="4367" spans="4:5" x14ac:dyDescent="0.25">
      <c r="D4367" s="6">
        <v>635.12059999999997</v>
      </c>
      <c r="E4367" s="6">
        <v>753.69439999999997</v>
      </c>
    </row>
    <row r="4368" spans="4:5" x14ac:dyDescent="0.25">
      <c r="D4368" s="6">
        <v>1363.037</v>
      </c>
      <c r="E4368" s="6">
        <v>190.33029999999999</v>
      </c>
    </row>
    <row r="4369" spans="4:5" x14ac:dyDescent="0.25">
      <c r="D4369" s="6">
        <v>521.9873</v>
      </c>
      <c r="E4369" s="6">
        <v>2469.9160000000002</v>
      </c>
    </row>
    <row r="4370" spans="4:5" x14ac:dyDescent="0.25">
      <c r="D4370" s="6">
        <v>1142.0550000000001</v>
      </c>
      <c r="E4370" s="6">
        <v>811.33280000000002</v>
      </c>
    </row>
    <row r="4371" spans="4:5" x14ac:dyDescent="0.25">
      <c r="D4371" s="6">
        <v>1844.4480000000001</v>
      </c>
      <c r="E4371" s="6">
        <v>696.61519999999996</v>
      </c>
    </row>
    <row r="4372" spans="4:5" x14ac:dyDescent="0.25">
      <c r="D4372" s="6">
        <v>5267.1620000000003</v>
      </c>
      <c r="E4372" s="6">
        <v>325.58780000000002</v>
      </c>
    </row>
    <row r="4373" spans="4:5" x14ac:dyDescent="0.25">
      <c r="D4373" s="6">
        <v>1075.97</v>
      </c>
      <c r="E4373" s="6">
        <v>1213.03</v>
      </c>
    </row>
    <row r="4374" spans="4:5" x14ac:dyDescent="0.25">
      <c r="D4374" s="6">
        <v>1171.788</v>
      </c>
      <c r="E4374" s="6">
        <v>819.30619999999999</v>
      </c>
    </row>
    <row r="4375" spans="4:5" x14ac:dyDescent="0.25">
      <c r="D4375" s="6">
        <v>4176.8180000000002</v>
      </c>
      <c r="E4375" s="6">
        <v>384.9024</v>
      </c>
    </row>
    <row r="4376" spans="4:5" x14ac:dyDescent="0.25">
      <c r="D4376" s="6">
        <v>952.702</v>
      </c>
      <c r="E4376" s="6">
        <v>721.36829999999998</v>
      </c>
    </row>
    <row r="4377" spans="4:5" x14ac:dyDescent="0.25">
      <c r="D4377" s="6">
        <v>1019.564</v>
      </c>
      <c r="E4377" s="6">
        <v>974.15809999999999</v>
      </c>
    </row>
    <row r="4378" spans="4:5" x14ac:dyDescent="0.25">
      <c r="D4378" s="6">
        <v>712.57380000000001</v>
      </c>
      <c r="E4378" s="6">
        <v>932.62369999999999</v>
      </c>
    </row>
    <row r="4379" spans="4:5" x14ac:dyDescent="0.25">
      <c r="D4379" s="6">
        <v>2464.864</v>
      </c>
      <c r="E4379" s="6">
        <v>1065.3910000000001</v>
      </c>
    </row>
    <row r="4380" spans="4:5" x14ac:dyDescent="0.25">
      <c r="D4380" s="6">
        <v>3616.502</v>
      </c>
      <c r="E4380" s="6">
        <v>494.70670000000001</v>
      </c>
    </row>
    <row r="4381" spans="4:5" x14ac:dyDescent="0.25">
      <c r="D4381" s="6">
        <v>4308.8500000000004</v>
      </c>
      <c r="E4381" s="6">
        <v>432.32600000000002</v>
      </c>
    </row>
    <row r="4382" spans="4:5" x14ac:dyDescent="0.25">
      <c r="D4382" s="6">
        <v>638.18119999999999</v>
      </c>
      <c r="E4382" s="6">
        <v>921.04190000000006</v>
      </c>
    </row>
    <row r="4383" spans="4:5" x14ac:dyDescent="0.25">
      <c r="D4383" s="6">
        <v>2055.0239999999999</v>
      </c>
      <c r="E4383" s="6">
        <v>764.73310000000004</v>
      </c>
    </row>
    <row r="4384" spans="4:5" x14ac:dyDescent="0.25">
      <c r="D4384" s="6">
        <v>608.53</v>
      </c>
      <c r="E4384" s="6">
        <v>410.35039999999998</v>
      </c>
    </row>
    <row r="4385" spans="4:5" x14ac:dyDescent="0.25">
      <c r="D4385" s="6">
        <v>459.63040000000001</v>
      </c>
      <c r="E4385" s="6">
        <v>305.42860000000002</v>
      </c>
    </row>
    <row r="4386" spans="4:5" x14ac:dyDescent="0.25">
      <c r="D4386" s="6">
        <v>953.16369999999995</v>
      </c>
      <c r="E4386" s="6">
        <v>774.16809999999998</v>
      </c>
    </row>
    <row r="4387" spans="4:5" x14ac:dyDescent="0.25">
      <c r="D4387" s="6">
        <v>1457.586</v>
      </c>
      <c r="E4387" s="6">
        <v>696.33950000000004</v>
      </c>
    </row>
    <row r="4388" spans="4:5" x14ac:dyDescent="0.25">
      <c r="D4388" s="6">
        <v>599.95399999999995</v>
      </c>
      <c r="E4388" s="6">
        <v>4120.6019999999999</v>
      </c>
    </row>
    <row r="4389" spans="4:5" x14ac:dyDescent="0.25">
      <c r="D4389" s="6">
        <v>4581.1790000000001</v>
      </c>
      <c r="E4389" s="6">
        <v>825.26729999999998</v>
      </c>
    </row>
    <row r="4390" spans="4:5" x14ac:dyDescent="0.25">
      <c r="D4390" s="6">
        <v>4474.1080000000002</v>
      </c>
      <c r="E4390" s="6">
        <v>991.21130000000005</v>
      </c>
    </row>
    <row r="4391" spans="4:5" x14ac:dyDescent="0.25">
      <c r="D4391" s="6">
        <v>2437.5909999999999</v>
      </c>
      <c r="E4391" s="6">
        <v>323.2</v>
      </c>
    </row>
    <row r="4392" spans="4:5" x14ac:dyDescent="0.25">
      <c r="D4392" s="6">
        <v>1782.7670000000001</v>
      </c>
      <c r="E4392" s="6">
        <v>586.7405</v>
      </c>
    </row>
    <row r="4393" spans="4:5" x14ac:dyDescent="0.25">
      <c r="D4393" s="6">
        <v>2135.5700000000002</v>
      </c>
      <c r="E4393" s="6">
        <v>202.41630000000001</v>
      </c>
    </row>
    <row r="4394" spans="4:5" x14ac:dyDescent="0.25">
      <c r="D4394" s="6">
        <v>1047.0139999999999</v>
      </c>
      <c r="E4394" s="6">
        <v>1772.2049999999999</v>
      </c>
    </row>
    <row r="4395" spans="4:5" x14ac:dyDescent="0.25">
      <c r="D4395" s="6">
        <v>1058.2670000000001</v>
      </c>
      <c r="E4395" s="6">
        <v>954.53750000000002</v>
      </c>
    </row>
    <row r="4396" spans="4:5" x14ac:dyDescent="0.25">
      <c r="D4396" s="6">
        <v>1424.87</v>
      </c>
      <c r="E4396" s="6">
        <v>475.18349999999998</v>
      </c>
    </row>
    <row r="4397" spans="4:5" x14ac:dyDescent="0.25">
      <c r="D4397" s="6">
        <v>705.92489999999998</v>
      </c>
      <c r="E4397" s="6">
        <v>1077.4259999999999</v>
      </c>
    </row>
    <row r="4398" spans="4:5" x14ac:dyDescent="0.25">
      <c r="D4398" s="6">
        <v>1163.75</v>
      </c>
      <c r="E4398" s="6">
        <v>807.48509999999999</v>
      </c>
    </row>
    <row r="4399" spans="4:5" x14ac:dyDescent="0.25">
      <c r="D4399" s="6">
        <v>738.90440000000001</v>
      </c>
      <c r="E4399" s="6">
        <v>391.4717</v>
      </c>
    </row>
    <row r="4400" spans="4:5" x14ac:dyDescent="0.25">
      <c r="D4400" s="6">
        <v>1136.2439999999999</v>
      </c>
      <c r="E4400" s="6">
        <v>3162.335</v>
      </c>
    </row>
    <row r="4401" spans="4:5" x14ac:dyDescent="0.25">
      <c r="D4401" s="6">
        <v>3049.1419999999998</v>
      </c>
      <c r="E4401" s="6">
        <v>876.18470000000002</v>
      </c>
    </row>
    <row r="4402" spans="4:5" x14ac:dyDescent="0.25">
      <c r="D4402" s="6">
        <v>1030.0260000000001</v>
      </c>
      <c r="E4402" s="6">
        <v>737.96119999999996</v>
      </c>
    </row>
    <row r="4403" spans="4:5" x14ac:dyDescent="0.25">
      <c r="D4403" s="6">
        <v>915.40689999999995</v>
      </c>
      <c r="E4403" s="6">
        <v>837.48339999999996</v>
      </c>
    </row>
    <row r="4404" spans="4:5" x14ac:dyDescent="0.25">
      <c r="D4404" s="6">
        <v>1931.6420000000001</v>
      </c>
      <c r="E4404" s="6">
        <v>459.87139999999999</v>
      </c>
    </row>
    <row r="4405" spans="4:5" x14ac:dyDescent="0.25">
      <c r="D4405" s="6">
        <v>1648.403</v>
      </c>
      <c r="E4405" s="6">
        <v>1330.9749999999999</v>
      </c>
    </row>
    <row r="4406" spans="4:5" x14ac:dyDescent="0.25">
      <c r="D4406" s="6">
        <v>1095.588</v>
      </c>
      <c r="E4406" s="6">
        <v>679.82920000000001</v>
      </c>
    </row>
    <row r="4407" spans="4:5" x14ac:dyDescent="0.25">
      <c r="D4407" s="6">
        <v>3292.1419999999998</v>
      </c>
      <c r="E4407" s="6">
        <v>365.30079999999998</v>
      </c>
    </row>
    <row r="4408" spans="4:5" x14ac:dyDescent="0.25">
      <c r="D4408" s="6">
        <v>1643.701</v>
      </c>
      <c r="E4408" s="6">
        <v>10834.79</v>
      </c>
    </row>
    <row r="4409" spans="4:5" x14ac:dyDescent="0.25">
      <c r="D4409" s="6">
        <v>6385.3890000000001</v>
      </c>
      <c r="E4409" s="6">
        <v>1235.19</v>
      </c>
    </row>
    <row r="4410" spans="4:5" x14ac:dyDescent="0.25">
      <c r="D4410" s="6">
        <v>1479.7619999999999</v>
      </c>
      <c r="E4410" s="6">
        <v>200.3023</v>
      </c>
    </row>
    <row r="4411" spans="4:5" x14ac:dyDescent="0.25">
      <c r="D4411" s="6">
        <v>3176.348</v>
      </c>
      <c r="E4411" s="6">
        <v>962.72670000000005</v>
      </c>
    </row>
    <row r="4412" spans="4:5" x14ac:dyDescent="0.25">
      <c r="D4412" s="6">
        <v>1272.127</v>
      </c>
      <c r="E4412" s="6">
        <v>730.66070000000002</v>
      </c>
    </row>
    <row r="4413" spans="4:5" x14ac:dyDescent="0.25">
      <c r="D4413" s="6">
        <v>3011.625</v>
      </c>
      <c r="E4413" s="6">
        <v>527.67729999999995</v>
      </c>
    </row>
    <row r="4414" spans="4:5" x14ac:dyDescent="0.25">
      <c r="D4414" s="6">
        <v>525.93430000000001</v>
      </c>
      <c r="E4414" s="6">
        <v>1711.002</v>
      </c>
    </row>
    <row r="4415" spans="4:5" x14ac:dyDescent="0.25">
      <c r="D4415" s="6">
        <v>2974.547</v>
      </c>
      <c r="E4415" s="6">
        <v>1734.5840000000001</v>
      </c>
    </row>
    <row r="4416" spans="4:5" x14ac:dyDescent="0.25">
      <c r="D4416" s="6">
        <v>4183.2839999999997</v>
      </c>
      <c r="E4416" s="6">
        <v>919.91639999999995</v>
      </c>
    </row>
    <row r="4417" spans="4:5" x14ac:dyDescent="0.25">
      <c r="D4417" s="6">
        <v>616.00980000000004</v>
      </c>
      <c r="E4417" s="6">
        <v>384.40589999999997</v>
      </c>
    </row>
    <row r="4418" spans="4:5" x14ac:dyDescent="0.25">
      <c r="D4418" s="6">
        <v>1663.681</v>
      </c>
      <c r="E4418" s="6">
        <v>4115.3329999999996</v>
      </c>
    </row>
    <row r="4419" spans="4:5" x14ac:dyDescent="0.25">
      <c r="D4419" s="6">
        <v>1944.549</v>
      </c>
      <c r="E4419" s="6">
        <v>309.37540000000001</v>
      </c>
    </row>
    <row r="4420" spans="4:5" x14ac:dyDescent="0.25">
      <c r="D4420" s="6">
        <v>7653.0540000000001</v>
      </c>
      <c r="E4420" s="6">
        <v>1722.4459999999999</v>
      </c>
    </row>
    <row r="4421" spans="4:5" x14ac:dyDescent="0.25">
      <c r="D4421" s="6">
        <v>1015.801</v>
      </c>
      <c r="E4421" s="6">
        <v>786.67629999999997</v>
      </c>
    </row>
    <row r="4422" spans="4:5" x14ac:dyDescent="0.25">
      <c r="D4422" s="6">
        <v>2747.973</v>
      </c>
      <c r="E4422" s="6">
        <v>564.89689999999996</v>
      </c>
    </row>
    <row r="4423" spans="4:5" x14ac:dyDescent="0.25">
      <c r="D4423" s="6">
        <v>3614.0770000000002</v>
      </c>
      <c r="E4423" s="6">
        <v>429.5</v>
      </c>
    </row>
    <row r="4424" spans="4:5" x14ac:dyDescent="0.25">
      <c r="D4424" s="6">
        <v>5686.5</v>
      </c>
      <c r="E4424" s="6">
        <v>878.37149999999997</v>
      </c>
    </row>
    <row r="4425" spans="4:5" x14ac:dyDescent="0.25">
      <c r="D4425" s="6">
        <v>3092.2379999999998</v>
      </c>
      <c r="E4425" s="6">
        <v>634.34159999999997</v>
      </c>
    </row>
    <row r="4426" spans="4:5" x14ac:dyDescent="0.25">
      <c r="D4426" s="6">
        <v>1653.6849999999999</v>
      </c>
      <c r="E4426" s="6">
        <v>1329.6110000000001</v>
      </c>
    </row>
    <row r="4427" spans="4:5" x14ac:dyDescent="0.25">
      <c r="D4427" s="6">
        <v>3943.393</v>
      </c>
      <c r="E4427" s="6">
        <v>800.6979</v>
      </c>
    </row>
    <row r="4428" spans="4:5" x14ac:dyDescent="0.25">
      <c r="D4428" s="6">
        <v>2627.1010000000001</v>
      </c>
      <c r="E4428" s="6">
        <v>524.11090000000002</v>
      </c>
    </row>
    <row r="4429" spans="4:5" x14ac:dyDescent="0.25">
      <c r="D4429" s="6">
        <v>1242.625</v>
      </c>
      <c r="E4429" s="6">
        <v>465.613</v>
      </c>
    </row>
    <row r="4430" spans="4:5" x14ac:dyDescent="0.25">
      <c r="D4430" s="6">
        <v>3144.8739999999998</v>
      </c>
      <c r="E4430" s="6">
        <v>254.84690000000001</v>
      </c>
    </row>
    <row r="4431" spans="4:5" x14ac:dyDescent="0.25">
      <c r="D4431" s="6">
        <v>815.3125</v>
      </c>
      <c r="E4431" s="6">
        <v>523.60040000000004</v>
      </c>
    </row>
    <row r="4432" spans="4:5" x14ac:dyDescent="0.25">
      <c r="D4432" s="6">
        <v>1144.0340000000001</v>
      </c>
      <c r="E4432" s="6">
        <v>1195.1579999999999</v>
      </c>
    </row>
    <row r="4433" spans="4:5" x14ac:dyDescent="0.25">
      <c r="D4433" s="6">
        <v>1261.539</v>
      </c>
      <c r="E4433" s="6">
        <v>662.70839999999998</v>
      </c>
    </row>
    <row r="4434" spans="4:5" x14ac:dyDescent="0.25">
      <c r="D4434" s="6">
        <v>1485.713</v>
      </c>
      <c r="E4434" s="6">
        <v>3864.0859999999998</v>
      </c>
    </row>
    <row r="4435" spans="4:5" x14ac:dyDescent="0.25">
      <c r="D4435" s="6">
        <v>1320.6790000000001</v>
      </c>
      <c r="E4435" s="6">
        <v>206.119</v>
      </c>
    </row>
    <row r="4436" spans="4:5" x14ac:dyDescent="0.25">
      <c r="D4436" s="6">
        <v>1133.6600000000001</v>
      </c>
      <c r="E4436" s="6">
        <v>674.01329999999996</v>
      </c>
    </row>
    <row r="4437" spans="4:5" x14ac:dyDescent="0.25">
      <c r="D4437" s="6">
        <v>2181.335</v>
      </c>
      <c r="E4437" s="6">
        <v>633.34249999999997</v>
      </c>
    </row>
    <row r="4438" spans="4:5" x14ac:dyDescent="0.25">
      <c r="D4438" s="6">
        <v>719.99530000000004</v>
      </c>
      <c r="E4438" s="6">
        <v>785.48680000000002</v>
      </c>
    </row>
    <row r="4439" spans="4:5" x14ac:dyDescent="0.25">
      <c r="D4439" s="6">
        <v>849.07849999999996</v>
      </c>
      <c r="E4439" s="6">
        <v>624.88310000000001</v>
      </c>
    </row>
    <row r="4440" spans="4:5" x14ac:dyDescent="0.25">
      <c r="D4440" s="6">
        <v>737.899</v>
      </c>
      <c r="E4440" s="6">
        <v>1586</v>
      </c>
    </row>
    <row r="4441" spans="4:5" x14ac:dyDescent="0.25">
      <c r="D4441" s="6">
        <v>2872.7979999999998</v>
      </c>
      <c r="E4441" s="6">
        <v>174.08789999999999</v>
      </c>
    </row>
    <row r="4442" spans="4:5" x14ac:dyDescent="0.25">
      <c r="D4442" s="6">
        <v>791.97460000000001</v>
      </c>
      <c r="E4442" s="6">
        <v>1194.364</v>
      </c>
    </row>
    <row r="4443" spans="4:5" x14ac:dyDescent="0.25">
      <c r="D4443" s="6">
        <v>1107.4000000000001</v>
      </c>
      <c r="E4443" s="6">
        <v>471</v>
      </c>
    </row>
    <row r="4444" spans="4:5" x14ac:dyDescent="0.25">
      <c r="D4444" s="6">
        <v>3560.3620000000001</v>
      </c>
      <c r="E4444" s="6">
        <v>364.2167</v>
      </c>
    </row>
    <row r="4445" spans="4:5" x14ac:dyDescent="0.25">
      <c r="D4445" s="6">
        <v>1607.1780000000001</v>
      </c>
      <c r="E4445" s="6">
        <v>5499.4409999999998</v>
      </c>
    </row>
    <row r="4446" spans="4:5" x14ac:dyDescent="0.25">
      <c r="D4446" s="6">
        <v>645.28020000000004</v>
      </c>
      <c r="E4446" s="6">
        <v>647.32259999999997</v>
      </c>
    </row>
    <row r="4447" spans="4:5" x14ac:dyDescent="0.25">
      <c r="D4447" s="6">
        <v>2019.6849999999999</v>
      </c>
      <c r="E4447" s="6">
        <v>459.61880000000002</v>
      </c>
    </row>
    <row r="4448" spans="4:5" x14ac:dyDescent="0.25">
      <c r="D4448" s="6">
        <v>1735.4280000000001</v>
      </c>
      <c r="E4448" s="6">
        <v>476.80189999999999</v>
      </c>
    </row>
    <row r="4449" spans="4:5" x14ac:dyDescent="0.25">
      <c r="D4449" s="6">
        <v>3135.6930000000002</v>
      </c>
      <c r="E4449" s="6">
        <v>369.81079999999997</v>
      </c>
    </row>
    <row r="4450" spans="4:5" x14ac:dyDescent="0.25">
      <c r="D4450" s="6">
        <v>480.45350000000002</v>
      </c>
      <c r="E4450" s="6">
        <v>960.14980000000003</v>
      </c>
    </row>
    <row r="4451" spans="4:5" x14ac:dyDescent="0.25">
      <c r="D4451" s="6">
        <v>4291.4139999999998</v>
      </c>
      <c r="E4451" s="6">
        <v>1538.385</v>
      </c>
    </row>
    <row r="4452" spans="4:5" x14ac:dyDescent="0.25">
      <c r="D4452" s="6">
        <v>4261.3059999999996</v>
      </c>
      <c r="E4452" s="6">
        <v>1063.0930000000001</v>
      </c>
    </row>
    <row r="4453" spans="4:5" x14ac:dyDescent="0.25">
      <c r="D4453" s="6">
        <v>1544.51</v>
      </c>
      <c r="E4453" s="6">
        <v>417.33659999999998</v>
      </c>
    </row>
    <row r="4454" spans="4:5" x14ac:dyDescent="0.25">
      <c r="D4454" s="6">
        <v>5185.9889999999996</v>
      </c>
      <c r="E4454" s="6">
        <v>868.43529999999998</v>
      </c>
    </row>
    <row r="4455" spans="4:5" x14ac:dyDescent="0.25">
      <c r="D4455" s="6">
        <v>1073.318</v>
      </c>
      <c r="E4455" s="6">
        <v>807.3732</v>
      </c>
    </row>
    <row r="4456" spans="4:5" x14ac:dyDescent="0.25">
      <c r="D4456" s="6">
        <v>1881.5360000000001</v>
      </c>
      <c r="E4456" s="6">
        <v>480.66219999999998</v>
      </c>
    </row>
    <row r="4457" spans="4:5" x14ac:dyDescent="0.25">
      <c r="D4457" s="6">
        <v>1186.413</v>
      </c>
      <c r="E4457" s="6">
        <v>505.51499999999999</v>
      </c>
    </row>
    <row r="4458" spans="4:5" x14ac:dyDescent="0.25">
      <c r="D4458" s="6">
        <v>844.47739999999999</v>
      </c>
      <c r="E4458" s="6">
        <v>231.38890000000001</v>
      </c>
    </row>
    <row r="4459" spans="4:5" x14ac:dyDescent="0.25">
      <c r="D4459" s="6">
        <v>1686.7860000000001</v>
      </c>
      <c r="E4459" s="6">
        <v>549.29499999999996</v>
      </c>
    </row>
    <row r="4460" spans="4:5" x14ac:dyDescent="0.25">
      <c r="D4460" s="6">
        <v>3274.14</v>
      </c>
      <c r="E4460" s="6">
        <v>395.22219999999999</v>
      </c>
    </row>
    <row r="4461" spans="4:5" x14ac:dyDescent="0.25">
      <c r="D4461" s="6">
        <v>2195.4560000000001</v>
      </c>
      <c r="E4461" s="6">
        <v>466.81450000000001</v>
      </c>
    </row>
    <row r="4462" spans="4:5" x14ac:dyDescent="0.25">
      <c r="D4462" s="6">
        <v>645.00570000000005</v>
      </c>
      <c r="E4462" s="6">
        <v>538.58730000000003</v>
      </c>
    </row>
    <row r="4463" spans="4:5" x14ac:dyDescent="0.25">
      <c r="D4463" s="6">
        <v>987.52009999999996</v>
      </c>
      <c r="E4463" s="6">
        <v>3925.2860000000001</v>
      </c>
    </row>
    <row r="4464" spans="4:5" x14ac:dyDescent="0.25">
      <c r="D4464" s="6">
        <v>1293.693</v>
      </c>
      <c r="E4464" s="6">
        <v>580.10940000000005</v>
      </c>
    </row>
    <row r="4465" spans="4:5" x14ac:dyDescent="0.25">
      <c r="D4465" s="6">
        <v>1708.453</v>
      </c>
      <c r="E4465" s="6">
        <v>313.13709999999998</v>
      </c>
    </row>
    <row r="4466" spans="4:5" x14ac:dyDescent="0.25">
      <c r="D4466" s="6">
        <v>1670.934</v>
      </c>
      <c r="E4466" s="6">
        <v>733.80499999999995</v>
      </c>
    </row>
    <row r="4467" spans="4:5" x14ac:dyDescent="0.25">
      <c r="D4467" s="6">
        <v>3552.681</v>
      </c>
      <c r="E4467" s="6">
        <v>5578.567</v>
      </c>
    </row>
    <row r="4468" spans="4:5" x14ac:dyDescent="0.25">
      <c r="D4468" s="6">
        <v>4196.6099999999997</v>
      </c>
      <c r="E4468" s="6">
        <v>194.19489999999999</v>
      </c>
    </row>
    <row r="4469" spans="4:5" x14ac:dyDescent="0.25">
      <c r="D4469" s="6">
        <v>4749.8770000000004</v>
      </c>
      <c r="E4469" s="6">
        <v>962.33079999999995</v>
      </c>
    </row>
    <row r="4470" spans="4:5" x14ac:dyDescent="0.25">
      <c r="D4470" s="6">
        <v>1137.7619999999999</v>
      </c>
      <c r="E4470" s="6">
        <v>1038.7929999999999</v>
      </c>
    </row>
    <row r="4471" spans="4:5" x14ac:dyDescent="0.25">
      <c r="D4471" s="6">
        <v>820.09699999999998</v>
      </c>
      <c r="E4471" s="6">
        <v>187.5909</v>
      </c>
    </row>
    <row r="4472" spans="4:5" x14ac:dyDescent="0.25">
      <c r="D4472" s="6">
        <v>5729.5</v>
      </c>
      <c r="E4472" s="6">
        <v>990.6173</v>
      </c>
    </row>
    <row r="4473" spans="4:5" x14ac:dyDescent="0.25">
      <c r="D4473" s="6">
        <v>1191.547</v>
      </c>
      <c r="E4473" s="6">
        <v>2477.2179999999998</v>
      </c>
    </row>
    <row r="4474" spans="4:5" x14ac:dyDescent="0.25">
      <c r="D4474" s="6">
        <v>827.57349999999997</v>
      </c>
      <c r="E4474" s="6">
        <v>2349.1999999999998</v>
      </c>
    </row>
    <row r="4475" spans="4:5" x14ac:dyDescent="0.25">
      <c r="D4475" s="6">
        <v>1353.9449999999999</v>
      </c>
      <c r="E4475" s="6">
        <v>672.73450000000003</v>
      </c>
    </row>
    <row r="4476" spans="4:5" x14ac:dyDescent="0.25">
      <c r="D4476" s="6">
        <v>4872.1580000000004</v>
      </c>
      <c r="E4476" s="6">
        <v>2886.5079999999998</v>
      </c>
    </row>
    <row r="4477" spans="4:5" x14ac:dyDescent="0.25">
      <c r="D4477" s="6">
        <v>1181.903</v>
      </c>
      <c r="E4477" s="6">
        <v>187.11689999999999</v>
      </c>
    </row>
    <row r="4478" spans="4:5" x14ac:dyDescent="0.25">
      <c r="D4478" s="6">
        <v>876.55280000000005</v>
      </c>
      <c r="E4478" s="6">
        <v>499.7953</v>
      </c>
    </row>
    <row r="4479" spans="4:5" x14ac:dyDescent="0.25">
      <c r="D4479" s="6">
        <v>5434.4750000000004</v>
      </c>
      <c r="E4479" s="6">
        <v>472.09800000000001</v>
      </c>
    </row>
    <row r="4480" spans="4:5" x14ac:dyDescent="0.25">
      <c r="D4480" s="6">
        <v>1556.5530000000001</v>
      </c>
      <c r="E4480" s="6">
        <v>356.35939999999999</v>
      </c>
    </row>
    <row r="4481" spans="4:5" x14ac:dyDescent="0.25">
      <c r="D4481" s="6">
        <v>1660.3330000000001</v>
      </c>
      <c r="E4481" s="6">
        <v>425.51280000000003</v>
      </c>
    </row>
    <row r="4482" spans="4:5" x14ac:dyDescent="0.25">
      <c r="D4482" s="6">
        <v>1612.7940000000001</v>
      </c>
      <c r="E4482" s="6">
        <v>6247</v>
      </c>
    </row>
    <row r="4483" spans="4:5" x14ac:dyDescent="0.25">
      <c r="D4483" s="6">
        <v>3644.98</v>
      </c>
      <c r="E4483" s="6">
        <v>382.6669</v>
      </c>
    </row>
    <row r="4484" spans="4:5" x14ac:dyDescent="0.25">
      <c r="D4484" s="6">
        <v>1611.02</v>
      </c>
      <c r="E4484" s="6">
        <v>4226.46</v>
      </c>
    </row>
    <row r="4485" spans="4:5" x14ac:dyDescent="0.25">
      <c r="D4485" s="6">
        <v>1109.1020000000001</v>
      </c>
      <c r="E4485" s="6">
        <v>530.29999999999995</v>
      </c>
    </row>
    <row r="4486" spans="4:5" x14ac:dyDescent="0.25">
      <c r="D4486" s="6">
        <v>1487.5809999999999</v>
      </c>
      <c r="E4486" s="6">
        <v>515.16830000000004</v>
      </c>
    </row>
    <row r="4487" spans="4:5" x14ac:dyDescent="0.25">
      <c r="D4487" s="6">
        <v>1292.241</v>
      </c>
      <c r="E4487" s="6">
        <v>683.17849999999999</v>
      </c>
    </row>
    <row r="4488" spans="4:5" x14ac:dyDescent="0.25">
      <c r="D4488" s="6">
        <v>1994.499</v>
      </c>
      <c r="E4488" s="6">
        <v>862.80489999999998</v>
      </c>
    </row>
    <row r="4489" spans="4:5" x14ac:dyDescent="0.25">
      <c r="D4489" s="6">
        <v>1304.626</v>
      </c>
      <c r="E4489" s="6">
        <v>555.99469999999997</v>
      </c>
    </row>
    <row r="4490" spans="4:5" x14ac:dyDescent="0.25">
      <c r="D4490" s="6">
        <v>929.92049999999995</v>
      </c>
      <c r="E4490" s="6">
        <v>965.08910000000003</v>
      </c>
    </row>
    <row r="4491" spans="4:5" x14ac:dyDescent="0.25">
      <c r="D4491" s="6">
        <v>792.34130000000005</v>
      </c>
      <c r="E4491" s="6">
        <v>711.98559999999998</v>
      </c>
    </row>
    <row r="4492" spans="4:5" x14ac:dyDescent="0.25">
      <c r="D4492" s="6">
        <v>3799.873</v>
      </c>
      <c r="E4492" s="6">
        <v>177.15280000000001</v>
      </c>
    </row>
    <row r="4493" spans="4:5" x14ac:dyDescent="0.25">
      <c r="D4493" s="6">
        <v>1304.25</v>
      </c>
      <c r="E4493" s="6">
        <v>3196.415</v>
      </c>
    </row>
    <row r="4494" spans="4:5" x14ac:dyDescent="0.25">
      <c r="D4494" s="6">
        <v>2146.165</v>
      </c>
      <c r="E4494" s="6">
        <v>1135.51</v>
      </c>
    </row>
    <row r="4495" spans="4:5" x14ac:dyDescent="0.25">
      <c r="D4495" s="6">
        <v>817.81029999999998</v>
      </c>
      <c r="E4495" s="6">
        <v>1342.5029999999999</v>
      </c>
    </row>
    <row r="4496" spans="4:5" x14ac:dyDescent="0.25">
      <c r="D4496" s="6">
        <v>890.90150000000006</v>
      </c>
      <c r="E4496" s="6">
        <v>521.68979999999999</v>
      </c>
    </row>
    <row r="4497" spans="4:5" x14ac:dyDescent="0.25">
      <c r="D4497" s="6">
        <v>699.36680000000001</v>
      </c>
      <c r="E4497" s="6">
        <v>577.70370000000003</v>
      </c>
    </row>
    <row r="4498" spans="4:5" x14ac:dyDescent="0.25">
      <c r="D4498" s="6">
        <v>2322.7950000000001</v>
      </c>
      <c r="E4498" s="6">
        <v>636.84370000000001</v>
      </c>
    </row>
    <row r="4499" spans="4:5" x14ac:dyDescent="0.25">
      <c r="D4499" s="6">
        <v>586.5</v>
      </c>
      <c r="E4499" s="6">
        <v>499.21359999999999</v>
      </c>
    </row>
    <row r="4500" spans="4:5" x14ac:dyDescent="0.25">
      <c r="D4500" s="6">
        <v>1400.691</v>
      </c>
      <c r="E4500" s="6">
        <v>843.64350000000002</v>
      </c>
    </row>
    <row r="4501" spans="4:5" x14ac:dyDescent="0.25">
      <c r="D4501" s="6">
        <v>1332.056</v>
      </c>
      <c r="E4501" s="6">
        <v>573.29</v>
      </c>
    </row>
    <row r="4502" spans="4:5" x14ac:dyDescent="0.25">
      <c r="D4502" s="6">
        <v>813.87699999999995</v>
      </c>
      <c r="E4502" s="6">
        <v>763.71450000000004</v>
      </c>
    </row>
    <row r="4503" spans="4:5" x14ac:dyDescent="0.25">
      <c r="D4503" s="6">
        <v>668.06970000000001</v>
      </c>
      <c r="E4503" s="6">
        <v>454.5625</v>
      </c>
    </row>
    <row r="4504" spans="4:5" x14ac:dyDescent="0.25">
      <c r="D4504" s="6">
        <v>1552.7819999999999</v>
      </c>
      <c r="E4504" s="6">
        <v>530.66840000000002</v>
      </c>
    </row>
    <row r="4505" spans="4:5" x14ac:dyDescent="0.25">
      <c r="D4505" s="6">
        <v>1781.0940000000001</v>
      </c>
      <c r="E4505" s="6">
        <v>535.26319999999998</v>
      </c>
    </row>
    <row r="4506" spans="4:5" x14ac:dyDescent="0.25">
      <c r="D4506" s="6">
        <v>788.64670000000001</v>
      </c>
      <c r="E4506" s="6">
        <v>1804.675</v>
      </c>
    </row>
    <row r="4507" spans="4:5" x14ac:dyDescent="0.25">
      <c r="D4507" s="6">
        <v>663.0231</v>
      </c>
      <c r="E4507" s="6">
        <v>2460.8519999999999</v>
      </c>
    </row>
    <row r="4508" spans="4:5" x14ac:dyDescent="0.25">
      <c r="D4508" s="6">
        <v>1685.095</v>
      </c>
      <c r="E4508" s="6">
        <v>181.9648</v>
      </c>
    </row>
    <row r="4509" spans="4:5" x14ac:dyDescent="0.25">
      <c r="D4509" s="6">
        <v>1783.31</v>
      </c>
      <c r="E4509" s="6">
        <v>171.40100000000001</v>
      </c>
    </row>
    <row r="4510" spans="4:5" x14ac:dyDescent="0.25">
      <c r="D4510" s="6">
        <v>3007.538</v>
      </c>
      <c r="E4510" s="6">
        <v>597.92859999999996</v>
      </c>
    </row>
    <row r="4511" spans="4:5" x14ac:dyDescent="0.25">
      <c r="D4511" s="6">
        <v>4565.1660000000002</v>
      </c>
      <c r="E4511" s="6">
        <v>632.16669999999999</v>
      </c>
    </row>
    <row r="4512" spans="4:5" x14ac:dyDescent="0.25">
      <c r="D4512" s="6">
        <v>1071.586</v>
      </c>
      <c r="E4512" s="6">
        <v>388.6</v>
      </c>
    </row>
    <row r="4513" spans="4:5" x14ac:dyDescent="0.25">
      <c r="D4513" s="6">
        <v>944.16549999999995</v>
      </c>
      <c r="E4513" s="6">
        <v>921.28570000000002</v>
      </c>
    </row>
    <row r="4514" spans="4:5" x14ac:dyDescent="0.25">
      <c r="D4514" s="6">
        <v>958</v>
      </c>
      <c r="E4514" s="6">
        <v>166.75710000000001</v>
      </c>
    </row>
    <row r="4515" spans="4:5" x14ac:dyDescent="0.25">
      <c r="D4515" s="6">
        <v>2437.7069999999999</v>
      </c>
      <c r="E4515" s="6">
        <v>617.47370000000001</v>
      </c>
    </row>
    <row r="4516" spans="4:5" x14ac:dyDescent="0.25">
      <c r="D4516" s="6">
        <v>357.0693</v>
      </c>
      <c r="E4516" s="6">
        <v>635.07839999999999</v>
      </c>
    </row>
    <row r="4517" spans="4:5" x14ac:dyDescent="0.25">
      <c r="D4517" s="6">
        <v>532.81920000000002</v>
      </c>
      <c r="E4517" s="6">
        <v>453.07960000000003</v>
      </c>
    </row>
    <row r="4518" spans="4:5" x14ac:dyDescent="0.25">
      <c r="D4518" s="6">
        <v>958.42870000000005</v>
      </c>
      <c r="E4518" s="6">
        <v>3571.6210000000001</v>
      </c>
    </row>
    <row r="4519" spans="4:5" x14ac:dyDescent="0.25">
      <c r="D4519" s="6">
        <v>1372.136</v>
      </c>
      <c r="E4519" s="6">
        <v>1102.4259999999999</v>
      </c>
    </row>
    <row r="4520" spans="4:5" x14ac:dyDescent="0.25">
      <c r="D4520" s="6">
        <v>4164.549</v>
      </c>
      <c r="E4520" s="6">
        <v>175.94120000000001</v>
      </c>
    </row>
    <row r="4521" spans="4:5" x14ac:dyDescent="0.25">
      <c r="D4521" s="6">
        <v>2724.1089999999999</v>
      </c>
      <c r="E4521" s="6">
        <v>176.1515</v>
      </c>
    </row>
    <row r="4522" spans="4:5" x14ac:dyDescent="0.25">
      <c r="D4522" s="6">
        <v>2914.9830000000002</v>
      </c>
      <c r="E4522" s="6">
        <v>3274.973</v>
      </c>
    </row>
    <row r="4523" spans="4:5" x14ac:dyDescent="0.25">
      <c r="D4523" s="6">
        <v>3294.0680000000002</v>
      </c>
      <c r="E4523" s="6">
        <v>398.03070000000002</v>
      </c>
    </row>
    <row r="4524" spans="4:5" x14ac:dyDescent="0.25">
      <c r="D4524" s="6">
        <v>3982.739</v>
      </c>
      <c r="E4524" s="6">
        <v>180.5351</v>
      </c>
    </row>
    <row r="4525" spans="4:5" x14ac:dyDescent="0.25">
      <c r="D4525" s="6">
        <v>1104.741</v>
      </c>
      <c r="E4525" s="6">
        <v>1479.817</v>
      </c>
    </row>
    <row r="4526" spans="4:5" x14ac:dyDescent="0.25">
      <c r="D4526" s="6">
        <v>776.14400000000001</v>
      </c>
      <c r="E4526" s="6">
        <v>805.54200000000003</v>
      </c>
    </row>
    <row r="4527" spans="4:5" x14ac:dyDescent="0.25">
      <c r="D4527" s="6">
        <v>745.40200000000004</v>
      </c>
      <c r="E4527" s="6">
        <v>1079.1410000000001</v>
      </c>
    </row>
    <row r="4528" spans="4:5" x14ac:dyDescent="0.25">
      <c r="D4528" s="6">
        <v>1390.8989999999999</v>
      </c>
      <c r="E4528" s="6">
        <v>318.45589999999999</v>
      </c>
    </row>
    <row r="4529" spans="4:5" x14ac:dyDescent="0.25">
      <c r="D4529" s="6">
        <v>2734.6390000000001</v>
      </c>
      <c r="E4529" s="6">
        <v>220.47370000000001</v>
      </c>
    </row>
    <row r="4530" spans="4:5" x14ac:dyDescent="0.25">
      <c r="D4530" s="6">
        <v>927.24810000000002</v>
      </c>
      <c r="E4530" s="6">
        <v>588.2808</v>
      </c>
    </row>
    <row r="4531" spans="4:5" x14ac:dyDescent="0.25">
      <c r="D4531" s="6">
        <v>3179.9609999999998</v>
      </c>
      <c r="E4531" s="6">
        <v>182.22219999999999</v>
      </c>
    </row>
    <row r="4532" spans="4:5" x14ac:dyDescent="0.25">
      <c r="D4532" s="6">
        <v>3911.5059999999999</v>
      </c>
      <c r="E4532" s="6">
        <v>219.6927</v>
      </c>
    </row>
    <row r="4533" spans="4:5" x14ac:dyDescent="0.25">
      <c r="D4533" s="6">
        <v>4630.0339999999997</v>
      </c>
      <c r="E4533" s="6">
        <v>1171.4929999999999</v>
      </c>
    </row>
    <row r="4534" spans="4:5" x14ac:dyDescent="0.25">
      <c r="D4534" s="6">
        <v>933.88980000000004</v>
      </c>
      <c r="E4534" s="6">
        <v>368.48360000000002</v>
      </c>
    </row>
    <row r="4535" spans="4:5" x14ac:dyDescent="0.25">
      <c r="D4535" s="6">
        <v>1632.633</v>
      </c>
      <c r="E4535" s="6">
        <v>331.96559999999999</v>
      </c>
    </row>
    <row r="4536" spans="4:5" x14ac:dyDescent="0.25">
      <c r="D4536" s="6">
        <v>819.52369999999996</v>
      </c>
      <c r="E4536" s="6">
        <v>1551.306</v>
      </c>
    </row>
    <row r="4537" spans="4:5" x14ac:dyDescent="0.25">
      <c r="D4537" s="6">
        <v>1704.471</v>
      </c>
      <c r="E4537" s="6">
        <v>487.30770000000001</v>
      </c>
    </row>
    <row r="4538" spans="4:5" x14ac:dyDescent="0.25">
      <c r="D4538" s="6">
        <v>954.97249999999997</v>
      </c>
      <c r="E4538" s="6">
        <v>289.00630000000001</v>
      </c>
    </row>
    <row r="4539" spans="4:5" x14ac:dyDescent="0.25">
      <c r="D4539" s="6">
        <v>1237.7570000000001</v>
      </c>
      <c r="E4539" s="6">
        <v>587.16279999999995</v>
      </c>
    </row>
    <row r="4540" spans="4:5" x14ac:dyDescent="0.25">
      <c r="D4540" s="6">
        <v>2000.9259999999999</v>
      </c>
      <c r="E4540" s="6">
        <v>620.53499999999997</v>
      </c>
    </row>
    <row r="4541" spans="4:5" x14ac:dyDescent="0.25">
      <c r="D4541" s="6">
        <v>2466.393</v>
      </c>
      <c r="E4541" s="6">
        <v>249.0838</v>
      </c>
    </row>
    <row r="4542" spans="4:5" x14ac:dyDescent="0.25">
      <c r="D4542" s="6">
        <v>1740.876</v>
      </c>
      <c r="E4542" s="6">
        <v>1612.7560000000001</v>
      </c>
    </row>
    <row r="4543" spans="4:5" x14ac:dyDescent="0.25">
      <c r="D4543" s="6">
        <v>1196.865</v>
      </c>
      <c r="E4543" s="6">
        <v>797.1635</v>
      </c>
    </row>
    <row r="4544" spans="4:5" x14ac:dyDescent="0.25">
      <c r="D4544" s="6">
        <v>854.10599999999999</v>
      </c>
      <c r="E4544" s="6">
        <v>872.99850000000004</v>
      </c>
    </row>
    <row r="4545" spans="4:5" x14ac:dyDescent="0.25">
      <c r="D4545" s="6">
        <v>630.56659999999999</v>
      </c>
      <c r="E4545" s="6">
        <v>3257.3130000000001</v>
      </c>
    </row>
    <row r="4546" spans="4:5" x14ac:dyDescent="0.25">
      <c r="D4546" s="6">
        <v>388.0231</v>
      </c>
      <c r="E4546" s="6">
        <v>171.47450000000001</v>
      </c>
    </row>
    <row r="4547" spans="4:5" x14ac:dyDescent="0.25">
      <c r="D4547" s="6">
        <v>1147.5930000000001</v>
      </c>
      <c r="E4547" s="6">
        <v>185.28790000000001</v>
      </c>
    </row>
    <row r="4548" spans="4:5" x14ac:dyDescent="0.25">
      <c r="D4548" s="6">
        <v>1162.056</v>
      </c>
      <c r="E4548" s="6">
        <v>547.29999999999995</v>
      </c>
    </row>
    <row r="4549" spans="4:5" x14ac:dyDescent="0.25">
      <c r="D4549" s="6">
        <v>1552.021</v>
      </c>
      <c r="E4549" s="6">
        <v>175.95650000000001</v>
      </c>
    </row>
    <row r="4550" spans="4:5" x14ac:dyDescent="0.25">
      <c r="D4550" s="6">
        <v>1481.4760000000001</v>
      </c>
      <c r="E4550" s="6">
        <v>482.84989999999999</v>
      </c>
    </row>
    <row r="4551" spans="4:5" x14ac:dyDescent="0.25">
      <c r="D4551" s="6">
        <v>1285.31</v>
      </c>
      <c r="E4551" s="6">
        <v>2352.4490000000001</v>
      </c>
    </row>
    <row r="4552" spans="4:5" x14ac:dyDescent="0.25">
      <c r="D4552" s="6">
        <v>4091.7510000000002</v>
      </c>
      <c r="E4552" s="6">
        <v>367.87079999999997</v>
      </c>
    </row>
    <row r="4553" spans="4:5" x14ac:dyDescent="0.25">
      <c r="D4553" s="6">
        <v>974.84100000000001</v>
      </c>
      <c r="E4553" s="6">
        <v>468.77780000000001</v>
      </c>
    </row>
    <row r="4554" spans="4:5" x14ac:dyDescent="0.25">
      <c r="D4554" s="6">
        <v>531.05560000000003</v>
      </c>
      <c r="E4554" s="6">
        <v>5847.91</v>
      </c>
    </row>
    <row r="4555" spans="4:5" x14ac:dyDescent="0.25">
      <c r="D4555" s="6">
        <v>4155.4960000000001</v>
      </c>
      <c r="E4555" s="6">
        <v>931.85789999999997</v>
      </c>
    </row>
    <row r="4556" spans="4:5" x14ac:dyDescent="0.25">
      <c r="D4556" s="6">
        <v>2139.1619999999998</v>
      </c>
      <c r="E4556" s="6">
        <v>181.1174</v>
      </c>
    </row>
    <row r="4557" spans="4:5" x14ac:dyDescent="0.25">
      <c r="D4557" s="6">
        <v>1020.646</v>
      </c>
      <c r="E4557" s="6">
        <v>172.18940000000001</v>
      </c>
    </row>
    <row r="4558" spans="4:5" x14ac:dyDescent="0.25">
      <c r="D4558" s="6">
        <v>1164.7460000000001</v>
      </c>
      <c r="E4558" s="6">
        <v>163.0256</v>
      </c>
    </row>
    <row r="4559" spans="4:5" x14ac:dyDescent="0.25">
      <c r="D4559" s="6">
        <v>956.17499999999995</v>
      </c>
      <c r="E4559" s="6">
        <v>328.30309999999997</v>
      </c>
    </row>
    <row r="4560" spans="4:5" x14ac:dyDescent="0.25">
      <c r="D4560" s="6">
        <v>3540.6320000000001</v>
      </c>
      <c r="E4560" s="6">
        <v>585.40160000000003</v>
      </c>
    </row>
    <row r="4561" spans="4:5" x14ac:dyDescent="0.25">
      <c r="D4561" s="6">
        <v>2823.6190000000001</v>
      </c>
      <c r="E4561" s="6">
        <v>439.04239999999999</v>
      </c>
    </row>
    <row r="4562" spans="4:5" x14ac:dyDescent="0.25">
      <c r="D4562" s="6">
        <v>1017.88</v>
      </c>
      <c r="E4562" s="6">
        <v>244.39590000000001</v>
      </c>
    </row>
    <row r="4563" spans="4:5" x14ac:dyDescent="0.25">
      <c r="D4563" s="6">
        <v>2233.634</v>
      </c>
      <c r="E4563" s="6">
        <v>2738.3090000000002</v>
      </c>
    </row>
    <row r="4564" spans="4:5" x14ac:dyDescent="0.25">
      <c r="D4564" s="6">
        <v>1102.896</v>
      </c>
      <c r="E4564" s="6">
        <v>4613.3410000000003</v>
      </c>
    </row>
    <row r="4565" spans="4:5" x14ac:dyDescent="0.25">
      <c r="D4565" s="6">
        <v>1850.5509999999999</v>
      </c>
      <c r="E4565" s="6">
        <v>192.80770000000001</v>
      </c>
    </row>
    <row r="4566" spans="4:5" x14ac:dyDescent="0.25">
      <c r="D4566" s="6">
        <v>3967.288</v>
      </c>
      <c r="E4566" s="6">
        <v>444.83929999999998</v>
      </c>
    </row>
    <row r="4567" spans="4:5" x14ac:dyDescent="0.25">
      <c r="D4567" s="6">
        <v>2093.5010000000002</v>
      </c>
      <c r="E4567" s="6">
        <v>3299.9009999999998</v>
      </c>
    </row>
    <row r="4568" spans="4:5" x14ac:dyDescent="0.25">
      <c r="D4568" s="6">
        <v>720.76940000000002</v>
      </c>
      <c r="E4568" s="6">
        <v>190.34010000000001</v>
      </c>
    </row>
    <row r="4569" spans="4:5" x14ac:dyDescent="0.25">
      <c r="D4569" s="6">
        <v>1128.6199999999999</v>
      </c>
      <c r="E4569" s="6">
        <v>385.08499999999998</v>
      </c>
    </row>
    <row r="4570" spans="4:5" x14ac:dyDescent="0.25">
      <c r="D4570" s="6">
        <v>1125.579</v>
      </c>
      <c r="E4570" s="6">
        <v>559.23670000000004</v>
      </c>
    </row>
    <row r="4571" spans="4:5" x14ac:dyDescent="0.25">
      <c r="D4571" s="6">
        <v>1676.0830000000001</v>
      </c>
      <c r="E4571" s="6">
        <v>149.8245</v>
      </c>
    </row>
    <row r="4572" spans="4:5" x14ac:dyDescent="0.25">
      <c r="D4572" s="6">
        <v>3839.0880000000002</v>
      </c>
      <c r="E4572" s="6">
        <v>197.33629999999999</v>
      </c>
    </row>
    <row r="4573" spans="4:5" x14ac:dyDescent="0.25">
      <c r="D4573" s="6">
        <v>1288.5999999999999</v>
      </c>
      <c r="E4573" s="6">
        <v>338.51620000000003</v>
      </c>
    </row>
    <row r="4574" spans="4:5" x14ac:dyDescent="0.25">
      <c r="D4574" s="6">
        <v>1251.1790000000001</v>
      </c>
      <c r="E4574" s="6">
        <v>2897.6129999999998</v>
      </c>
    </row>
    <row r="4575" spans="4:5" x14ac:dyDescent="0.25">
      <c r="D4575" s="6">
        <v>1792.19</v>
      </c>
      <c r="E4575" s="6">
        <v>610.80520000000001</v>
      </c>
    </row>
    <row r="4576" spans="4:5" x14ac:dyDescent="0.25">
      <c r="D4576" s="6">
        <v>1597.1769999999999</v>
      </c>
      <c r="E4576" s="6">
        <v>1561.0930000000001</v>
      </c>
    </row>
    <row r="4577" spans="4:5" x14ac:dyDescent="0.25">
      <c r="D4577" s="6">
        <v>1736.098</v>
      </c>
      <c r="E4577" s="6">
        <v>294.71730000000002</v>
      </c>
    </row>
    <row r="4578" spans="4:5" x14ac:dyDescent="0.25">
      <c r="D4578" s="6">
        <v>648.25909999999999</v>
      </c>
      <c r="E4578" s="6">
        <v>415.64890000000003</v>
      </c>
    </row>
    <row r="4579" spans="4:5" x14ac:dyDescent="0.25">
      <c r="D4579" s="6">
        <v>813.15430000000003</v>
      </c>
      <c r="E4579" s="6">
        <v>165.74529999999999</v>
      </c>
    </row>
    <row r="4580" spans="4:5" x14ac:dyDescent="0.25">
      <c r="D4580" s="6">
        <v>1278.3879999999999</v>
      </c>
      <c r="E4580" s="6">
        <v>376.11540000000002</v>
      </c>
    </row>
    <row r="4581" spans="4:5" x14ac:dyDescent="0.25">
      <c r="D4581" s="6">
        <v>972.85559999999998</v>
      </c>
      <c r="E4581" s="6">
        <v>999.85410000000002</v>
      </c>
    </row>
    <row r="4582" spans="4:5" x14ac:dyDescent="0.25">
      <c r="D4582" s="6">
        <v>925.87940000000003</v>
      </c>
      <c r="E4582" s="6">
        <v>3150.8649999999998</v>
      </c>
    </row>
    <row r="4583" spans="4:5" x14ac:dyDescent="0.25">
      <c r="D4583" s="6">
        <v>7279.81</v>
      </c>
      <c r="E4583" s="6">
        <v>169.03819999999999</v>
      </c>
    </row>
    <row r="4584" spans="4:5" x14ac:dyDescent="0.25">
      <c r="D4584" s="6">
        <v>2074.451</v>
      </c>
      <c r="E4584" s="6">
        <v>181.09630000000001</v>
      </c>
    </row>
    <row r="4585" spans="4:5" x14ac:dyDescent="0.25">
      <c r="D4585" s="6">
        <v>998.28049999999996</v>
      </c>
      <c r="E4585" s="6">
        <v>478.26339999999999</v>
      </c>
    </row>
    <row r="4586" spans="4:5" x14ac:dyDescent="0.25">
      <c r="D4586" s="6">
        <v>2291.1640000000002</v>
      </c>
      <c r="E4586" s="6">
        <v>1563.6310000000001</v>
      </c>
    </row>
    <row r="4587" spans="4:5" x14ac:dyDescent="0.25">
      <c r="D4587" s="6">
        <v>2052.8159999999998</v>
      </c>
      <c r="E4587" s="6">
        <v>178.24209999999999</v>
      </c>
    </row>
    <row r="4588" spans="4:5" x14ac:dyDescent="0.25">
      <c r="D4588" s="6">
        <v>4266.3549999999996</v>
      </c>
      <c r="E4588" s="6">
        <v>507.96899999999999</v>
      </c>
    </row>
    <row r="4589" spans="4:5" x14ac:dyDescent="0.25">
      <c r="D4589" s="6">
        <v>3555.585</v>
      </c>
      <c r="E4589" s="6">
        <v>377.85989999999998</v>
      </c>
    </row>
    <row r="4590" spans="4:5" x14ac:dyDescent="0.25">
      <c r="D4590" s="6">
        <v>2224.1770000000001</v>
      </c>
      <c r="E4590" s="6">
        <v>175.52</v>
      </c>
    </row>
    <row r="4591" spans="4:5" x14ac:dyDescent="0.25">
      <c r="D4591" s="6">
        <v>1161.7190000000001</v>
      </c>
      <c r="E4591" s="6">
        <v>446.69080000000002</v>
      </c>
    </row>
    <row r="4592" spans="4:5" x14ac:dyDescent="0.25">
      <c r="D4592" s="6">
        <v>1027.942</v>
      </c>
      <c r="E4592" s="6">
        <v>276.78129999999999</v>
      </c>
    </row>
    <row r="4593" spans="4:5" x14ac:dyDescent="0.25">
      <c r="D4593" s="6">
        <v>607.98310000000004</v>
      </c>
      <c r="E4593" s="6">
        <v>310.63380000000001</v>
      </c>
    </row>
    <row r="4594" spans="4:5" x14ac:dyDescent="0.25">
      <c r="D4594" s="6">
        <v>927.048</v>
      </c>
      <c r="E4594" s="6">
        <v>340.45159999999998</v>
      </c>
    </row>
    <row r="4595" spans="4:5" x14ac:dyDescent="0.25">
      <c r="D4595" s="6">
        <v>1610.2860000000001</v>
      </c>
      <c r="E4595" s="6">
        <v>345.01209999999998</v>
      </c>
    </row>
    <row r="4596" spans="4:5" x14ac:dyDescent="0.25">
      <c r="D4596" s="6">
        <v>663.82539999999995</v>
      </c>
      <c r="E4596" s="6">
        <v>364.26100000000002</v>
      </c>
    </row>
    <row r="4597" spans="4:5" x14ac:dyDescent="0.25">
      <c r="D4597" s="6">
        <v>1124.771</v>
      </c>
      <c r="E4597" s="6">
        <v>375.4579</v>
      </c>
    </row>
    <row r="4598" spans="4:5" x14ac:dyDescent="0.25">
      <c r="D4598" s="6">
        <v>1560.8979999999999</v>
      </c>
      <c r="E4598" s="6">
        <v>505.6721</v>
      </c>
    </row>
    <row r="4599" spans="4:5" x14ac:dyDescent="0.25">
      <c r="D4599" s="6">
        <v>559.21040000000005</v>
      </c>
      <c r="E4599" s="6">
        <v>549.2047</v>
      </c>
    </row>
    <row r="4600" spans="4:5" x14ac:dyDescent="0.25">
      <c r="D4600" s="6">
        <v>2054.0129999999999</v>
      </c>
      <c r="E4600" s="6">
        <v>296.28140000000002</v>
      </c>
    </row>
    <row r="4601" spans="4:5" x14ac:dyDescent="0.25">
      <c r="D4601" s="6">
        <v>1022.109</v>
      </c>
      <c r="E4601" s="6">
        <v>213.4462</v>
      </c>
    </row>
    <row r="4602" spans="4:5" x14ac:dyDescent="0.25">
      <c r="D4602" s="6">
        <v>2583.0650000000001</v>
      </c>
      <c r="E4602" s="6">
        <v>331.80419999999998</v>
      </c>
    </row>
    <row r="4603" spans="4:5" x14ac:dyDescent="0.25">
      <c r="D4603" s="6">
        <v>1778.9349999999999</v>
      </c>
      <c r="E4603" s="6">
        <v>641.92449999999997</v>
      </c>
    </row>
    <row r="4604" spans="4:5" x14ac:dyDescent="0.25">
      <c r="D4604" s="6">
        <v>2298.556</v>
      </c>
      <c r="E4604" s="6">
        <v>165.89250000000001</v>
      </c>
    </row>
    <row r="4605" spans="4:5" x14ac:dyDescent="0.25">
      <c r="D4605" s="6">
        <v>1098.913</v>
      </c>
      <c r="E4605" s="6">
        <v>161.4127</v>
      </c>
    </row>
    <row r="4606" spans="4:5" x14ac:dyDescent="0.25">
      <c r="D4606" s="6">
        <v>3059.752</v>
      </c>
      <c r="E4606" s="6">
        <v>1198.6969999999999</v>
      </c>
    </row>
    <row r="4607" spans="4:5" x14ac:dyDescent="0.25">
      <c r="D4607" s="6">
        <v>2722.3989999999999</v>
      </c>
      <c r="E4607" s="6">
        <v>289.96629999999999</v>
      </c>
    </row>
    <row r="4608" spans="4:5" x14ac:dyDescent="0.25">
      <c r="D4608" s="6">
        <v>1334.316</v>
      </c>
      <c r="E4608" s="6">
        <v>2846.857</v>
      </c>
    </row>
    <row r="4609" spans="4:5" x14ac:dyDescent="0.25">
      <c r="D4609" s="6">
        <v>1174.3779999999999</v>
      </c>
      <c r="E4609" s="6">
        <v>350.05259999999998</v>
      </c>
    </row>
    <row r="4610" spans="4:5" x14ac:dyDescent="0.25">
      <c r="D4610" s="6">
        <v>1366.453</v>
      </c>
      <c r="E4610" s="6">
        <v>247.24199999999999</v>
      </c>
    </row>
    <row r="4611" spans="4:5" x14ac:dyDescent="0.25">
      <c r="D4611" s="6">
        <v>1166.3399999999999</v>
      </c>
      <c r="E4611" s="6">
        <v>661.38610000000006</v>
      </c>
    </row>
    <row r="4612" spans="4:5" x14ac:dyDescent="0.25">
      <c r="D4612" s="6">
        <v>1510.0450000000001</v>
      </c>
      <c r="E4612" s="6">
        <v>340.25810000000001</v>
      </c>
    </row>
    <row r="4613" spans="4:5" x14ac:dyDescent="0.25">
      <c r="D4613" s="6">
        <v>5043.6869999999999</v>
      </c>
      <c r="E4613" s="6">
        <v>247.01480000000001</v>
      </c>
    </row>
    <row r="4614" spans="4:5" x14ac:dyDescent="0.25">
      <c r="D4614" s="6">
        <v>3924.8870000000002</v>
      </c>
      <c r="E4614" s="6">
        <v>263.24959999999999</v>
      </c>
    </row>
    <row r="4615" spans="4:5" x14ac:dyDescent="0.25">
      <c r="D4615" s="6">
        <v>3981.7489999999998</v>
      </c>
      <c r="E4615" s="6">
        <v>164.70050000000001</v>
      </c>
    </row>
    <row r="4616" spans="4:5" x14ac:dyDescent="0.25">
      <c r="D4616" s="6">
        <v>1044.943</v>
      </c>
      <c r="E4616" s="6">
        <v>328.02100000000002</v>
      </c>
    </row>
    <row r="4617" spans="4:5" x14ac:dyDescent="0.25">
      <c r="D4617" s="6">
        <v>1353.421</v>
      </c>
      <c r="E4617" s="6">
        <v>14422.65</v>
      </c>
    </row>
    <row r="4618" spans="4:5" x14ac:dyDescent="0.25">
      <c r="D4618" s="6">
        <v>941.91780000000006</v>
      </c>
      <c r="E4618" s="6">
        <v>525.20000000000005</v>
      </c>
    </row>
    <row r="4619" spans="4:5" x14ac:dyDescent="0.25">
      <c r="D4619" s="6">
        <v>2799.43</v>
      </c>
      <c r="E4619" s="6">
        <v>403.83350000000002</v>
      </c>
    </row>
    <row r="4620" spans="4:5" x14ac:dyDescent="0.25">
      <c r="D4620" s="6">
        <v>2925.4119999999998</v>
      </c>
      <c r="E4620" s="6">
        <v>222.45590000000001</v>
      </c>
    </row>
    <row r="4621" spans="4:5" x14ac:dyDescent="0.25">
      <c r="D4621" s="6">
        <v>727.44989999999996</v>
      </c>
      <c r="E4621" s="6">
        <v>272.69229999999999</v>
      </c>
    </row>
    <row r="4622" spans="4:5" x14ac:dyDescent="0.25">
      <c r="D4622" s="6">
        <v>2204.2220000000002</v>
      </c>
      <c r="E4622" s="6">
        <v>368.399</v>
      </c>
    </row>
    <row r="4623" spans="4:5" x14ac:dyDescent="0.25">
      <c r="D4623" s="6">
        <v>804.5</v>
      </c>
      <c r="E4623" s="6">
        <v>310.62270000000001</v>
      </c>
    </row>
    <row r="4624" spans="4:5" x14ac:dyDescent="0.25">
      <c r="D4624" s="6">
        <v>505.08699999999999</v>
      </c>
      <c r="E4624" s="6">
        <v>2863.44</v>
      </c>
    </row>
    <row r="4625" spans="4:5" x14ac:dyDescent="0.25">
      <c r="D4625" s="6">
        <v>5303.4290000000001</v>
      </c>
      <c r="E4625" s="6">
        <v>249.00489999999999</v>
      </c>
    </row>
    <row r="4626" spans="4:5" x14ac:dyDescent="0.25">
      <c r="D4626" s="6">
        <v>1808.0920000000001</v>
      </c>
      <c r="E4626" s="6">
        <v>396.8639</v>
      </c>
    </row>
    <row r="4627" spans="4:5" x14ac:dyDescent="0.25">
      <c r="D4627" s="6">
        <v>5351.598</v>
      </c>
      <c r="E4627" s="6">
        <v>407.02850000000001</v>
      </c>
    </row>
    <row r="4628" spans="4:5" x14ac:dyDescent="0.25">
      <c r="D4628" s="6">
        <v>1509.9069999999999</v>
      </c>
      <c r="E4628" s="6">
        <v>381.81470000000002</v>
      </c>
    </row>
    <row r="4629" spans="4:5" x14ac:dyDescent="0.25">
      <c r="D4629" s="6">
        <v>5586.7</v>
      </c>
      <c r="E4629" s="6">
        <v>389.23390000000001</v>
      </c>
    </row>
    <row r="4630" spans="4:5" x14ac:dyDescent="0.25">
      <c r="D4630" s="6">
        <v>1083.6130000000001</v>
      </c>
      <c r="E4630" s="6">
        <v>292.95650000000001</v>
      </c>
    </row>
    <row r="4631" spans="4:5" x14ac:dyDescent="0.25">
      <c r="D4631" s="6">
        <v>1037.9079999999999</v>
      </c>
      <c r="E4631" s="6">
        <v>160.54929999999999</v>
      </c>
    </row>
    <row r="4632" spans="4:5" x14ac:dyDescent="0.25">
      <c r="D4632" s="6">
        <v>2518.982</v>
      </c>
      <c r="E4632" s="6">
        <v>203.99289999999999</v>
      </c>
    </row>
    <row r="4633" spans="4:5" x14ac:dyDescent="0.25">
      <c r="D4633" s="6">
        <v>1254.42</v>
      </c>
      <c r="E4633" s="6">
        <v>237.55690000000001</v>
      </c>
    </row>
    <row r="4634" spans="4:5" x14ac:dyDescent="0.25">
      <c r="D4634" s="6">
        <v>766.06489999999997</v>
      </c>
      <c r="E4634" s="6">
        <v>294.5428</v>
      </c>
    </row>
    <row r="4635" spans="4:5" x14ac:dyDescent="0.25">
      <c r="D4635" s="6">
        <v>1352.779</v>
      </c>
      <c r="E4635" s="6">
        <v>139.47829999999999</v>
      </c>
    </row>
    <row r="4636" spans="4:5" x14ac:dyDescent="0.25">
      <c r="D4636" s="6">
        <v>611.54290000000003</v>
      </c>
      <c r="E4636" s="6">
        <v>266.26889999999997</v>
      </c>
    </row>
    <row r="4637" spans="4:5" x14ac:dyDescent="0.25">
      <c r="D4637" s="6">
        <v>1044.4000000000001</v>
      </c>
      <c r="E4637" s="6">
        <v>327.90219999999999</v>
      </c>
    </row>
    <row r="4638" spans="4:5" x14ac:dyDescent="0.25">
      <c r="D4638" s="6">
        <v>1212.454</v>
      </c>
      <c r="E4638" s="6">
        <v>297.87259999999998</v>
      </c>
    </row>
    <row r="4639" spans="4:5" x14ac:dyDescent="0.25">
      <c r="D4639" s="6">
        <v>1004.67</v>
      </c>
      <c r="E4639" s="6">
        <v>298.45440000000002</v>
      </c>
    </row>
    <row r="4640" spans="4:5" x14ac:dyDescent="0.25">
      <c r="D4640" s="6">
        <v>994.10699999999997</v>
      </c>
      <c r="E4640" s="6">
        <v>226.94730000000001</v>
      </c>
    </row>
    <row r="4641" spans="4:5" x14ac:dyDescent="0.25">
      <c r="D4641" s="6">
        <v>2696.3420000000001</v>
      </c>
      <c r="E4641" s="6">
        <v>220.77780000000001</v>
      </c>
    </row>
    <row r="4642" spans="4:5" x14ac:dyDescent="0.25">
      <c r="D4642" s="6">
        <v>3213.18</v>
      </c>
      <c r="E4642" s="6">
        <v>158.51849999999999</v>
      </c>
    </row>
    <row r="4643" spans="4:5" x14ac:dyDescent="0.25">
      <c r="D4643" s="6">
        <v>991.48260000000005</v>
      </c>
      <c r="E4643" s="6">
        <v>789.36900000000003</v>
      </c>
    </row>
    <row r="4644" spans="4:5" x14ac:dyDescent="0.25">
      <c r="D4644" s="6">
        <v>2631.3580000000002</v>
      </c>
      <c r="E4644" s="6">
        <v>213.05199999999999</v>
      </c>
    </row>
    <row r="4645" spans="4:5" x14ac:dyDescent="0.25">
      <c r="D4645" s="6">
        <v>1053.6880000000001</v>
      </c>
      <c r="E4645" s="6">
        <v>158.81440000000001</v>
      </c>
    </row>
    <row r="4646" spans="4:5" x14ac:dyDescent="0.25">
      <c r="D4646" s="6">
        <v>850.31650000000002</v>
      </c>
      <c r="E4646" s="6">
        <v>161.11160000000001</v>
      </c>
    </row>
    <row r="4647" spans="4:5" x14ac:dyDescent="0.25">
      <c r="D4647" s="6">
        <v>3777.3220000000001</v>
      </c>
      <c r="E4647" s="6">
        <v>269.48219999999998</v>
      </c>
    </row>
    <row r="4648" spans="4:5" x14ac:dyDescent="0.25">
      <c r="D4648" s="6">
        <v>3293.9859999999999</v>
      </c>
      <c r="E4648" s="6">
        <v>166.16239999999999</v>
      </c>
    </row>
    <row r="4649" spans="4:5" x14ac:dyDescent="0.25">
      <c r="D4649" s="6">
        <v>1418.61</v>
      </c>
      <c r="E4649" s="6">
        <v>215.54239999999999</v>
      </c>
    </row>
    <row r="4650" spans="4:5" x14ac:dyDescent="0.25">
      <c r="D4650" s="6">
        <v>809.93089999999995</v>
      </c>
      <c r="E4650" s="6">
        <v>173.31450000000001</v>
      </c>
    </row>
    <row r="4651" spans="4:5" x14ac:dyDescent="0.25">
      <c r="D4651" s="6">
        <v>2440.605</v>
      </c>
      <c r="E4651" s="6">
        <v>162.1961</v>
      </c>
    </row>
    <row r="4652" spans="4:5" x14ac:dyDescent="0.25">
      <c r="D4652" s="6">
        <v>758.03150000000005</v>
      </c>
      <c r="E4652" s="6">
        <v>313.49360000000001</v>
      </c>
    </row>
    <row r="4653" spans="4:5" x14ac:dyDescent="0.25">
      <c r="D4653" s="6">
        <v>1575.1690000000001</v>
      </c>
      <c r="E4653" s="6">
        <v>207.92529999999999</v>
      </c>
    </row>
    <row r="4654" spans="4:5" x14ac:dyDescent="0.25">
      <c r="D4654" s="6">
        <v>668.39530000000002</v>
      </c>
      <c r="E4654" s="6">
        <v>280.23009999999999</v>
      </c>
    </row>
    <row r="4655" spans="4:5" x14ac:dyDescent="0.25">
      <c r="D4655" s="6">
        <v>910.38699999999994</v>
      </c>
      <c r="E4655" s="6">
        <v>164.3126</v>
      </c>
    </row>
    <row r="4656" spans="4:5" x14ac:dyDescent="0.25">
      <c r="D4656" s="6">
        <v>1364.8530000000001</v>
      </c>
      <c r="E4656" s="6">
        <v>242.697</v>
      </c>
    </row>
    <row r="4657" spans="4:5" x14ac:dyDescent="0.25">
      <c r="D4657" s="6">
        <v>2289.413</v>
      </c>
      <c r="E4657" s="6">
        <v>547.03949999999998</v>
      </c>
    </row>
    <row r="4658" spans="4:5" x14ac:dyDescent="0.25">
      <c r="D4658" s="6">
        <v>1030.548</v>
      </c>
      <c r="E4658" s="6">
        <v>289.88420000000002</v>
      </c>
    </row>
    <row r="4659" spans="4:5" x14ac:dyDescent="0.25">
      <c r="D4659" s="6">
        <v>1414.7439999999999</v>
      </c>
      <c r="E4659" s="6">
        <v>313.27690000000001</v>
      </c>
    </row>
    <row r="4660" spans="4:5" x14ac:dyDescent="0.25">
      <c r="D4660" s="6">
        <v>702.47019999999998</v>
      </c>
      <c r="E4660" s="6">
        <v>263.8614</v>
      </c>
    </row>
    <row r="4661" spans="4:5" x14ac:dyDescent="0.25">
      <c r="D4661" s="6">
        <v>1426.461</v>
      </c>
      <c r="E4661" s="6">
        <v>267.89710000000002</v>
      </c>
    </row>
    <row r="4662" spans="4:5" x14ac:dyDescent="0.25">
      <c r="D4662" s="6">
        <v>1015.76</v>
      </c>
      <c r="E4662" s="6">
        <v>464.77969999999999</v>
      </c>
    </row>
    <row r="4663" spans="4:5" x14ac:dyDescent="0.25">
      <c r="D4663" s="6">
        <v>2860.6930000000002</v>
      </c>
      <c r="E4663" s="6">
        <v>180.5966</v>
      </c>
    </row>
    <row r="4664" spans="4:5" x14ac:dyDescent="0.25">
      <c r="D4664" s="6">
        <v>3151.306</v>
      </c>
      <c r="E4664" s="6">
        <v>217.18180000000001</v>
      </c>
    </row>
    <row r="4665" spans="4:5" x14ac:dyDescent="0.25">
      <c r="D4665" s="6">
        <v>3465.8510000000001</v>
      </c>
      <c r="E4665" s="6">
        <v>269.02420000000001</v>
      </c>
    </row>
    <row r="4666" spans="4:5" x14ac:dyDescent="0.25">
      <c r="D4666" s="6">
        <v>3408.7579999999998</v>
      </c>
      <c r="E4666" s="6">
        <v>536.76710000000003</v>
      </c>
    </row>
    <row r="4667" spans="4:5" x14ac:dyDescent="0.25">
      <c r="D4667" s="6">
        <v>1173.931</v>
      </c>
      <c r="E4667" s="6">
        <v>318.85169999999999</v>
      </c>
    </row>
    <row r="4668" spans="4:5" x14ac:dyDescent="0.25">
      <c r="D4668" s="6">
        <v>1135.752</v>
      </c>
      <c r="E4668" s="6">
        <v>143.15520000000001</v>
      </c>
    </row>
    <row r="4669" spans="4:5" x14ac:dyDescent="0.25">
      <c r="D4669" s="6">
        <v>1819.2729999999999</v>
      </c>
      <c r="E4669" s="6">
        <v>164.28800000000001</v>
      </c>
    </row>
    <row r="4670" spans="4:5" x14ac:dyDescent="0.25">
      <c r="D4670" s="6">
        <v>1159.691</v>
      </c>
      <c r="E4670" s="6">
        <v>284.43770000000001</v>
      </c>
    </row>
    <row r="4671" spans="4:5" x14ac:dyDescent="0.25">
      <c r="D4671" s="6">
        <v>2348.6689999999999</v>
      </c>
      <c r="E4671" s="6">
        <v>219.16739999999999</v>
      </c>
    </row>
    <row r="4672" spans="4:5" x14ac:dyDescent="0.25">
      <c r="D4672" s="6">
        <v>4669.1049999999996</v>
      </c>
      <c r="E4672" s="6">
        <v>12666.42</v>
      </c>
    </row>
    <row r="4673" spans="4:5" x14ac:dyDescent="0.25">
      <c r="D4673" s="6">
        <v>1918.434</v>
      </c>
      <c r="E4673" s="6">
        <v>285.02910000000003</v>
      </c>
    </row>
    <row r="4674" spans="4:5" x14ac:dyDescent="0.25">
      <c r="D4674" s="6">
        <v>1271.163</v>
      </c>
      <c r="E4674" s="6">
        <v>148.87620000000001</v>
      </c>
    </row>
    <row r="4675" spans="4:5" x14ac:dyDescent="0.25">
      <c r="D4675" s="6">
        <v>669.14290000000005</v>
      </c>
      <c r="E4675" s="6">
        <v>145.54400000000001</v>
      </c>
    </row>
    <row r="4676" spans="4:5" x14ac:dyDescent="0.25">
      <c r="D4676" s="6">
        <v>1350.578</v>
      </c>
      <c r="E4676" s="6">
        <v>160.97880000000001</v>
      </c>
    </row>
    <row r="4677" spans="4:5" x14ac:dyDescent="0.25">
      <c r="D4677" s="6">
        <v>934.14670000000001</v>
      </c>
      <c r="E4677" s="6">
        <v>153.6679</v>
      </c>
    </row>
    <row r="4678" spans="4:5" x14ac:dyDescent="0.25">
      <c r="D4678" s="6">
        <v>3468.5450000000001</v>
      </c>
      <c r="E4678" s="6">
        <v>312.66359999999997</v>
      </c>
    </row>
    <row r="4679" spans="4:5" x14ac:dyDescent="0.25">
      <c r="D4679" s="6">
        <v>2655.672</v>
      </c>
      <c r="E4679" s="6">
        <v>267.88499999999999</v>
      </c>
    </row>
    <row r="4680" spans="4:5" x14ac:dyDescent="0.25">
      <c r="D4680" s="6">
        <v>1951.838</v>
      </c>
      <c r="E4680" s="6">
        <v>217.46350000000001</v>
      </c>
    </row>
    <row r="4681" spans="4:5" x14ac:dyDescent="0.25">
      <c r="D4681" s="6">
        <v>1760.5809999999999</v>
      </c>
      <c r="E4681" s="6">
        <v>160.4051</v>
      </c>
    </row>
    <row r="4682" spans="4:5" x14ac:dyDescent="0.25">
      <c r="D4682" s="6">
        <v>1253.384</v>
      </c>
      <c r="E4682" s="6">
        <v>290.3569</v>
      </c>
    </row>
    <row r="4683" spans="4:5" x14ac:dyDescent="0.25">
      <c r="D4683" s="6">
        <v>645.65970000000004</v>
      </c>
      <c r="E4683" s="6">
        <v>222.97450000000001</v>
      </c>
    </row>
    <row r="4684" spans="4:5" x14ac:dyDescent="0.25">
      <c r="D4684" s="6">
        <v>1135.57</v>
      </c>
      <c r="E4684" s="6">
        <v>238.34280000000001</v>
      </c>
    </row>
    <row r="4685" spans="4:5" x14ac:dyDescent="0.25">
      <c r="D4685" s="6">
        <v>2556.627</v>
      </c>
      <c r="E4685" s="6">
        <v>308.25540000000001</v>
      </c>
    </row>
    <row r="4686" spans="4:5" x14ac:dyDescent="0.25">
      <c r="D4686" s="6">
        <v>595.93740000000003</v>
      </c>
      <c r="E4686" s="6">
        <v>153.4915</v>
      </c>
    </row>
    <row r="4687" spans="4:5" x14ac:dyDescent="0.25">
      <c r="D4687" s="6">
        <v>1050.097</v>
      </c>
      <c r="E4687" s="6">
        <v>14667.22</v>
      </c>
    </row>
    <row r="4688" spans="4:5" x14ac:dyDescent="0.25">
      <c r="D4688" s="6">
        <v>1022.7569999999999</v>
      </c>
      <c r="E4688" s="6">
        <v>295.38670000000002</v>
      </c>
    </row>
    <row r="4689" spans="4:5" x14ac:dyDescent="0.25">
      <c r="D4689" s="6">
        <v>1588.8040000000001</v>
      </c>
      <c r="E4689" s="6">
        <v>247.52780000000001</v>
      </c>
    </row>
    <row r="4690" spans="4:5" x14ac:dyDescent="0.25">
      <c r="D4690" s="6">
        <v>1431.479</v>
      </c>
      <c r="E4690" s="6">
        <v>220.68219999999999</v>
      </c>
    </row>
    <row r="4691" spans="4:5" x14ac:dyDescent="0.25">
      <c r="D4691" s="6">
        <v>887.25250000000005</v>
      </c>
      <c r="E4691" s="6">
        <v>148.4143</v>
      </c>
    </row>
    <row r="4692" spans="4:5" x14ac:dyDescent="0.25">
      <c r="D4692" s="6">
        <v>1072.4860000000001</v>
      </c>
      <c r="E4692" s="6">
        <v>167.22909999999999</v>
      </c>
    </row>
    <row r="4693" spans="4:5" x14ac:dyDescent="0.25">
      <c r="D4693" s="6">
        <v>1129.9970000000001</v>
      </c>
      <c r="E4693" s="6">
        <v>158.82320000000001</v>
      </c>
    </row>
    <row r="4694" spans="4:5" x14ac:dyDescent="0.25">
      <c r="D4694" s="6">
        <v>1084.8869999999999</v>
      </c>
      <c r="E4694" s="6">
        <v>161.78880000000001</v>
      </c>
    </row>
    <row r="4695" spans="4:5" x14ac:dyDescent="0.25">
      <c r="D4695" s="6">
        <v>2657.56</v>
      </c>
      <c r="E4695" s="6">
        <v>158.97730000000001</v>
      </c>
    </row>
    <row r="4696" spans="4:5" x14ac:dyDescent="0.25">
      <c r="D4696" s="6">
        <v>1144.2840000000001</v>
      </c>
      <c r="E4696" s="6">
        <v>159.66669999999999</v>
      </c>
    </row>
    <row r="4697" spans="4:5" x14ac:dyDescent="0.25">
      <c r="D4697" s="6">
        <v>3359.7170000000001</v>
      </c>
      <c r="E4697" s="6">
        <v>139.2655</v>
      </c>
    </row>
    <row r="4698" spans="4:5" x14ac:dyDescent="0.25">
      <c r="D4698" s="6">
        <v>1173.027</v>
      </c>
      <c r="E4698" s="6">
        <v>233.22649999999999</v>
      </c>
    </row>
    <row r="4699" spans="4:5" x14ac:dyDescent="0.25">
      <c r="D4699" s="6">
        <v>638.35810000000004</v>
      </c>
      <c r="E4699" s="6">
        <v>199.4871</v>
      </c>
    </row>
    <row r="4700" spans="4:5" x14ac:dyDescent="0.25">
      <c r="D4700" s="6">
        <v>989.59849999999994</v>
      </c>
      <c r="E4700" s="6">
        <v>154.91900000000001</v>
      </c>
    </row>
    <row r="4701" spans="4:5" x14ac:dyDescent="0.25">
      <c r="D4701" s="6">
        <v>5096.0940000000001</v>
      </c>
      <c r="E4701" s="6">
        <v>154.0051</v>
      </c>
    </row>
    <row r="4702" spans="4:5" x14ac:dyDescent="0.25">
      <c r="D4702" s="6">
        <v>1146.9949999999999</v>
      </c>
      <c r="E4702" s="6">
        <v>167.05109999999999</v>
      </c>
    </row>
    <row r="4703" spans="4:5" x14ac:dyDescent="0.25">
      <c r="D4703" s="6">
        <v>823.0625</v>
      </c>
      <c r="E4703" s="6">
        <v>145.63890000000001</v>
      </c>
    </row>
    <row r="4704" spans="4:5" x14ac:dyDescent="0.25">
      <c r="D4704" s="6">
        <v>1363.625</v>
      </c>
      <c r="E4704" s="6">
        <v>140.1704</v>
      </c>
    </row>
    <row r="4705" spans="4:5" x14ac:dyDescent="0.25">
      <c r="D4705" s="6">
        <v>4463.8059999999996</v>
      </c>
      <c r="E4705" s="6">
        <v>150.13470000000001</v>
      </c>
    </row>
    <row r="4706" spans="4:5" x14ac:dyDescent="0.25">
      <c r="D4706" s="6">
        <v>1188.079</v>
      </c>
      <c r="E4706" s="6">
        <v>141.3647</v>
      </c>
    </row>
    <row r="4707" spans="4:5" x14ac:dyDescent="0.25">
      <c r="D4707" s="6">
        <v>1529.454</v>
      </c>
      <c r="E4707" s="6">
        <v>206.93129999999999</v>
      </c>
    </row>
    <row r="4708" spans="4:5" x14ac:dyDescent="0.25">
      <c r="D4708" s="6">
        <v>3676.5929999999998</v>
      </c>
      <c r="E4708" s="6">
        <v>211.1686</v>
      </c>
    </row>
    <row r="4709" spans="4:5" x14ac:dyDescent="0.25">
      <c r="D4709" s="6">
        <v>694.52530000000002</v>
      </c>
      <c r="E4709" s="6">
        <v>133.4896</v>
      </c>
    </row>
    <row r="4710" spans="4:5" x14ac:dyDescent="0.25">
      <c r="D4710" s="6">
        <v>1053.33</v>
      </c>
      <c r="E4710" s="6">
        <v>137.20160000000001</v>
      </c>
    </row>
    <row r="4711" spans="4:5" x14ac:dyDescent="0.25">
      <c r="D4711" s="6">
        <v>540.61590000000001</v>
      </c>
      <c r="E4711" s="6">
        <v>188.41040000000001</v>
      </c>
    </row>
    <row r="4712" spans="4:5" x14ac:dyDescent="0.25">
      <c r="D4712" s="6">
        <v>591.50750000000005</v>
      </c>
      <c r="E4712" s="6">
        <v>10797.76</v>
      </c>
    </row>
    <row r="4713" spans="4:5" x14ac:dyDescent="0.25">
      <c r="D4713" s="6">
        <v>673.38430000000005</v>
      </c>
      <c r="E4713" s="6">
        <v>3690.8969999999999</v>
      </c>
    </row>
    <row r="4714" spans="4:5" x14ac:dyDescent="0.25">
      <c r="D4714" s="6">
        <v>1078.8209999999999</v>
      </c>
      <c r="E4714" s="6">
        <v>2195.9920000000002</v>
      </c>
    </row>
    <row r="4715" spans="4:5" x14ac:dyDescent="0.25">
      <c r="D4715" s="6">
        <v>1267.08</v>
      </c>
      <c r="E4715" s="6">
        <v>98.325749999999999</v>
      </c>
    </row>
    <row r="4716" spans="4:5" x14ac:dyDescent="0.25">
      <c r="D4716" s="6">
        <v>1327.973</v>
      </c>
      <c r="E4716" s="6">
        <v>941.2183</v>
      </c>
    </row>
    <row r="4717" spans="4:5" x14ac:dyDescent="0.25">
      <c r="D4717" s="6">
        <v>931.60530000000006</v>
      </c>
      <c r="E4717" s="6">
        <v>459.0333</v>
      </c>
    </row>
    <row r="4718" spans="4:5" x14ac:dyDescent="0.25">
      <c r="D4718" s="6">
        <v>1797.229</v>
      </c>
      <c r="E4718" s="6">
        <v>573.71849999999995</v>
      </c>
    </row>
    <row r="4719" spans="4:5" x14ac:dyDescent="0.25">
      <c r="D4719" s="6">
        <v>2243.2820000000002</v>
      </c>
      <c r="E4719" s="6">
        <v>771.52409999999998</v>
      </c>
    </row>
    <row r="4720" spans="4:5" x14ac:dyDescent="0.25">
      <c r="D4720" s="6">
        <v>4011.1419999999998</v>
      </c>
      <c r="E4720" s="6">
        <v>594.42909999999995</v>
      </c>
    </row>
    <row r="4721" spans="4:5" x14ac:dyDescent="0.25">
      <c r="D4721" s="6">
        <v>1317.547</v>
      </c>
      <c r="E4721" s="6">
        <v>676.20060000000001</v>
      </c>
    </row>
    <row r="4722" spans="4:5" x14ac:dyDescent="0.25">
      <c r="D4722" s="6">
        <v>1791.24</v>
      </c>
      <c r="E4722" s="6">
        <v>985.50160000000005</v>
      </c>
    </row>
    <row r="4723" spans="4:5" x14ac:dyDescent="0.25">
      <c r="D4723" s="6">
        <v>616.56899999999996</v>
      </c>
      <c r="E4723" s="6">
        <v>879.52890000000002</v>
      </c>
    </row>
    <row r="4724" spans="4:5" x14ac:dyDescent="0.25">
      <c r="D4724" s="6">
        <v>1075.4390000000001</v>
      </c>
      <c r="E4724" s="6">
        <v>846.66669999999999</v>
      </c>
    </row>
    <row r="4725" spans="4:5" x14ac:dyDescent="0.25">
      <c r="D4725" s="6">
        <v>920.32249999999999</v>
      </c>
      <c r="E4725" s="6">
        <v>990.9751</v>
      </c>
    </row>
    <row r="4726" spans="4:5" x14ac:dyDescent="0.25">
      <c r="D4726" s="6">
        <v>3912.7550000000001</v>
      </c>
      <c r="E4726" s="6">
        <v>1530.7280000000001</v>
      </c>
    </row>
    <row r="4727" spans="4:5" x14ac:dyDescent="0.25">
      <c r="D4727" s="6">
        <v>731.93039999999996</v>
      </c>
      <c r="E4727" s="6">
        <v>1816.729</v>
      </c>
    </row>
    <row r="4728" spans="4:5" x14ac:dyDescent="0.25">
      <c r="D4728" s="6">
        <v>4099.3890000000001</v>
      </c>
      <c r="E4728" s="6">
        <v>1026.52</v>
      </c>
    </row>
    <row r="4729" spans="4:5" x14ac:dyDescent="0.25">
      <c r="D4729" s="6">
        <v>1125.2249999999999</v>
      </c>
      <c r="E4729" s="6">
        <v>492.84899999999999</v>
      </c>
    </row>
    <row r="4730" spans="4:5" x14ac:dyDescent="0.25">
      <c r="D4730" s="6">
        <v>630.38480000000004</v>
      </c>
      <c r="E4730" s="6">
        <v>2058.7089999999998</v>
      </c>
    </row>
    <row r="4731" spans="4:5" x14ac:dyDescent="0.25">
      <c r="D4731" s="6">
        <v>2690.672</v>
      </c>
      <c r="E4731" s="6">
        <v>741.47080000000005</v>
      </c>
    </row>
    <row r="4732" spans="4:5" x14ac:dyDescent="0.25">
      <c r="D4732" s="6">
        <v>943.78520000000003</v>
      </c>
      <c r="E4732" s="6">
        <v>906.31880000000001</v>
      </c>
    </row>
    <row r="4733" spans="4:5" x14ac:dyDescent="0.25">
      <c r="D4733" s="6">
        <v>591.952</v>
      </c>
      <c r="E4733" s="6">
        <v>1231.614</v>
      </c>
    </row>
    <row r="4734" spans="4:5" x14ac:dyDescent="0.25">
      <c r="D4734" s="6">
        <v>751.84630000000004</v>
      </c>
      <c r="E4734" s="6">
        <v>1867.67</v>
      </c>
    </row>
    <row r="4735" spans="4:5" x14ac:dyDescent="0.25">
      <c r="D4735" s="6">
        <v>953.75900000000001</v>
      </c>
      <c r="E4735" s="6">
        <v>1325.106</v>
      </c>
    </row>
    <row r="4736" spans="4:5" x14ac:dyDescent="0.25">
      <c r="D4736" s="6">
        <v>644.25530000000003</v>
      </c>
      <c r="E4736" s="6">
        <v>603.28120000000001</v>
      </c>
    </row>
    <row r="4737" spans="4:5" x14ac:dyDescent="0.25">
      <c r="D4737" s="6">
        <v>1224.799</v>
      </c>
      <c r="E4737" s="6">
        <v>1213.3130000000001</v>
      </c>
    </row>
    <row r="4738" spans="4:5" x14ac:dyDescent="0.25">
      <c r="D4738" s="6">
        <v>659.6336</v>
      </c>
      <c r="E4738" s="6">
        <v>618.70820000000003</v>
      </c>
    </row>
    <row r="4739" spans="4:5" x14ac:dyDescent="0.25">
      <c r="D4739" s="6">
        <v>1097.3910000000001</v>
      </c>
      <c r="E4739" s="6">
        <v>1293.681</v>
      </c>
    </row>
    <row r="4740" spans="4:5" x14ac:dyDescent="0.25">
      <c r="D4740" s="6">
        <v>989.19010000000003</v>
      </c>
      <c r="E4740" s="6">
        <v>669.98929999999996</v>
      </c>
    </row>
    <row r="4741" spans="4:5" x14ac:dyDescent="0.25">
      <c r="D4741" s="6">
        <v>1100.039</v>
      </c>
      <c r="E4741" s="6">
        <v>3939.0509999999999</v>
      </c>
    </row>
    <row r="4742" spans="4:5" x14ac:dyDescent="0.25">
      <c r="D4742" s="6">
        <v>1987.1379999999999</v>
      </c>
      <c r="E4742" s="6">
        <v>738.76250000000005</v>
      </c>
    </row>
    <row r="4743" spans="4:5" x14ac:dyDescent="0.25">
      <c r="D4743" s="6">
        <v>4029.5189999999998</v>
      </c>
      <c r="E4743" s="6">
        <v>703.048</v>
      </c>
    </row>
    <row r="4744" spans="4:5" x14ac:dyDescent="0.25">
      <c r="D4744" s="6">
        <v>1392.26</v>
      </c>
      <c r="E4744" s="6">
        <v>1537.9649999999999</v>
      </c>
    </row>
    <row r="4745" spans="4:5" x14ac:dyDescent="0.25">
      <c r="D4745" s="6">
        <v>951.62519999999995</v>
      </c>
      <c r="E4745" s="6">
        <v>529.97990000000004</v>
      </c>
    </row>
    <row r="4746" spans="4:5" x14ac:dyDescent="0.25">
      <c r="D4746" s="6">
        <v>11658.05</v>
      </c>
      <c r="E4746" s="6">
        <v>1518.2349999999999</v>
      </c>
    </row>
    <row r="4747" spans="4:5" x14ac:dyDescent="0.25">
      <c r="D4747" s="6">
        <v>1034.82</v>
      </c>
      <c r="E4747" s="6">
        <v>730.47529999999995</v>
      </c>
    </row>
    <row r="4748" spans="4:5" x14ac:dyDescent="0.25">
      <c r="D4748" s="6">
        <v>1819.1469999999999</v>
      </c>
      <c r="E4748" s="6">
        <v>640.56590000000006</v>
      </c>
    </row>
    <row r="4749" spans="4:5" x14ac:dyDescent="0.25">
      <c r="D4749" s="6">
        <v>636.83410000000003</v>
      </c>
      <c r="E4749" s="6">
        <v>1127.5930000000001</v>
      </c>
    </row>
    <row r="4750" spans="4:5" x14ac:dyDescent="0.25">
      <c r="D4750" s="6">
        <v>3456.4259999999999</v>
      </c>
      <c r="E4750" s="6">
        <v>684.70090000000005</v>
      </c>
    </row>
    <row r="4751" spans="4:5" x14ac:dyDescent="0.25">
      <c r="D4751" s="6">
        <v>1066.567</v>
      </c>
      <c r="E4751" s="6">
        <v>1182.4359999999999</v>
      </c>
    </row>
    <row r="4752" spans="4:5" x14ac:dyDescent="0.25">
      <c r="D4752" s="6">
        <v>1037.5540000000001</v>
      </c>
      <c r="E4752" s="6">
        <v>801.82780000000002</v>
      </c>
    </row>
    <row r="4753" spans="4:5" x14ac:dyDescent="0.25">
      <c r="D4753" s="6">
        <v>1579.509</v>
      </c>
      <c r="E4753" s="6">
        <v>776.29369999999994</v>
      </c>
    </row>
    <row r="4754" spans="4:5" x14ac:dyDescent="0.25">
      <c r="D4754" s="6">
        <v>2957.4</v>
      </c>
      <c r="E4754" s="6">
        <v>787.3116</v>
      </c>
    </row>
    <row r="4755" spans="4:5" x14ac:dyDescent="0.25">
      <c r="D4755" s="6">
        <v>4526.7280000000001</v>
      </c>
      <c r="E4755" s="6">
        <v>560.63639999999998</v>
      </c>
    </row>
    <row r="4756" spans="4:5" x14ac:dyDescent="0.25">
      <c r="D4756" s="6">
        <v>764.88710000000003</v>
      </c>
      <c r="E4756" s="6">
        <v>761.84789999999998</v>
      </c>
    </row>
    <row r="4757" spans="4:5" x14ac:dyDescent="0.25">
      <c r="D4757" s="6">
        <v>1283.67</v>
      </c>
      <c r="E4757" s="6">
        <v>811.69929999999999</v>
      </c>
    </row>
    <row r="4758" spans="4:5" x14ac:dyDescent="0.25">
      <c r="D4758" s="6">
        <v>3175.5169999999998</v>
      </c>
      <c r="E4758" s="6">
        <v>587.57380000000001</v>
      </c>
    </row>
    <row r="4759" spans="4:5" x14ac:dyDescent="0.25">
      <c r="D4759" s="6">
        <v>1852.8510000000001</v>
      </c>
      <c r="E4759" s="6">
        <v>791.06320000000005</v>
      </c>
    </row>
    <row r="4760" spans="4:5" x14ac:dyDescent="0.25">
      <c r="D4760" s="6">
        <v>1527.9780000000001</v>
      </c>
      <c r="E4760" s="6">
        <v>1529.5840000000001</v>
      </c>
    </row>
    <row r="4761" spans="4:5" x14ac:dyDescent="0.25">
      <c r="D4761" s="6">
        <v>1354.577</v>
      </c>
      <c r="E4761" s="6">
        <v>689.923</v>
      </c>
    </row>
    <row r="4762" spans="4:5" x14ac:dyDescent="0.25">
      <c r="D4762" s="6">
        <v>1165.325</v>
      </c>
      <c r="E4762" s="6">
        <v>659.27329999999995</v>
      </c>
    </row>
    <row r="4763" spans="4:5" x14ac:dyDescent="0.25">
      <c r="D4763" s="6">
        <v>2278.4349999999999</v>
      </c>
      <c r="E4763" s="6">
        <v>681.44809999999995</v>
      </c>
    </row>
    <row r="4764" spans="4:5" x14ac:dyDescent="0.25">
      <c r="D4764" s="6">
        <v>1270.31</v>
      </c>
      <c r="E4764" s="6">
        <v>641.37810000000002</v>
      </c>
    </row>
    <row r="4765" spans="4:5" x14ac:dyDescent="0.25">
      <c r="D4765" s="6">
        <v>3699.2469999999998</v>
      </c>
      <c r="E4765" s="6">
        <v>1066.4290000000001</v>
      </c>
    </row>
    <row r="4766" spans="4:5" x14ac:dyDescent="0.25">
      <c r="D4766" s="6">
        <v>1429.8050000000001</v>
      </c>
      <c r="E4766" s="6">
        <v>1600.453</v>
      </c>
    </row>
    <row r="4767" spans="4:5" x14ac:dyDescent="0.25">
      <c r="D4767" s="6">
        <v>1277.3489999999999</v>
      </c>
      <c r="E4767" s="6">
        <v>310.66669999999999</v>
      </c>
    </row>
    <row r="4768" spans="4:5" x14ac:dyDescent="0.25">
      <c r="D4768" s="6">
        <v>1268.481</v>
      </c>
      <c r="E4768" s="6">
        <v>832.12400000000002</v>
      </c>
    </row>
    <row r="4769" spans="4:5" x14ac:dyDescent="0.25">
      <c r="D4769" s="6">
        <v>1544.7660000000001</v>
      </c>
      <c r="E4769" s="6">
        <v>2499.0369999999998</v>
      </c>
    </row>
    <row r="4770" spans="4:5" x14ac:dyDescent="0.25">
      <c r="D4770" s="6">
        <v>892.17520000000002</v>
      </c>
      <c r="E4770" s="6">
        <v>650.72230000000002</v>
      </c>
    </row>
    <row r="4771" spans="4:5" x14ac:dyDescent="0.25">
      <c r="D4771" s="6">
        <v>1137.9369999999999</v>
      </c>
      <c r="E4771" s="6">
        <v>1400.8040000000001</v>
      </c>
    </row>
    <row r="4772" spans="4:5" x14ac:dyDescent="0.25">
      <c r="D4772" s="6">
        <v>607.51289999999995</v>
      </c>
      <c r="E4772" s="6">
        <v>580.55309999999997</v>
      </c>
    </row>
    <row r="4773" spans="4:5" x14ac:dyDescent="0.25">
      <c r="D4773" s="6">
        <v>1497.41</v>
      </c>
      <c r="E4773" s="6">
        <v>516.72829999999999</v>
      </c>
    </row>
    <row r="4774" spans="4:5" x14ac:dyDescent="0.25">
      <c r="D4774" s="6">
        <v>1300.1320000000001</v>
      </c>
      <c r="E4774" s="6">
        <v>1818.1579999999999</v>
      </c>
    </row>
    <row r="4775" spans="4:5" x14ac:dyDescent="0.25">
      <c r="D4775" s="6">
        <v>931.29830000000004</v>
      </c>
      <c r="E4775" s="6">
        <v>950.66970000000003</v>
      </c>
    </row>
    <row r="4776" spans="4:5" x14ac:dyDescent="0.25">
      <c r="D4776" s="6">
        <v>1145.249</v>
      </c>
      <c r="E4776" s="6">
        <v>550.71100000000001</v>
      </c>
    </row>
    <row r="4777" spans="4:5" x14ac:dyDescent="0.25">
      <c r="D4777" s="6">
        <v>911.09630000000004</v>
      </c>
      <c r="E4777" s="6">
        <v>1340.5509999999999</v>
      </c>
    </row>
    <row r="4778" spans="4:5" x14ac:dyDescent="0.25">
      <c r="D4778" s="6">
        <v>2411.0230000000001</v>
      </c>
      <c r="E4778" s="6">
        <v>588.12549999999999</v>
      </c>
    </row>
    <row r="4779" spans="4:5" x14ac:dyDescent="0.25">
      <c r="D4779" s="6">
        <v>2183.377</v>
      </c>
      <c r="E4779" s="6">
        <v>1139.2190000000001</v>
      </c>
    </row>
    <row r="4780" spans="4:5" x14ac:dyDescent="0.25">
      <c r="D4780" s="6">
        <v>3318.5770000000002</v>
      </c>
      <c r="E4780" s="6">
        <v>1141.8440000000001</v>
      </c>
    </row>
    <row r="4781" spans="4:5" x14ac:dyDescent="0.25">
      <c r="D4781" s="6">
        <v>992.44129999999996</v>
      </c>
      <c r="E4781" s="6">
        <v>570.43200000000002</v>
      </c>
    </row>
    <row r="4782" spans="4:5" x14ac:dyDescent="0.25">
      <c r="D4782" s="6">
        <v>817.36630000000002</v>
      </c>
      <c r="E4782" s="6">
        <v>1211.365</v>
      </c>
    </row>
    <row r="4783" spans="4:5" x14ac:dyDescent="0.25">
      <c r="D4783" s="6">
        <v>623.04610000000002</v>
      </c>
      <c r="E4783" s="6">
        <v>1098.1679999999999</v>
      </c>
    </row>
    <row r="4784" spans="4:5" x14ac:dyDescent="0.25">
      <c r="D4784" s="6">
        <v>521.71109999999999</v>
      </c>
      <c r="E4784" s="6">
        <v>676.06470000000002</v>
      </c>
    </row>
    <row r="4785" spans="4:5" x14ac:dyDescent="0.25">
      <c r="D4785" s="6">
        <v>1569.845</v>
      </c>
      <c r="E4785" s="6">
        <v>775.01949999999999</v>
      </c>
    </row>
    <row r="4786" spans="4:5" x14ac:dyDescent="0.25">
      <c r="D4786" s="6">
        <v>7738.2669999999998</v>
      </c>
      <c r="E4786" s="6">
        <v>575.5829</v>
      </c>
    </row>
    <row r="4787" spans="4:5" x14ac:dyDescent="0.25">
      <c r="D4787" s="6">
        <v>1240</v>
      </c>
      <c r="E4787" s="6">
        <v>516.08029999999997</v>
      </c>
    </row>
    <row r="4788" spans="4:5" x14ac:dyDescent="0.25">
      <c r="D4788" s="6">
        <v>564.03510000000006</v>
      </c>
      <c r="E4788" s="6">
        <v>1074.749</v>
      </c>
    </row>
    <row r="4789" spans="4:5" x14ac:dyDescent="0.25">
      <c r="D4789" s="6">
        <v>1400.28</v>
      </c>
      <c r="E4789" s="6">
        <v>3945.0219999999999</v>
      </c>
    </row>
    <row r="4790" spans="4:5" x14ac:dyDescent="0.25">
      <c r="D4790" s="6">
        <v>1595.529</v>
      </c>
      <c r="E4790" s="6">
        <v>646.6549</v>
      </c>
    </row>
    <row r="4791" spans="4:5" x14ac:dyDescent="0.25">
      <c r="D4791" s="6">
        <v>490.51600000000002</v>
      </c>
      <c r="E4791" s="6">
        <v>467.5942</v>
      </c>
    </row>
    <row r="4792" spans="4:5" x14ac:dyDescent="0.25">
      <c r="D4792" s="6">
        <v>549.15039999999999</v>
      </c>
      <c r="E4792" s="6">
        <v>1314.45</v>
      </c>
    </row>
    <row r="4793" spans="4:5" x14ac:dyDescent="0.25">
      <c r="D4793" s="6">
        <v>4015.6669999999999</v>
      </c>
      <c r="E4793" s="6">
        <v>1272.049</v>
      </c>
    </row>
    <row r="4794" spans="4:5" x14ac:dyDescent="0.25">
      <c r="D4794" s="6">
        <v>1721.2840000000001</v>
      </c>
      <c r="E4794" s="6">
        <v>1438.4079999999999</v>
      </c>
    </row>
    <row r="4795" spans="4:5" x14ac:dyDescent="0.25">
      <c r="D4795" s="6">
        <v>1314.193</v>
      </c>
      <c r="E4795" s="6">
        <v>761.74059999999997</v>
      </c>
    </row>
    <row r="4796" spans="4:5" x14ac:dyDescent="0.25">
      <c r="D4796" s="6">
        <v>1783.2360000000001</v>
      </c>
      <c r="E4796" s="6">
        <v>722.81939999999997</v>
      </c>
    </row>
    <row r="4797" spans="4:5" x14ac:dyDescent="0.25">
      <c r="D4797" s="6">
        <v>1183.4949999999999</v>
      </c>
      <c r="E4797" s="6">
        <v>538.76279999999997</v>
      </c>
    </row>
    <row r="4798" spans="4:5" x14ac:dyDescent="0.25">
      <c r="D4798" s="6">
        <v>1741.473</v>
      </c>
      <c r="E4798" s="6">
        <v>1038.845</v>
      </c>
    </row>
    <row r="4799" spans="4:5" x14ac:dyDescent="0.25">
      <c r="D4799" s="6">
        <v>1080.7819999999999</v>
      </c>
      <c r="E4799" s="6">
        <v>1080.723</v>
      </c>
    </row>
    <row r="4800" spans="4:5" x14ac:dyDescent="0.25">
      <c r="D4800" s="6">
        <v>1926.9359999999999</v>
      </c>
      <c r="E4800" s="6">
        <v>564.47709999999995</v>
      </c>
    </row>
    <row r="4801" spans="4:5" x14ac:dyDescent="0.25">
      <c r="D4801" s="6">
        <v>1205.684</v>
      </c>
      <c r="E4801" s="6">
        <v>527.63639999999998</v>
      </c>
    </row>
    <row r="4802" spans="4:5" x14ac:dyDescent="0.25">
      <c r="D4802" s="6">
        <v>1282.807</v>
      </c>
      <c r="E4802" s="6">
        <v>1232.6569999999999</v>
      </c>
    </row>
    <row r="4803" spans="4:5" x14ac:dyDescent="0.25">
      <c r="D4803" s="6">
        <v>1892.9860000000001</v>
      </c>
      <c r="E4803" s="6">
        <v>674.88160000000005</v>
      </c>
    </row>
    <row r="4804" spans="4:5" x14ac:dyDescent="0.25">
      <c r="D4804" s="6">
        <v>1154.923</v>
      </c>
      <c r="E4804" s="6">
        <v>615.53430000000003</v>
      </c>
    </row>
    <row r="4805" spans="4:5" x14ac:dyDescent="0.25">
      <c r="D4805" s="6">
        <v>1176.328</v>
      </c>
      <c r="E4805" s="6">
        <v>1207.67</v>
      </c>
    </row>
    <row r="4806" spans="4:5" x14ac:dyDescent="0.25">
      <c r="D4806" s="6">
        <v>415.06110000000001</v>
      </c>
      <c r="E4806" s="6">
        <v>578.2808</v>
      </c>
    </row>
    <row r="4807" spans="4:5" x14ac:dyDescent="0.25">
      <c r="D4807" s="6">
        <v>628.59960000000001</v>
      </c>
      <c r="E4807" s="6">
        <v>504.6293</v>
      </c>
    </row>
    <row r="4808" spans="4:5" x14ac:dyDescent="0.25">
      <c r="D4808" s="6">
        <v>1083.5309999999999</v>
      </c>
      <c r="E4808" s="6">
        <v>560.72310000000004</v>
      </c>
    </row>
    <row r="4809" spans="4:5" x14ac:dyDescent="0.25">
      <c r="D4809" s="6">
        <v>1598.4069999999999</v>
      </c>
      <c r="E4809" s="6">
        <v>977.55560000000003</v>
      </c>
    </row>
    <row r="4810" spans="4:5" x14ac:dyDescent="0.25">
      <c r="D4810" s="6">
        <v>695.46439999999996</v>
      </c>
      <c r="E4810" s="6">
        <v>510.03980000000001</v>
      </c>
    </row>
    <row r="4811" spans="4:5" x14ac:dyDescent="0.25">
      <c r="D4811" s="6">
        <v>1870</v>
      </c>
      <c r="E4811" s="6">
        <v>2278.2649999999999</v>
      </c>
    </row>
    <row r="4812" spans="4:5" x14ac:dyDescent="0.25">
      <c r="D4812" s="6">
        <v>1809.4690000000001</v>
      </c>
      <c r="E4812" s="6">
        <v>507.86630000000002</v>
      </c>
    </row>
    <row r="4813" spans="4:5" x14ac:dyDescent="0.25">
      <c r="D4813" s="6">
        <v>1029.498</v>
      </c>
      <c r="E4813" s="6">
        <v>722.20069999999998</v>
      </c>
    </row>
    <row r="4814" spans="4:5" x14ac:dyDescent="0.25">
      <c r="D4814" s="6">
        <v>499.87889999999999</v>
      </c>
      <c r="E4814" s="6">
        <v>600.55610000000001</v>
      </c>
    </row>
    <row r="4815" spans="4:5" x14ac:dyDescent="0.25">
      <c r="D4815" s="6">
        <v>991.11099999999999</v>
      </c>
      <c r="E4815" s="6">
        <v>634.69619999999998</v>
      </c>
    </row>
    <row r="4816" spans="4:5" x14ac:dyDescent="0.25">
      <c r="D4816" s="6">
        <v>3891.4749999999999</v>
      </c>
      <c r="E4816" s="6">
        <v>617.52170000000001</v>
      </c>
    </row>
    <row r="4817" spans="4:5" x14ac:dyDescent="0.25">
      <c r="D4817" s="6">
        <v>1097.5309999999999</v>
      </c>
      <c r="E4817" s="6">
        <v>684.17650000000003</v>
      </c>
    </row>
    <row r="4818" spans="4:5" x14ac:dyDescent="0.25">
      <c r="D4818" s="6">
        <v>929.20140000000004</v>
      </c>
      <c r="E4818" s="6">
        <v>472.7183</v>
      </c>
    </row>
    <row r="4819" spans="4:5" x14ac:dyDescent="0.25">
      <c r="D4819" s="6">
        <v>1432.636</v>
      </c>
      <c r="E4819" s="6">
        <v>794.92460000000005</v>
      </c>
    </row>
    <row r="4820" spans="4:5" x14ac:dyDescent="0.25">
      <c r="D4820" s="6">
        <v>612.03030000000001</v>
      </c>
      <c r="E4820" s="6">
        <v>1157.875</v>
      </c>
    </row>
    <row r="4821" spans="4:5" x14ac:dyDescent="0.25">
      <c r="D4821" s="6">
        <v>2423.1289999999999</v>
      </c>
      <c r="E4821" s="6">
        <v>1664.866</v>
      </c>
    </row>
    <row r="4822" spans="4:5" x14ac:dyDescent="0.25">
      <c r="D4822" s="6">
        <v>1782.9849999999999</v>
      </c>
      <c r="E4822" s="6">
        <v>477.3304</v>
      </c>
    </row>
    <row r="4823" spans="4:5" x14ac:dyDescent="0.25">
      <c r="D4823" s="6">
        <v>1192.3440000000001</v>
      </c>
      <c r="E4823" s="6">
        <v>598.5489</v>
      </c>
    </row>
    <row r="4824" spans="4:5" x14ac:dyDescent="0.25">
      <c r="D4824" s="6">
        <v>2209.66</v>
      </c>
      <c r="E4824" s="6">
        <v>926.28510000000006</v>
      </c>
    </row>
    <row r="4825" spans="4:5" x14ac:dyDescent="0.25">
      <c r="D4825" s="6">
        <v>2798.451</v>
      </c>
      <c r="E4825" s="6">
        <v>1499.3119999999999</v>
      </c>
    </row>
    <row r="4826" spans="4:5" x14ac:dyDescent="0.25">
      <c r="D4826" s="6">
        <v>2518.0819999999999</v>
      </c>
      <c r="E4826" s="6">
        <v>830.50469999999996</v>
      </c>
    </row>
    <row r="4827" spans="4:5" x14ac:dyDescent="0.25">
      <c r="D4827" s="6">
        <v>2787.8780000000002</v>
      </c>
      <c r="E4827" s="6">
        <v>830.05139999999994</v>
      </c>
    </row>
    <row r="4828" spans="4:5" x14ac:dyDescent="0.25">
      <c r="D4828" s="6">
        <v>850.74040000000002</v>
      </c>
      <c r="E4828" s="6">
        <v>448</v>
      </c>
    </row>
    <row r="4829" spans="4:5" x14ac:dyDescent="0.25">
      <c r="D4829" s="6">
        <v>2600.2429999999999</v>
      </c>
      <c r="E4829" s="6">
        <v>924.02859999999998</v>
      </c>
    </row>
    <row r="4830" spans="4:5" x14ac:dyDescent="0.25">
      <c r="D4830" s="6">
        <v>963.34889999999996</v>
      </c>
      <c r="E4830" s="6">
        <v>627.89340000000004</v>
      </c>
    </row>
    <row r="4831" spans="4:5" x14ac:dyDescent="0.25">
      <c r="D4831" s="6">
        <v>1812.347</v>
      </c>
      <c r="E4831" s="6">
        <v>1771.9770000000001</v>
      </c>
    </row>
    <row r="4832" spans="4:5" x14ac:dyDescent="0.25">
      <c r="D4832" s="6">
        <v>2351.654</v>
      </c>
      <c r="E4832" s="6">
        <v>860.06330000000003</v>
      </c>
    </row>
    <row r="4833" spans="4:5" x14ac:dyDescent="0.25">
      <c r="D4833" s="6">
        <v>923.00879999999995</v>
      </c>
      <c r="E4833" s="6">
        <v>708.29430000000002</v>
      </c>
    </row>
    <row r="4834" spans="4:5" x14ac:dyDescent="0.25">
      <c r="D4834" s="6">
        <v>984.32270000000005</v>
      </c>
      <c r="E4834" s="6">
        <v>775.50879999999995</v>
      </c>
    </row>
    <row r="4835" spans="4:5" x14ac:dyDescent="0.25">
      <c r="D4835" s="6">
        <v>1054.453</v>
      </c>
      <c r="E4835" s="6">
        <v>542.83709999999996</v>
      </c>
    </row>
    <row r="4836" spans="4:5" x14ac:dyDescent="0.25">
      <c r="D4836" s="6">
        <v>1589.384</v>
      </c>
      <c r="E4836" s="6">
        <v>529.74040000000002</v>
      </c>
    </row>
    <row r="4837" spans="4:5" x14ac:dyDescent="0.25">
      <c r="D4837" s="6">
        <v>699.79560000000004</v>
      </c>
      <c r="E4837" s="6">
        <v>497.85129999999998</v>
      </c>
    </row>
    <row r="4838" spans="4:5" x14ac:dyDescent="0.25">
      <c r="D4838" s="6">
        <v>848.89300000000003</v>
      </c>
      <c r="E4838" s="6">
        <v>470.16309999999999</v>
      </c>
    </row>
    <row r="4839" spans="4:5" x14ac:dyDescent="0.25">
      <c r="D4839" s="6">
        <v>1632.4059999999999</v>
      </c>
      <c r="E4839" s="6">
        <v>480.4606</v>
      </c>
    </row>
    <row r="4840" spans="4:5" x14ac:dyDescent="0.25">
      <c r="D4840" s="6">
        <v>1098.588</v>
      </c>
      <c r="E4840" s="6">
        <v>1558.596</v>
      </c>
    </row>
    <row r="4841" spans="4:5" x14ac:dyDescent="0.25">
      <c r="D4841" s="6">
        <v>1336.2470000000001</v>
      </c>
      <c r="E4841" s="6">
        <v>1962.5730000000001</v>
      </c>
    </row>
    <row r="4842" spans="4:5" x14ac:dyDescent="0.25">
      <c r="D4842" s="6">
        <v>8061.2389999999996</v>
      </c>
      <c r="E4842" s="6">
        <v>805.7396</v>
      </c>
    </row>
    <row r="4843" spans="4:5" x14ac:dyDescent="0.25">
      <c r="D4843" s="6">
        <v>1054.6479999999999</v>
      </c>
      <c r="E4843" s="6">
        <v>707.40480000000002</v>
      </c>
    </row>
    <row r="4844" spans="4:5" x14ac:dyDescent="0.25">
      <c r="D4844" s="6">
        <v>1105.0830000000001</v>
      </c>
      <c r="E4844" s="6">
        <v>619.32039999999995</v>
      </c>
    </row>
    <row r="4845" spans="4:5" x14ac:dyDescent="0.25">
      <c r="D4845" s="6">
        <v>1302.9380000000001</v>
      </c>
      <c r="E4845" s="6">
        <v>703.26279999999997</v>
      </c>
    </row>
    <row r="4846" spans="4:5" x14ac:dyDescent="0.25">
      <c r="D4846" s="6">
        <v>2013.769</v>
      </c>
      <c r="E4846" s="6">
        <v>537.66930000000002</v>
      </c>
    </row>
    <row r="4847" spans="4:5" x14ac:dyDescent="0.25">
      <c r="D4847" s="6">
        <v>553.34050000000002</v>
      </c>
      <c r="E4847" s="6">
        <v>843.702</v>
      </c>
    </row>
    <row r="4848" spans="4:5" x14ac:dyDescent="0.25">
      <c r="D4848" s="6">
        <v>1201.32</v>
      </c>
      <c r="E4848" s="6">
        <v>1189.002</v>
      </c>
    </row>
    <row r="4849" spans="4:5" x14ac:dyDescent="0.25">
      <c r="D4849" s="6">
        <v>1332.403</v>
      </c>
      <c r="E4849" s="6">
        <v>931.60400000000004</v>
      </c>
    </row>
    <row r="4850" spans="4:5" x14ac:dyDescent="0.25">
      <c r="D4850" s="6">
        <v>1454.404</v>
      </c>
      <c r="E4850" s="6">
        <v>615.21249999999998</v>
      </c>
    </row>
    <row r="4851" spans="4:5" x14ac:dyDescent="0.25">
      <c r="D4851" s="6">
        <v>1741.3789999999999</v>
      </c>
      <c r="E4851" s="6">
        <v>480.0659</v>
      </c>
    </row>
    <row r="4852" spans="4:5" x14ac:dyDescent="0.25">
      <c r="D4852" s="6">
        <v>1858.365</v>
      </c>
      <c r="E4852" s="6">
        <v>593.75869999999998</v>
      </c>
    </row>
    <row r="4853" spans="4:5" x14ac:dyDescent="0.25">
      <c r="D4853" s="6">
        <v>1477.1579999999999</v>
      </c>
      <c r="E4853" s="6">
        <v>1035.8119999999999</v>
      </c>
    </row>
    <row r="4854" spans="4:5" x14ac:dyDescent="0.25">
      <c r="D4854" s="6">
        <v>838.80380000000002</v>
      </c>
      <c r="E4854" s="6">
        <v>664.48289999999997</v>
      </c>
    </row>
    <row r="4855" spans="4:5" x14ac:dyDescent="0.25">
      <c r="D4855" s="6">
        <v>1608.7719999999999</v>
      </c>
      <c r="E4855" s="6">
        <v>758.52070000000003</v>
      </c>
    </row>
    <row r="4856" spans="4:5" x14ac:dyDescent="0.25">
      <c r="D4856" s="6">
        <v>1431.873</v>
      </c>
      <c r="E4856" s="6">
        <v>619.95820000000003</v>
      </c>
    </row>
    <row r="4857" spans="4:5" x14ac:dyDescent="0.25">
      <c r="D4857" s="6">
        <v>904.97069999999997</v>
      </c>
      <c r="E4857" s="6">
        <v>2383.36</v>
      </c>
    </row>
    <row r="4858" spans="4:5" x14ac:dyDescent="0.25">
      <c r="D4858" s="6">
        <v>1705.808</v>
      </c>
      <c r="E4858" s="6">
        <v>521.86509999999998</v>
      </c>
    </row>
    <row r="4859" spans="4:5" x14ac:dyDescent="0.25">
      <c r="D4859" s="6">
        <v>1018.672</v>
      </c>
      <c r="E4859" s="6">
        <v>443.37599999999998</v>
      </c>
    </row>
    <row r="4860" spans="4:5" x14ac:dyDescent="0.25">
      <c r="D4860" s="6">
        <v>819.84799999999996</v>
      </c>
      <c r="E4860" s="6">
        <v>1413.461</v>
      </c>
    </row>
    <row r="4861" spans="4:5" x14ac:dyDescent="0.25">
      <c r="D4861" s="6">
        <v>653.86210000000005</v>
      </c>
      <c r="E4861" s="6">
        <v>1321.1869999999999</v>
      </c>
    </row>
    <row r="4862" spans="4:5" x14ac:dyDescent="0.25">
      <c r="D4862" s="6">
        <v>1121.4259999999999</v>
      </c>
      <c r="E4862" s="6">
        <v>672.64970000000005</v>
      </c>
    </row>
    <row r="4863" spans="4:5" x14ac:dyDescent="0.25">
      <c r="D4863" s="6">
        <v>7298.21</v>
      </c>
      <c r="E4863" s="6">
        <v>562.11569999999995</v>
      </c>
    </row>
    <row r="4864" spans="4:5" x14ac:dyDescent="0.25">
      <c r="D4864" s="6">
        <v>2514.5070000000001</v>
      </c>
      <c r="E4864" s="6">
        <v>1001.621</v>
      </c>
    </row>
    <row r="4865" spans="4:5" x14ac:dyDescent="0.25">
      <c r="D4865" s="6">
        <v>4170.3280000000004</v>
      </c>
      <c r="E4865" s="6">
        <v>749.08309999999994</v>
      </c>
    </row>
    <row r="4866" spans="4:5" x14ac:dyDescent="0.25">
      <c r="D4866" s="6">
        <v>1198.248</v>
      </c>
      <c r="E4866" s="6">
        <v>499.44909999999999</v>
      </c>
    </row>
    <row r="4867" spans="4:5" x14ac:dyDescent="0.25">
      <c r="D4867" s="6">
        <v>2708.895</v>
      </c>
      <c r="E4867" s="6">
        <v>631.69320000000005</v>
      </c>
    </row>
    <row r="4868" spans="4:5" x14ac:dyDescent="0.25">
      <c r="D4868" s="6">
        <v>678.68219999999997</v>
      </c>
      <c r="E4868" s="6">
        <v>841.0009</v>
      </c>
    </row>
    <row r="4869" spans="4:5" x14ac:dyDescent="0.25">
      <c r="D4869" s="6">
        <v>1235.8230000000001</v>
      </c>
      <c r="E4869" s="6">
        <v>1326.2750000000001</v>
      </c>
    </row>
    <row r="4870" spans="4:5" x14ac:dyDescent="0.25">
      <c r="D4870" s="6">
        <v>1132.683</v>
      </c>
      <c r="E4870" s="6">
        <v>745.21450000000004</v>
      </c>
    </row>
    <row r="4871" spans="4:5" x14ac:dyDescent="0.25">
      <c r="D4871" s="6">
        <v>4095.5540000000001</v>
      </c>
      <c r="E4871" s="6">
        <v>973.20740000000001</v>
      </c>
    </row>
    <row r="4872" spans="4:5" x14ac:dyDescent="0.25">
      <c r="D4872" s="6">
        <v>1342.356</v>
      </c>
      <c r="E4872" s="6">
        <v>700.0829</v>
      </c>
    </row>
    <row r="4873" spans="4:5" x14ac:dyDescent="0.25">
      <c r="D4873" s="6">
        <v>1144.028</v>
      </c>
      <c r="E4873" s="6">
        <v>717.83330000000001</v>
      </c>
    </row>
    <row r="4874" spans="4:5" x14ac:dyDescent="0.25">
      <c r="D4874" s="6">
        <v>1131.771</v>
      </c>
      <c r="E4874" s="6">
        <v>882.66070000000002</v>
      </c>
    </row>
    <row r="4875" spans="4:5" x14ac:dyDescent="0.25">
      <c r="D4875" s="6">
        <v>1103.2850000000001</v>
      </c>
      <c r="E4875" s="6">
        <v>1683</v>
      </c>
    </row>
    <row r="4876" spans="4:5" x14ac:dyDescent="0.25">
      <c r="D4876" s="6">
        <v>975.23310000000004</v>
      </c>
      <c r="E4876" s="6">
        <v>538.53330000000005</v>
      </c>
    </row>
    <row r="4877" spans="4:5" x14ac:dyDescent="0.25">
      <c r="D4877" s="6">
        <v>2566.7249999999999</v>
      </c>
      <c r="E4877" s="6">
        <v>636.65300000000002</v>
      </c>
    </row>
    <row r="4878" spans="4:5" x14ac:dyDescent="0.25">
      <c r="D4878" s="6">
        <v>632.32690000000002</v>
      </c>
      <c r="E4878" s="6">
        <v>949.11130000000003</v>
      </c>
    </row>
    <row r="4879" spans="4:5" x14ac:dyDescent="0.25">
      <c r="D4879" s="6">
        <v>1274.9659999999999</v>
      </c>
      <c r="E4879" s="6">
        <v>1082.3019999999999</v>
      </c>
    </row>
    <row r="4880" spans="4:5" x14ac:dyDescent="0.25">
      <c r="D4880" s="6">
        <v>2830.29</v>
      </c>
      <c r="E4880" s="6">
        <v>1072.6949999999999</v>
      </c>
    </row>
    <row r="4881" spans="4:5" x14ac:dyDescent="0.25">
      <c r="D4881" s="6">
        <v>1471.318</v>
      </c>
      <c r="E4881" s="6">
        <v>669.47720000000004</v>
      </c>
    </row>
    <row r="4882" spans="4:5" x14ac:dyDescent="0.25">
      <c r="D4882" s="6">
        <v>753.31029999999998</v>
      </c>
      <c r="E4882" s="6">
        <v>842.86270000000002</v>
      </c>
    </row>
    <row r="4883" spans="4:5" x14ac:dyDescent="0.25">
      <c r="D4883" s="6">
        <v>1179.2049999999999</v>
      </c>
      <c r="E4883" s="6">
        <v>593.33799999999997</v>
      </c>
    </row>
    <row r="4884" spans="4:5" x14ac:dyDescent="0.25">
      <c r="D4884" s="6">
        <v>1288.9649999999999</v>
      </c>
      <c r="E4884" s="6">
        <v>1661.076</v>
      </c>
    </row>
    <row r="4885" spans="4:5" x14ac:dyDescent="0.25">
      <c r="D4885" s="6">
        <v>1060.4880000000001</v>
      </c>
      <c r="E4885" s="6">
        <v>421.31389999999999</v>
      </c>
    </row>
    <row r="4886" spans="4:5" x14ac:dyDescent="0.25">
      <c r="D4886" s="6">
        <v>2925.386</v>
      </c>
      <c r="E4886" s="6">
        <v>671.65940000000001</v>
      </c>
    </row>
    <row r="4887" spans="4:5" x14ac:dyDescent="0.25">
      <c r="D4887" s="6">
        <v>875.14120000000003</v>
      </c>
      <c r="E4887" s="6">
        <v>604.05840000000001</v>
      </c>
    </row>
    <row r="4888" spans="4:5" x14ac:dyDescent="0.25">
      <c r="D4888" s="6">
        <v>715.3383</v>
      </c>
      <c r="E4888" s="6">
        <v>576.87239999999997</v>
      </c>
    </row>
    <row r="4889" spans="4:5" x14ac:dyDescent="0.25">
      <c r="D4889" s="6">
        <v>1314.73</v>
      </c>
      <c r="E4889" s="6">
        <v>697.76900000000001</v>
      </c>
    </row>
    <row r="4890" spans="4:5" x14ac:dyDescent="0.25">
      <c r="D4890" s="6">
        <v>1009.91</v>
      </c>
      <c r="E4890" s="6">
        <v>729.31470000000002</v>
      </c>
    </row>
    <row r="4891" spans="4:5" x14ac:dyDescent="0.25">
      <c r="D4891" s="6">
        <v>357</v>
      </c>
      <c r="E4891" s="6">
        <v>761.91459999999995</v>
      </c>
    </row>
    <row r="4892" spans="4:5" x14ac:dyDescent="0.25">
      <c r="D4892" s="6">
        <v>618.32420000000002</v>
      </c>
      <c r="E4892" s="6">
        <v>492.34480000000002</v>
      </c>
    </row>
    <row r="4893" spans="4:5" x14ac:dyDescent="0.25">
      <c r="D4893" s="6">
        <v>1166.6579999999999</v>
      </c>
      <c r="E4893" s="6">
        <v>590.30629999999996</v>
      </c>
    </row>
    <row r="4894" spans="4:5" x14ac:dyDescent="0.25">
      <c r="D4894" s="6">
        <v>513.52319999999997</v>
      </c>
      <c r="E4894" s="6">
        <v>827.43179999999995</v>
      </c>
    </row>
    <row r="4895" spans="4:5" x14ac:dyDescent="0.25">
      <c r="D4895" s="6">
        <v>628.34789999999998</v>
      </c>
      <c r="E4895" s="6">
        <v>1212.0450000000001</v>
      </c>
    </row>
    <row r="4896" spans="4:5" x14ac:dyDescent="0.25">
      <c r="D4896" s="6">
        <v>3904.0390000000002</v>
      </c>
      <c r="E4896" s="6">
        <v>551.60900000000004</v>
      </c>
    </row>
    <row r="4897" spans="4:5" x14ac:dyDescent="0.25">
      <c r="D4897" s="6">
        <v>1619.43</v>
      </c>
      <c r="E4897" s="6">
        <v>669.70889999999997</v>
      </c>
    </row>
    <row r="4898" spans="4:5" x14ac:dyDescent="0.25">
      <c r="D4898" s="6">
        <v>891.98559999999998</v>
      </c>
      <c r="E4898" s="6">
        <v>524.65930000000003</v>
      </c>
    </row>
    <row r="4899" spans="4:5" x14ac:dyDescent="0.25">
      <c r="D4899" s="6">
        <v>625.16780000000006</v>
      </c>
      <c r="E4899" s="6">
        <v>545.58389999999997</v>
      </c>
    </row>
    <row r="4900" spans="4:5" x14ac:dyDescent="0.25">
      <c r="D4900" s="6">
        <v>759.99170000000004</v>
      </c>
      <c r="E4900" s="6">
        <v>663.5385</v>
      </c>
    </row>
    <row r="4901" spans="4:5" x14ac:dyDescent="0.25">
      <c r="D4901" s="6">
        <v>1678.0909999999999</v>
      </c>
      <c r="E4901" s="6">
        <v>432.68200000000002</v>
      </c>
    </row>
    <row r="4902" spans="4:5" x14ac:dyDescent="0.25">
      <c r="D4902" s="6">
        <v>854.1</v>
      </c>
      <c r="E4902" s="6">
        <v>403.92309999999998</v>
      </c>
    </row>
    <row r="4903" spans="4:5" x14ac:dyDescent="0.25">
      <c r="D4903" s="6">
        <v>1229.0609999999999</v>
      </c>
      <c r="E4903" s="6">
        <v>1006.162</v>
      </c>
    </row>
    <row r="4904" spans="4:5" x14ac:dyDescent="0.25">
      <c r="D4904" s="6">
        <v>2243.9499999999998</v>
      </c>
      <c r="E4904" s="6">
        <v>611.1318</v>
      </c>
    </row>
    <row r="4905" spans="4:5" x14ac:dyDescent="0.25">
      <c r="D4905" s="6">
        <v>1536.1479999999999</v>
      </c>
      <c r="E4905" s="6">
        <v>528.37819999999999</v>
      </c>
    </row>
    <row r="4906" spans="4:5" x14ac:dyDescent="0.25">
      <c r="D4906" s="6">
        <v>2389.627</v>
      </c>
      <c r="E4906" s="6">
        <v>977.64689999999996</v>
      </c>
    </row>
    <row r="4907" spans="4:5" x14ac:dyDescent="0.25">
      <c r="D4907" s="6">
        <v>1538.518</v>
      </c>
      <c r="E4907" s="6">
        <v>531.61379999999997</v>
      </c>
    </row>
    <row r="4908" spans="4:5" x14ac:dyDescent="0.25">
      <c r="D4908" s="6">
        <v>1419.3440000000001</v>
      </c>
      <c r="E4908" s="6">
        <v>542.93010000000004</v>
      </c>
    </row>
    <row r="4909" spans="4:5" x14ac:dyDescent="0.25">
      <c r="D4909" s="6">
        <v>1354.432</v>
      </c>
      <c r="E4909" s="6">
        <v>588.65880000000004</v>
      </c>
    </row>
    <row r="4910" spans="4:5" x14ac:dyDescent="0.25">
      <c r="D4910" s="6">
        <v>1921.23</v>
      </c>
      <c r="E4910" s="6">
        <v>577.05650000000003</v>
      </c>
    </row>
    <row r="4911" spans="4:5" x14ac:dyDescent="0.25">
      <c r="D4911" s="6">
        <v>1173.0530000000001</v>
      </c>
      <c r="E4911" s="6">
        <v>739.28629999999998</v>
      </c>
    </row>
    <row r="4912" spans="4:5" x14ac:dyDescent="0.25">
      <c r="D4912" s="6">
        <v>588.25810000000001</v>
      </c>
      <c r="E4912" s="6">
        <v>5443.0829999999996</v>
      </c>
    </row>
    <row r="4913" spans="4:5" x14ac:dyDescent="0.25">
      <c r="D4913" s="6">
        <v>2994.8960000000002</v>
      </c>
      <c r="E4913" s="6">
        <v>993.47059999999999</v>
      </c>
    </row>
    <row r="4914" spans="4:5" x14ac:dyDescent="0.25">
      <c r="D4914" s="6">
        <v>3282.518</v>
      </c>
      <c r="E4914" s="6">
        <v>513.37049999999999</v>
      </c>
    </row>
    <row r="4915" spans="4:5" x14ac:dyDescent="0.25">
      <c r="D4915" s="6">
        <v>1317.2139999999999</v>
      </c>
      <c r="E4915" s="6">
        <v>390.73649999999998</v>
      </c>
    </row>
    <row r="4916" spans="4:5" x14ac:dyDescent="0.25">
      <c r="D4916" s="6">
        <v>740.27919999999995</v>
      </c>
      <c r="E4916" s="6">
        <v>658.94949999999994</v>
      </c>
    </row>
    <row r="4917" spans="4:5" x14ac:dyDescent="0.25">
      <c r="D4917" s="6">
        <v>1364.231</v>
      </c>
      <c r="E4917" s="6">
        <v>408.34550000000002</v>
      </c>
    </row>
    <row r="4918" spans="4:5" x14ac:dyDescent="0.25">
      <c r="D4918" s="6">
        <v>2554.2739999999999</v>
      </c>
      <c r="E4918" s="6">
        <v>511.54450000000003</v>
      </c>
    </row>
    <row r="4919" spans="4:5" x14ac:dyDescent="0.25">
      <c r="D4919" s="6">
        <v>1156.7170000000001</v>
      </c>
      <c r="E4919" s="6">
        <v>1799.4480000000001</v>
      </c>
    </row>
    <row r="4920" spans="4:5" x14ac:dyDescent="0.25">
      <c r="D4920" s="6">
        <v>1136.01</v>
      </c>
      <c r="E4920" s="6">
        <v>574.23389999999995</v>
      </c>
    </row>
    <row r="4921" spans="4:5" x14ac:dyDescent="0.25">
      <c r="D4921" s="6">
        <v>658.67280000000005</v>
      </c>
      <c r="E4921" s="6">
        <v>613.88</v>
      </c>
    </row>
    <row r="4922" spans="4:5" x14ac:dyDescent="0.25">
      <c r="D4922" s="6">
        <v>1331.75</v>
      </c>
      <c r="E4922" s="6">
        <v>401.47019999999998</v>
      </c>
    </row>
    <row r="4923" spans="4:5" x14ac:dyDescent="0.25">
      <c r="D4923" s="6">
        <v>2028.5630000000001</v>
      </c>
      <c r="E4923" s="6">
        <v>533.62099999999998</v>
      </c>
    </row>
    <row r="4924" spans="4:5" x14ac:dyDescent="0.25">
      <c r="D4924" s="6">
        <v>753.77769999999998</v>
      </c>
      <c r="E4924" s="6">
        <v>479.4864</v>
      </c>
    </row>
    <row r="4925" spans="4:5" x14ac:dyDescent="0.25">
      <c r="D4925" s="6">
        <v>541.43129999999996</v>
      </c>
      <c r="E4925" s="6">
        <v>517.20709999999997</v>
      </c>
    </row>
    <row r="4926" spans="4:5" x14ac:dyDescent="0.25">
      <c r="D4926" s="6">
        <v>1136.6600000000001</v>
      </c>
      <c r="E4926" s="6">
        <v>694.51499999999999</v>
      </c>
    </row>
    <row r="4927" spans="4:5" x14ac:dyDescent="0.25">
      <c r="D4927" s="6">
        <v>6335.2240000000002</v>
      </c>
      <c r="E4927" s="6">
        <v>458.63929999999999</v>
      </c>
    </row>
    <row r="4928" spans="4:5" x14ac:dyDescent="0.25">
      <c r="D4928" s="6">
        <v>926.5</v>
      </c>
      <c r="E4928" s="6">
        <v>1206.3330000000001</v>
      </c>
    </row>
    <row r="4929" spans="4:5" x14ac:dyDescent="0.25">
      <c r="D4929" s="6">
        <v>938.55669999999998</v>
      </c>
      <c r="E4929" s="6">
        <v>652.68949999999995</v>
      </c>
    </row>
    <row r="4930" spans="4:5" x14ac:dyDescent="0.25">
      <c r="D4930" s="6">
        <v>3115.904</v>
      </c>
      <c r="E4930" s="6">
        <v>492.07190000000003</v>
      </c>
    </row>
    <row r="4931" spans="4:5" x14ac:dyDescent="0.25">
      <c r="D4931" s="6">
        <v>2779.6759999999999</v>
      </c>
      <c r="E4931" s="6">
        <v>559.68060000000003</v>
      </c>
    </row>
    <row r="4932" spans="4:5" x14ac:dyDescent="0.25">
      <c r="D4932" s="6">
        <v>2064.721</v>
      </c>
      <c r="E4932" s="6">
        <v>825.93299999999999</v>
      </c>
    </row>
    <row r="4933" spans="4:5" x14ac:dyDescent="0.25">
      <c r="D4933" s="6">
        <v>1631.248</v>
      </c>
      <c r="E4933" s="6">
        <v>484.96850000000001</v>
      </c>
    </row>
    <row r="4934" spans="4:5" x14ac:dyDescent="0.25">
      <c r="D4934" s="6">
        <v>2958.7719999999999</v>
      </c>
      <c r="E4934" s="6">
        <v>2101.0830000000001</v>
      </c>
    </row>
    <row r="4935" spans="4:5" x14ac:dyDescent="0.25">
      <c r="D4935" s="6">
        <v>2263.7959999999998</v>
      </c>
      <c r="E4935" s="6">
        <v>541.77629999999999</v>
      </c>
    </row>
    <row r="4936" spans="4:5" x14ac:dyDescent="0.25">
      <c r="D4936" s="6">
        <v>1238.432</v>
      </c>
      <c r="E4936" s="6">
        <v>549.5</v>
      </c>
    </row>
    <row r="4937" spans="4:5" x14ac:dyDescent="0.25">
      <c r="D4937" s="6">
        <v>865.26649999999995</v>
      </c>
      <c r="E4937" s="6">
        <v>1059.4259999999999</v>
      </c>
    </row>
    <row r="4938" spans="4:5" x14ac:dyDescent="0.25">
      <c r="D4938" s="6">
        <v>1088.8320000000001</v>
      </c>
      <c r="E4938" s="6">
        <v>568.35709999999995</v>
      </c>
    </row>
    <row r="4939" spans="4:5" x14ac:dyDescent="0.25">
      <c r="D4939" s="6">
        <v>518.14290000000005</v>
      </c>
      <c r="E4939" s="6">
        <v>538.39020000000005</v>
      </c>
    </row>
    <row r="4940" spans="4:5" x14ac:dyDescent="0.25">
      <c r="D4940" s="6">
        <v>1865.5989999999999</v>
      </c>
      <c r="E4940" s="6">
        <v>507.0523</v>
      </c>
    </row>
    <row r="4941" spans="4:5" x14ac:dyDescent="0.25">
      <c r="D4941" s="6">
        <v>1715.903</v>
      </c>
      <c r="E4941" s="6">
        <v>535.45450000000005</v>
      </c>
    </row>
    <row r="4942" spans="4:5" x14ac:dyDescent="0.25">
      <c r="D4942" s="6">
        <v>1187.845</v>
      </c>
      <c r="E4942" s="6">
        <v>620.5</v>
      </c>
    </row>
    <row r="4943" spans="4:5" x14ac:dyDescent="0.25">
      <c r="D4943" s="6">
        <v>2646.134</v>
      </c>
      <c r="E4943" s="6">
        <v>461.37209999999999</v>
      </c>
    </row>
    <row r="4944" spans="4:5" x14ac:dyDescent="0.25">
      <c r="D4944" s="6">
        <v>1880.5609999999999</v>
      </c>
      <c r="E4944" s="6">
        <v>629.08109999999999</v>
      </c>
    </row>
    <row r="4945" spans="4:5" x14ac:dyDescent="0.25">
      <c r="D4945" s="6">
        <v>2562.1239999999998</v>
      </c>
      <c r="E4945" s="6">
        <v>526.25469999999996</v>
      </c>
    </row>
    <row r="4946" spans="4:5" x14ac:dyDescent="0.25">
      <c r="D4946" s="6">
        <v>2155.0070000000001</v>
      </c>
      <c r="E4946" s="6">
        <v>544</v>
      </c>
    </row>
    <row r="4947" spans="4:5" x14ac:dyDescent="0.25">
      <c r="D4947" s="6">
        <v>1136.249</v>
      </c>
      <c r="E4947" s="6">
        <v>565.09969999999998</v>
      </c>
    </row>
    <row r="4948" spans="4:5" x14ac:dyDescent="0.25">
      <c r="D4948" s="6">
        <v>1852.444</v>
      </c>
      <c r="E4948" s="6">
        <v>679.98149999999998</v>
      </c>
    </row>
    <row r="4949" spans="4:5" x14ac:dyDescent="0.25">
      <c r="D4949" s="6">
        <v>991.54949999999997</v>
      </c>
      <c r="E4949" s="6">
        <v>476.26060000000001</v>
      </c>
    </row>
    <row r="4950" spans="4:5" x14ac:dyDescent="0.25">
      <c r="D4950" s="6">
        <v>2126.5729999999999</v>
      </c>
      <c r="E4950" s="6">
        <v>715.9393</v>
      </c>
    </row>
    <row r="4951" spans="4:5" x14ac:dyDescent="0.25">
      <c r="D4951" s="6">
        <v>3812.2429999999999</v>
      </c>
      <c r="E4951" s="6">
        <v>511.4067</v>
      </c>
    </row>
    <row r="4952" spans="4:5" x14ac:dyDescent="0.25">
      <c r="D4952" s="6">
        <v>1645.412</v>
      </c>
      <c r="E4952" s="6">
        <v>399.44349999999997</v>
      </c>
    </row>
    <row r="4953" spans="4:5" x14ac:dyDescent="0.25">
      <c r="D4953" s="6">
        <v>1829.2190000000001</v>
      </c>
      <c r="E4953" s="6">
        <v>515.55719999999997</v>
      </c>
    </row>
    <row r="4954" spans="4:5" x14ac:dyDescent="0.25">
      <c r="D4954" s="6">
        <v>2645.0140000000001</v>
      </c>
      <c r="E4954" s="6">
        <v>466.47609999999997</v>
      </c>
    </row>
    <row r="4955" spans="4:5" x14ac:dyDescent="0.25">
      <c r="D4955" s="6">
        <v>801.54420000000005</v>
      </c>
      <c r="E4955" s="6">
        <v>712.78989999999999</v>
      </c>
    </row>
    <row r="4956" spans="4:5" x14ac:dyDescent="0.25">
      <c r="D4956" s="6">
        <v>969.45950000000005</v>
      </c>
      <c r="E4956" s="6">
        <v>871.96950000000004</v>
      </c>
    </row>
    <row r="4957" spans="4:5" x14ac:dyDescent="0.25">
      <c r="D4957" s="6">
        <v>3997.7190000000001</v>
      </c>
      <c r="E4957" s="6">
        <v>2251.634</v>
      </c>
    </row>
    <row r="4958" spans="4:5" x14ac:dyDescent="0.25">
      <c r="D4958" s="6">
        <v>3240.5079999999998</v>
      </c>
      <c r="E4958" s="6">
        <v>817.04939999999999</v>
      </c>
    </row>
    <row r="4959" spans="4:5" x14ac:dyDescent="0.25">
      <c r="D4959" s="6">
        <v>1081.8789999999999</v>
      </c>
      <c r="E4959" s="6">
        <v>501.99349999999998</v>
      </c>
    </row>
    <row r="4960" spans="4:5" x14ac:dyDescent="0.25">
      <c r="D4960" s="6">
        <v>2971.11</v>
      </c>
      <c r="E4960" s="6">
        <v>516.42110000000002</v>
      </c>
    </row>
    <row r="4961" spans="4:5" x14ac:dyDescent="0.25">
      <c r="D4961" s="6">
        <v>1229.6320000000001</v>
      </c>
      <c r="E4961" s="6">
        <v>708.90099999999995</v>
      </c>
    </row>
    <row r="4962" spans="4:5" x14ac:dyDescent="0.25">
      <c r="D4962" s="6">
        <v>4866.0240000000003</v>
      </c>
      <c r="E4962" s="6">
        <v>440.62119999999999</v>
      </c>
    </row>
    <row r="4963" spans="4:5" x14ac:dyDescent="0.25">
      <c r="D4963" s="6">
        <v>951.12509999999997</v>
      </c>
      <c r="E4963" s="6">
        <v>3809.7559999999999</v>
      </c>
    </row>
    <row r="4964" spans="4:5" x14ac:dyDescent="0.25">
      <c r="D4964" s="6">
        <v>9295.41</v>
      </c>
      <c r="E4964" s="6">
        <v>868</v>
      </c>
    </row>
    <row r="4965" spans="4:5" x14ac:dyDescent="0.25">
      <c r="D4965" s="6">
        <v>3528.6149999999998</v>
      </c>
      <c r="E4965" s="6">
        <v>756.65899999999999</v>
      </c>
    </row>
    <row r="4966" spans="4:5" x14ac:dyDescent="0.25">
      <c r="D4966" s="6">
        <v>1775.6869999999999</v>
      </c>
      <c r="E4966" s="6">
        <v>752.83349999999996</v>
      </c>
    </row>
    <row r="4967" spans="4:5" x14ac:dyDescent="0.25">
      <c r="D4967" s="6">
        <v>1184.6500000000001</v>
      </c>
      <c r="E4967" s="6">
        <v>1023.5</v>
      </c>
    </row>
    <row r="4968" spans="4:5" x14ac:dyDescent="0.25">
      <c r="D4968" s="6">
        <v>1193.394</v>
      </c>
      <c r="E4968" s="6">
        <v>543.54229999999995</v>
      </c>
    </row>
    <row r="4969" spans="4:5" x14ac:dyDescent="0.25">
      <c r="D4969" s="6">
        <v>1026.4670000000001</v>
      </c>
      <c r="E4969" s="6">
        <v>561.01189999999997</v>
      </c>
    </row>
    <row r="4970" spans="4:5" x14ac:dyDescent="0.25">
      <c r="D4970" s="6">
        <v>833.23490000000004</v>
      </c>
      <c r="E4970" s="6">
        <v>689.22220000000004</v>
      </c>
    </row>
    <row r="4971" spans="4:5" x14ac:dyDescent="0.25">
      <c r="D4971" s="6">
        <v>860.65830000000005</v>
      </c>
      <c r="E4971" s="6">
        <v>453.47829999999999</v>
      </c>
    </row>
    <row r="4972" spans="4:5" x14ac:dyDescent="0.25">
      <c r="D4972" s="6">
        <v>2110.049</v>
      </c>
      <c r="E4972" s="6">
        <v>431.59719999999999</v>
      </c>
    </row>
    <row r="4973" spans="4:5" x14ac:dyDescent="0.25">
      <c r="D4973" s="6">
        <v>1983.1489999999999</v>
      </c>
      <c r="E4973" s="6">
        <v>544.45450000000005</v>
      </c>
    </row>
    <row r="4974" spans="4:5" x14ac:dyDescent="0.25">
      <c r="D4974" s="6">
        <v>1224.49</v>
      </c>
      <c r="E4974" s="6">
        <v>715.87130000000002</v>
      </c>
    </row>
    <row r="4975" spans="4:5" x14ac:dyDescent="0.25">
      <c r="D4975" s="6">
        <v>985.12210000000005</v>
      </c>
      <c r="E4975" s="6">
        <v>507.32040000000001</v>
      </c>
    </row>
    <row r="4976" spans="4:5" x14ac:dyDescent="0.25">
      <c r="D4976" s="6">
        <v>1578.3240000000001</v>
      </c>
      <c r="E4976" s="6">
        <v>579.06809999999996</v>
      </c>
    </row>
    <row r="4977" spans="4:5" x14ac:dyDescent="0.25">
      <c r="D4977" s="6">
        <v>1500.79</v>
      </c>
      <c r="E4977" s="6">
        <v>458.7106</v>
      </c>
    </row>
    <row r="4978" spans="4:5" x14ac:dyDescent="0.25">
      <c r="D4978" s="6">
        <v>3030.5120000000002</v>
      </c>
      <c r="E4978" s="6">
        <v>816.46389999999997</v>
      </c>
    </row>
    <row r="4979" spans="4:5" x14ac:dyDescent="0.25">
      <c r="D4979" s="6">
        <v>6770.84</v>
      </c>
      <c r="E4979" s="6">
        <v>723.5</v>
      </c>
    </row>
    <row r="4980" spans="4:5" x14ac:dyDescent="0.25">
      <c r="D4980" s="6">
        <v>1038.23</v>
      </c>
      <c r="E4980" s="6">
        <v>818.6807</v>
      </c>
    </row>
    <row r="4981" spans="4:5" x14ac:dyDescent="0.25">
      <c r="D4981" s="6">
        <v>554.10929999999996</v>
      </c>
      <c r="E4981" s="6">
        <v>654.75250000000005</v>
      </c>
    </row>
    <row r="4982" spans="4:5" x14ac:dyDescent="0.25">
      <c r="D4982" s="6">
        <v>631.79930000000002</v>
      </c>
      <c r="E4982" s="6">
        <v>503.02330000000001</v>
      </c>
    </row>
    <row r="4983" spans="4:5" x14ac:dyDescent="0.25">
      <c r="D4983" s="6">
        <v>2261.9520000000002</v>
      </c>
      <c r="E4983" s="6">
        <v>915.77700000000004</v>
      </c>
    </row>
    <row r="4984" spans="4:5" x14ac:dyDescent="0.25">
      <c r="D4984" s="6">
        <v>803.27210000000002</v>
      </c>
      <c r="E4984" s="6">
        <v>575.27170000000001</v>
      </c>
    </row>
    <row r="4985" spans="4:5" x14ac:dyDescent="0.25">
      <c r="D4985" s="6">
        <v>1191.3579999999999</v>
      </c>
      <c r="E4985" s="6">
        <v>462.56450000000001</v>
      </c>
    </row>
    <row r="4986" spans="4:5" x14ac:dyDescent="0.25">
      <c r="D4986" s="6">
        <v>1104.6780000000001</v>
      </c>
      <c r="E4986" s="6">
        <v>474</v>
      </c>
    </row>
    <row r="4987" spans="4:5" x14ac:dyDescent="0.25">
      <c r="D4987" s="6">
        <v>4297.2849999999999</v>
      </c>
      <c r="E4987" s="6">
        <v>513.4896</v>
      </c>
    </row>
    <row r="4988" spans="4:5" x14ac:dyDescent="0.25">
      <c r="D4988" s="6">
        <v>947.27520000000004</v>
      </c>
      <c r="E4988" s="6">
        <v>722.18600000000004</v>
      </c>
    </row>
    <row r="4989" spans="4:5" x14ac:dyDescent="0.25">
      <c r="D4989" s="6">
        <v>2838.2829999999999</v>
      </c>
      <c r="E4989" s="6">
        <v>495.375</v>
      </c>
    </row>
    <row r="4990" spans="4:5" x14ac:dyDescent="0.25">
      <c r="D4990" s="6">
        <v>3939.17</v>
      </c>
      <c r="E4990" s="6">
        <v>477.53039999999999</v>
      </c>
    </row>
    <row r="4991" spans="4:5" x14ac:dyDescent="0.25">
      <c r="D4991" s="6">
        <v>585.17859999999996</v>
      </c>
      <c r="E4991" s="6">
        <v>806.84609999999998</v>
      </c>
    </row>
    <row r="4992" spans="4:5" x14ac:dyDescent="0.25">
      <c r="D4992" s="6">
        <v>1145.0119999999999</v>
      </c>
      <c r="E4992" s="6">
        <v>589.0625</v>
      </c>
    </row>
    <row r="4993" spans="4:5" x14ac:dyDescent="0.25">
      <c r="D4993" s="6">
        <v>1301.864</v>
      </c>
      <c r="E4993" s="6">
        <v>685.90909999999997</v>
      </c>
    </row>
    <row r="4994" spans="4:5" x14ac:dyDescent="0.25">
      <c r="D4994" s="6">
        <v>3081.6120000000001</v>
      </c>
      <c r="E4994" s="6">
        <v>442.47930000000002</v>
      </c>
    </row>
    <row r="4995" spans="4:5" x14ac:dyDescent="0.25">
      <c r="D4995" s="6">
        <v>1204.5719999999999</v>
      </c>
      <c r="E4995" s="6">
        <v>544.11469999999997</v>
      </c>
    </row>
    <row r="4996" spans="4:5" x14ac:dyDescent="0.25">
      <c r="D4996" s="6">
        <v>660.47979999999995</v>
      </c>
      <c r="E4996" s="6">
        <v>1477.7</v>
      </c>
    </row>
    <row r="4997" spans="4:5" x14ac:dyDescent="0.25">
      <c r="D4997" s="6">
        <v>946.13390000000004</v>
      </c>
      <c r="E4997" s="6">
        <v>568.88589999999999</v>
      </c>
    </row>
    <row r="4998" spans="4:5" x14ac:dyDescent="0.25">
      <c r="D4998" s="6">
        <v>783.80719999999997</v>
      </c>
      <c r="E4998" s="6">
        <v>659.56410000000005</v>
      </c>
    </row>
    <row r="4999" spans="4:5" x14ac:dyDescent="0.25">
      <c r="D4999" s="6">
        <v>1170.1300000000001</v>
      </c>
      <c r="E4999" s="6">
        <v>608.06820000000005</v>
      </c>
    </row>
    <row r="5000" spans="4:5" x14ac:dyDescent="0.25">
      <c r="D5000" s="6">
        <v>7088</v>
      </c>
      <c r="E5000" s="6">
        <v>1762.046</v>
      </c>
    </row>
    <row r="5001" spans="4:5" x14ac:dyDescent="0.25">
      <c r="D5001" s="6">
        <v>4232.5659999999998</v>
      </c>
      <c r="E5001" s="6">
        <v>695.2627</v>
      </c>
    </row>
    <row r="5002" spans="4:5" x14ac:dyDescent="0.25">
      <c r="D5002" s="6">
        <v>1017.962</v>
      </c>
      <c r="E5002" s="6">
        <v>599.20100000000002</v>
      </c>
    </row>
    <row r="5003" spans="4:5" x14ac:dyDescent="0.25">
      <c r="D5003" s="6">
        <v>1071.3900000000001</v>
      </c>
      <c r="E5003" s="6">
        <v>629.83630000000005</v>
      </c>
    </row>
    <row r="5004" spans="4:5" x14ac:dyDescent="0.25">
      <c r="D5004" s="6">
        <v>1410.51</v>
      </c>
      <c r="E5004" s="6">
        <v>555.23530000000005</v>
      </c>
    </row>
    <row r="5005" spans="4:5" x14ac:dyDescent="0.25">
      <c r="D5005" s="6">
        <v>493.90609999999998</v>
      </c>
      <c r="E5005" s="6">
        <v>1063.8920000000001</v>
      </c>
    </row>
    <row r="5006" spans="4:5" x14ac:dyDescent="0.25">
      <c r="D5006" s="6">
        <v>1363.194</v>
      </c>
      <c r="E5006" s="6">
        <v>685.0838</v>
      </c>
    </row>
    <row r="5007" spans="4:5" x14ac:dyDescent="0.25">
      <c r="D5007" s="6">
        <v>6681.3130000000001</v>
      </c>
      <c r="E5007" s="6">
        <v>836.24159999999995</v>
      </c>
    </row>
    <row r="5008" spans="4:5" x14ac:dyDescent="0.25">
      <c r="D5008" s="6">
        <v>1417.154</v>
      </c>
      <c r="E5008" s="6">
        <v>767.35379999999998</v>
      </c>
    </row>
    <row r="5009" spans="4:5" x14ac:dyDescent="0.25">
      <c r="D5009" s="6">
        <v>712.2</v>
      </c>
      <c r="E5009" s="6">
        <v>478.62869999999998</v>
      </c>
    </row>
    <row r="5010" spans="4:5" x14ac:dyDescent="0.25">
      <c r="D5010" s="6">
        <v>995.52909999999997</v>
      </c>
      <c r="E5010" s="6">
        <v>8289.83</v>
      </c>
    </row>
    <row r="5011" spans="4:5" x14ac:dyDescent="0.25">
      <c r="D5011" s="6">
        <v>949.6617</v>
      </c>
      <c r="E5011" s="6">
        <v>635.59199999999998</v>
      </c>
    </row>
    <row r="5012" spans="4:5" x14ac:dyDescent="0.25">
      <c r="D5012" s="6">
        <v>630.98860000000002</v>
      </c>
      <c r="E5012" s="6">
        <v>568.85329999999999</v>
      </c>
    </row>
    <row r="5013" spans="4:5" x14ac:dyDescent="0.25">
      <c r="D5013" s="6">
        <v>2039.1990000000001</v>
      </c>
      <c r="E5013" s="6">
        <v>522.92340000000002</v>
      </c>
    </row>
    <row r="5014" spans="4:5" x14ac:dyDescent="0.25">
      <c r="D5014" s="6">
        <v>2987.3159999999998</v>
      </c>
      <c r="E5014" s="6">
        <v>514.87810000000002</v>
      </c>
    </row>
    <row r="5015" spans="4:5" x14ac:dyDescent="0.25">
      <c r="D5015" s="6">
        <v>1822.2149999999999</v>
      </c>
      <c r="E5015" s="6">
        <v>660.02549999999997</v>
      </c>
    </row>
    <row r="5016" spans="4:5" x14ac:dyDescent="0.25">
      <c r="D5016" s="6">
        <v>10088.73</v>
      </c>
      <c r="E5016" s="6">
        <v>7508.0290000000005</v>
      </c>
    </row>
    <row r="5017" spans="4:5" x14ac:dyDescent="0.25">
      <c r="D5017" s="6">
        <v>1061.7529999999999</v>
      </c>
      <c r="E5017" s="6">
        <v>750.125</v>
      </c>
    </row>
    <row r="5018" spans="4:5" x14ac:dyDescent="0.25">
      <c r="D5018" s="6">
        <v>1242.5899999999999</v>
      </c>
      <c r="E5018" s="6">
        <v>529.69899999999996</v>
      </c>
    </row>
    <row r="5019" spans="4:5" x14ac:dyDescent="0.25">
      <c r="D5019" s="6">
        <v>4630.8940000000002</v>
      </c>
      <c r="E5019" s="6">
        <v>765</v>
      </c>
    </row>
    <row r="5020" spans="4:5" x14ac:dyDescent="0.25">
      <c r="D5020" s="6">
        <v>930.0829</v>
      </c>
      <c r="E5020" s="6">
        <v>702.56679999999994</v>
      </c>
    </row>
    <row r="5021" spans="4:5" x14ac:dyDescent="0.25">
      <c r="D5021" s="6">
        <v>1426.7080000000001</v>
      </c>
      <c r="E5021" s="6">
        <v>544.21600000000001</v>
      </c>
    </row>
    <row r="5022" spans="4:5" x14ac:dyDescent="0.25">
      <c r="D5022" s="6">
        <v>1678.546</v>
      </c>
      <c r="E5022" s="6">
        <v>421.91320000000002</v>
      </c>
    </row>
    <row r="5023" spans="4:5" x14ac:dyDescent="0.25">
      <c r="D5023" s="6">
        <v>1431.5709999999999</v>
      </c>
      <c r="E5023" s="6">
        <v>530.46389999999997</v>
      </c>
    </row>
    <row r="5024" spans="4:5" x14ac:dyDescent="0.25">
      <c r="D5024" s="6">
        <v>1065.2349999999999</v>
      </c>
      <c r="E5024" s="6">
        <v>1638.3</v>
      </c>
    </row>
    <row r="5025" spans="4:5" x14ac:dyDescent="0.25">
      <c r="D5025" s="6">
        <v>608.62480000000005</v>
      </c>
      <c r="E5025" s="6">
        <v>617.87339999999995</v>
      </c>
    </row>
    <row r="5026" spans="4:5" x14ac:dyDescent="0.25">
      <c r="D5026" s="6">
        <v>1205.298</v>
      </c>
      <c r="E5026" s="6">
        <v>1005.607</v>
      </c>
    </row>
    <row r="5027" spans="4:5" x14ac:dyDescent="0.25">
      <c r="D5027" s="6">
        <v>906.15260000000001</v>
      </c>
      <c r="E5027" s="6">
        <v>488.72210000000001</v>
      </c>
    </row>
    <row r="5028" spans="4:5" x14ac:dyDescent="0.25">
      <c r="D5028" s="6">
        <v>1423.5029999999999</v>
      </c>
      <c r="E5028" s="6">
        <v>134</v>
      </c>
    </row>
    <row r="5029" spans="4:5" x14ac:dyDescent="0.25">
      <c r="D5029" s="6">
        <v>2260.288</v>
      </c>
      <c r="E5029" s="6">
        <v>824.57140000000004</v>
      </c>
    </row>
    <row r="5030" spans="4:5" x14ac:dyDescent="0.25">
      <c r="D5030" s="6">
        <v>2898.7150000000001</v>
      </c>
      <c r="E5030" s="6">
        <v>715.94119999999998</v>
      </c>
    </row>
    <row r="5031" spans="4:5" x14ac:dyDescent="0.25">
      <c r="D5031" s="6">
        <v>1163.53</v>
      </c>
      <c r="E5031" s="6">
        <v>577.47140000000002</v>
      </c>
    </row>
    <row r="5032" spans="4:5" x14ac:dyDescent="0.25">
      <c r="D5032" s="6">
        <v>1024.4780000000001</v>
      </c>
      <c r="E5032" s="6">
        <v>508.6601</v>
      </c>
    </row>
    <row r="5033" spans="4:5" x14ac:dyDescent="0.25">
      <c r="D5033" s="6">
        <v>1074.681</v>
      </c>
      <c r="E5033" s="6">
        <v>565.85900000000004</v>
      </c>
    </row>
    <row r="5034" spans="4:5" x14ac:dyDescent="0.25">
      <c r="D5034" s="6">
        <v>779.54729999999995</v>
      </c>
      <c r="E5034" s="6">
        <v>1100.8209999999999</v>
      </c>
    </row>
    <row r="5035" spans="4:5" x14ac:dyDescent="0.25">
      <c r="D5035" s="6">
        <v>550.09090000000003</v>
      </c>
      <c r="E5035" s="6">
        <v>582.3732</v>
      </c>
    </row>
    <row r="5036" spans="4:5" x14ac:dyDescent="0.25">
      <c r="D5036" s="6">
        <v>3681.239</v>
      </c>
      <c r="E5036" s="6">
        <v>2286.4090000000001</v>
      </c>
    </row>
    <row r="5037" spans="4:5" x14ac:dyDescent="0.25">
      <c r="D5037" s="6">
        <v>1523.7750000000001</v>
      </c>
      <c r="E5037" s="6">
        <v>498.31689999999998</v>
      </c>
    </row>
    <row r="5038" spans="4:5" x14ac:dyDescent="0.25">
      <c r="D5038" s="6">
        <v>4445.0879999999997</v>
      </c>
      <c r="E5038" s="6">
        <v>488.10410000000002</v>
      </c>
    </row>
    <row r="5039" spans="4:5" x14ac:dyDescent="0.25">
      <c r="D5039" s="6">
        <v>2498.7550000000001</v>
      </c>
      <c r="E5039" s="6">
        <v>9535.5830000000005</v>
      </c>
    </row>
    <row r="5040" spans="4:5" x14ac:dyDescent="0.25">
      <c r="D5040" s="6">
        <v>3526.806</v>
      </c>
      <c r="E5040" s="6">
        <v>8953</v>
      </c>
    </row>
    <row r="5041" spans="4:5" x14ac:dyDescent="0.25">
      <c r="D5041" s="6">
        <v>932.60180000000003</v>
      </c>
      <c r="E5041" s="6">
        <v>545.40160000000003</v>
      </c>
    </row>
    <row r="5042" spans="4:5" x14ac:dyDescent="0.25">
      <c r="D5042" s="6">
        <v>1294.771</v>
      </c>
      <c r="E5042" s="6">
        <v>523.95159999999998</v>
      </c>
    </row>
    <row r="5043" spans="4:5" x14ac:dyDescent="0.25">
      <c r="D5043" s="6">
        <v>1427.6469999999999</v>
      </c>
      <c r="E5043" s="6">
        <v>517.83730000000003</v>
      </c>
    </row>
    <row r="5044" spans="4:5" x14ac:dyDescent="0.25">
      <c r="D5044" s="6">
        <v>728.82150000000001</v>
      </c>
      <c r="E5044" s="6">
        <v>531.09730000000002</v>
      </c>
    </row>
    <row r="5045" spans="4:5" x14ac:dyDescent="0.25">
      <c r="D5045" s="6">
        <v>2617.7310000000002</v>
      </c>
      <c r="E5045" s="6">
        <v>596.80820000000006</v>
      </c>
    </row>
    <row r="5046" spans="4:5" x14ac:dyDescent="0.25">
      <c r="D5046" s="6">
        <v>645.85040000000004</v>
      </c>
      <c r="E5046" s="6">
        <v>670.12239999999997</v>
      </c>
    </row>
    <row r="5047" spans="4:5" x14ac:dyDescent="0.25">
      <c r="D5047" s="6">
        <v>720.76769999999999</v>
      </c>
      <c r="E5047" s="6">
        <v>659.7903</v>
      </c>
    </row>
    <row r="5048" spans="4:5" x14ac:dyDescent="0.25">
      <c r="D5048" s="6">
        <v>1590.473</v>
      </c>
      <c r="E5048" s="6">
        <v>6930.8329999999996</v>
      </c>
    </row>
    <row r="5049" spans="4:5" x14ac:dyDescent="0.25">
      <c r="D5049" s="6">
        <v>812.5616</v>
      </c>
      <c r="E5049" s="6">
        <v>799.76930000000004</v>
      </c>
    </row>
    <row r="5050" spans="4:5" x14ac:dyDescent="0.25">
      <c r="D5050" s="6">
        <v>1095.18</v>
      </c>
      <c r="E5050" s="6">
        <v>465.80459999999999</v>
      </c>
    </row>
    <row r="5051" spans="4:5" x14ac:dyDescent="0.25">
      <c r="D5051" s="6">
        <v>1108.625</v>
      </c>
      <c r="E5051" s="6">
        <v>701.19479999999999</v>
      </c>
    </row>
    <row r="5052" spans="4:5" x14ac:dyDescent="0.25">
      <c r="D5052" s="6">
        <v>2085.587</v>
      </c>
      <c r="E5052" s="6">
        <v>708.42809999999997</v>
      </c>
    </row>
    <row r="5053" spans="4:5" x14ac:dyDescent="0.25">
      <c r="D5053" s="6">
        <v>1136.6110000000001</v>
      </c>
      <c r="E5053" s="6">
        <v>565.88969999999995</v>
      </c>
    </row>
    <row r="5054" spans="4:5" x14ac:dyDescent="0.25">
      <c r="D5054" s="6">
        <v>562.43610000000001</v>
      </c>
      <c r="E5054" s="6">
        <v>5143</v>
      </c>
    </row>
    <row r="5055" spans="4:5" x14ac:dyDescent="0.25">
      <c r="D5055" s="6">
        <v>1276.3399999999999</v>
      </c>
      <c r="E5055" s="6">
        <v>548.86839999999995</v>
      </c>
    </row>
    <row r="5056" spans="4:5" x14ac:dyDescent="0.25">
      <c r="D5056" s="6">
        <v>2055.0430000000001</v>
      </c>
      <c r="E5056" s="6">
        <v>542.42110000000002</v>
      </c>
    </row>
    <row r="5057" spans="4:5" x14ac:dyDescent="0.25">
      <c r="D5057" s="6">
        <v>1417.5989999999999</v>
      </c>
      <c r="E5057" s="6">
        <v>1344.5</v>
      </c>
    </row>
    <row r="5058" spans="4:5" x14ac:dyDescent="0.25">
      <c r="D5058" s="6">
        <v>1569.723</v>
      </c>
      <c r="E5058" s="6">
        <v>640.27779999999996</v>
      </c>
    </row>
    <row r="5059" spans="4:5" x14ac:dyDescent="0.25">
      <c r="D5059" s="6">
        <v>2223.9189999999999</v>
      </c>
      <c r="E5059" s="6">
        <v>969.93029999999999</v>
      </c>
    </row>
    <row r="5060" spans="4:5" x14ac:dyDescent="0.25">
      <c r="D5060" s="6">
        <v>1913.3610000000001</v>
      </c>
      <c r="E5060" s="6">
        <v>888.72289999999998</v>
      </c>
    </row>
    <row r="5061" spans="4:5" x14ac:dyDescent="0.25">
      <c r="D5061" s="6">
        <v>4116.1390000000001</v>
      </c>
      <c r="E5061" s="6">
        <v>405.03179999999998</v>
      </c>
    </row>
    <row r="5062" spans="4:5" x14ac:dyDescent="0.25">
      <c r="D5062" s="6">
        <v>729.48580000000004</v>
      </c>
      <c r="E5062" s="6">
        <v>437.70979999999997</v>
      </c>
    </row>
    <row r="5063" spans="4:5" x14ac:dyDescent="0.25">
      <c r="D5063" s="6">
        <v>786.36779999999999</v>
      </c>
      <c r="E5063" s="6">
        <v>670.85220000000004</v>
      </c>
    </row>
    <row r="5064" spans="4:5" x14ac:dyDescent="0.25">
      <c r="D5064" s="6">
        <v>1861.0050000000001</v>
      </c>
      <c r="E5064" s="6">
        <v>493.0958</v>
      </c>
    </row>
    <row r="5065" spans="4:5" x14ac:dyDescent="0.25">
      <c r="D5065" s="6">
        <v>946.79549999999995</v>
      </c>
      <c r="E5065" s="6">
        <v>947.81500000000005</v>
      </c>
    </row>
    <row r="5066" spans="4:5" x14ac:dyDescent="0.25">
      <c r="D5066" s="6">
        <v>1242.981</v>
      </c>
      <c r="E5066" s="6">
        <v>543</v>
      </c>
    </row>
    <row r="5067" spans="4:5" x14ac:dyDescent="0.25">
      <c r="D5067" s="6">
        <v>688.96029999999996</v>
      </c>
      <c r="E5067" s="6">
        <v>448.26549999999997</v>
      </c>
    </row>
    <row r="5068" spans="4:5" x14ac:dyDescent="0.25">
      <c r="D5068" s="6">
        <v>2685.7049999999999</v>
      </c>
      <c r="E5068" s="6">
        <v>456.65170000000001</v>
      </c>
    </row>
    <row r="5069" spans="4:5" x14ac:dyDescent="0.25">
      <c r="D5069" s="6">
        <v>1348.3209999999999</v>
      </c>
      <c r="E5069" s="6">
        <v>477.30959999999999</v>
      </c>
    </row>
    <row r="5070" spans="4:5" x14ac:dyDescent="0.25">
      <c r="D5070" s="6">
        <v>1867.5930000000001</v>
      </c>
      <c r="E5070" s="6">
        <v>690.43299999999999</v>
      </c>
    </row>
    <row r="5071" spans="4:5" x14ac:dyDescent="0.25">
      <c r="D5071" s="6">
        <v>1909.27</v>
      </c>
      <c r="E5071" s="6">
        <v>603.16480000000001</v>
      </c>
    </row>
    <row r="5072" spans="4:5" x14ac:dyDescent="0.25">
      <c r="D5072" s="6">
        <v>957.72180000000003</v>
      </c>
      <c r="E5072" s="6">
        <v>522.73140000000001</v>
      </c>
    </row>
    <row r="5073" spans="4:5" x14ac:dyDescent="0.25">
      <c r="D5073" s="6">
        <v>3216.232</v>
      </c>
      <c r="E5073" s="6">
        <v>8361.25</v>
      </c>
    </row>
    <row r="5074" spans="4:5" x14ac:dyDescent="0.25">
      <c r="D5074" s="6">
        <v>2354.6860000000001</v>
      </c>
      <c r="E5074" s="6">
        <v>574.60199999999998</v>
      </c>
    </row>
    <row r="5075" spans="4:5" x14ac:dyDescent="0.25">
      <c r="D5075" s="6">
        <v>4019.4949999999999</v>
      </c>
      <c r="E5075" s="6">
        <v>8791.5</v>
      </c>
    </row>
    <row r="5076" spans="4:5" x14ac:dyDescent="0.25">
      <c r="D5076" s="6">
        <v>1106.2449999999999</v>
      </c>
      <c r="E5076" s="6">
        <v>660</v>
      </c>
    </row>
    <row r="5077" spans="4:5" x14ac:dyDescent="0.25">
      <c r="D5077" s="6">
        <v>1437.5550000000001</v>
      </c>
      <c r="E5077" s="6">
        <v>566.52149999999995</v>
      </c>
    </row>
    <row r="5078" spans="4:5" x14ac:dyDescent="0.25">
      <c r="D5078" s="6">
        <v>1420.971</v>
      </c>
      <c r="E5078" s="6">
        <v>701.76959999999997</v>
      </c>
    </row>
    <row r="5079" spans="4:5" x14ac:dyDescent="0.25">
      <c r="D5079" s="6">
        <v>1281.913</v>
      </c>
      <c r="E5079" s="6">
        <v>629.5</v>
      </c>
    </row>
    <row r="5080" spans="4:5" x14ac:dyDescent="0.25">
      <c r="D5080" s="6">
        <v>5220.6210000000001</v>
      </c>
      <c r="E5080" s="6">
        <v>539.93200000000002</v>
      </c>
    </row>
    <row r="5081" spans="4:5" x14ac:dyDescent="0.25">
      <c r="D5081" s="6">
        <v>806.41669999999999</v>
      </c>
      <c r="E5081" s="6">
        <v>505.35989999999998</v>
      </c>
    </row>
    <row r="5082" spans="4:5" x14ac:dyDescent="0.25">
      <c r="D5082" s="6">
        <v>1363.9570000000001</v>
      </c>
      <c r="E5082" s="6">
        <v>651.40139999999997</v>
      </c>
    </row>
    <row r="5083" spans="4:5" x14ac:dyDescent="0.25">
      <c r="D5083" s="6">
        <v>1332.9780000000001</v>
      </c>
      <c r="E5083" s="6">
        <v>500.31869999999998</v>
      </c>
    </row>
    <row r="5084" spans="4:5" x14ac:dyDescent="0.25">
      <c r="D5084" s="6">
        <v>3008.8679999999999</v>
      </c>
      <c r="E5084" s="6">
        <v>469.98450000000003</v>
      </c>
    </row>
    <row r="5085" spans="4:5" x14ac:dyDescent="0.25">
      <c r="D5085" s="6">
        <v>1136.098</v>
      </c>
      <c r="E5085" s="6">
        <v>438.0643</v>
      </c>
    </row>
    <row r="5086" spans="4:5" x14ac:dyDescent="0.25">
      <c r="D5086" s="6">
        <v>956.81399999999996</v>
      </c>
      <c r="E5086" s="6">
        <v>431.41789999999997</v>
      </c>
    </row>
    <row r="5087" spans="4:5" x14ac:dyDescent="0.25">
      <c r="D5087" s="6">
        <v>1050.5360000000001</v>
      </c>
      <c r="E5087" s="6">
        <v>639.23860000000002</v>
      </c>
    </row>
    <row r="5088" spans="4:5" x14ac:dyDescent="0.25">
      <c r="D5088" s="6">
        <v>1503.3019999999999</v>
      </c>
      <c r="E5088" s="6">
        <v>621.91409999999996</v>
      </c>
    </row>
    <row r="5089" spans="4:5" x14ac:dyDescent="0.25">
      <c r="D5089" s="6">
        <v>734.75329999999997</v>
      </c>
      <c r="E5089" s="6">
        <v>455.0378</v>
      </c>
    </row>
    <row r="5090" spans="4:5" x14ac:dyDescent="0.25">
      <c r="D5090" s="6">
        <v>1533.5039999999999</v>
      </c>
      <c r="E5090" s="6">
        <v>532.32529999999997</v>
      </c>
    </row>
    <row r="5091" spans="4:5" x14ac:dyDescent="0.25">
      <c r="D5091" s="6">
        <v>994.58519999999999</v>
      </c>
      <c r="E5091" s="6">
        <v>941.24689999999998</v>
      </c>
    </row>
    <row r="5092" spans="4:5" x14ac:dyDescent="0.25">
      <c r="D5092" s="6">
        <v>1094.3219999999999</v>
      </c>
      <c r="E5092" s="6">
        <v>467.74329999999998</v>
      </c>
    </row>
    <row r="5093" spans="4:5" x14ac:dyDescent="0.25">
      <c r="D5093" s="6">
        <v>2370.2950000000001</v>
      </c>
      <c r="E5093" s="6">
        <v>1619.9169999999999</v>
      </c>
    </row>
    <row r="5094" spans="4:5" x14ac:dyDescent="0.25">
      <c r="D5094" s="6">
        <v>1191.9690000000001</v>
      </c>
      <c r="E5094" s="6">
        <v>949.47559999999999</v>
      </c>
    </row>
    <row r="5095" spans="4:5" x14ac:dyDescent="0.25">
      <c r="D5095" s="6">
        <v>1399.4739999999999</v>
      </c>
      <c r="E5095" s="6">
        <v>505.07900000000001</v>
      </c>
    </row>
    <row r="5096" spans="4:5" x14ac:dyDescent="0.25">
      <c r="D5096" s="6">
        <v>2252.2570000000001</v>
      </c>
      <c r="E5096" s="6">
        <v>610.7124</v>
      </c>
    </row>
    <row r="5097" spans="4:5" x14ac:dyDescent="0.25">
      <c r="D5097" s="6">
        <v>1026.933</v>
      </c>
      <c r="E5097" s="6">
        <v>621.29790000000003</v>
      </c>
    </row>
    <row r="5098" spans="4:5" x14ac:dyDescent="0.25">
      <c r="D5098" s="6">
        <v>4686.8209999999999</v>
      </c>
      <c r="E5098" s="6">
        <v>445.40039999999999</v>
      </c>
    </row>
    <row r="5099" spans="4:5" x14ac:dyDescent="0.25">
      <c r="D5099" s="6">
        <v>3068.9470000000001</v>
      </c>
      <c r="E5099" s="6">
        <v>518.64099999999996</v>
      </c>
    </row>
    <row r="5100" spans="4:5" x14ac:dyDescent="0.25">
      <c r="D5100" s="6">
        <v>1204.616</v>
      </c>
      <c r="E5100" s="6">
        <v>907.85450000000003</v>
      </c>
    </row>
    <row r="5101" spans="4:5" x14ac:dyDescent="0.25">
      <c r="D5101" s="6">
        <v>1010.417</v>
      </c>
      <c r="E5101" s="6">
        <v>1593.296</v>
      </c>
    </row>
    <row r="5102" spans="4:5" x14ac:dyDescent="0.25">
      <c r="D5102" s="6">
        <v>987.58730000000003</v>
      </c>
      <c r="E5102" s="6">
        <v>524.48820000000001</v>
      </c>
    </row>
    <row r="5103" spans="4:5" x14ac:dyDescent="0.25">
      <c r="D5103" s="6">
        <v>1523.046</v>
      </c>
      <c r="E5103" s="6">
        <v>727.17650000000003</v>
      </c>
    </row>
    <row r="5104" spans="4:5" x14ac:dyDescent="0.25">
      <c r="D5104" s="6">
        <v>998.41</v>
      </c>
      <c r="E5104" s="6">
        <v>418.60489999999999</v>
      </c>
    </row>
    <row r="5105" spans="4:5" x14ac:dyDescent="0.25">
      <c r="D5105" s="6">
        <v>1370.6790000000001</v>
      </c>
      <c r="E5105" s="6">
        <v>498.09969999999998</v>
      </c>
    </row>
    <row r="5106" spans="4:5" x14ac:dyDescent="0.25">
      <c r="D5106" s="6">
        <v>7952.8239999999996</v>
      </c>
      <c r="E5106" s="6">
        <v>882.01350000000002</v>
      </c>
    </row>
    <row r="5107" spans="4:5" x14ac:dyDescent="0.25">
      <c r="D5107" s="6">
        <v>1062.4860000000001</v>
      </c>
      <c r="E5107" s="6">
        <v>516.77239999999995</v>
      </c>
    </row>
    <row r="5108" spans="4:5" x14ac:dyDescent="0.25">
      <c r="D5108" s="6">
        <v>513.87829999999997</v>
      </c>
      <c r="E5108" s="6">
        <v>480.84019999999998</v>
      </c>
    </row>
    <row r="5109" spans="4:5" x14ac:dyDescent="0.25">
      <c r="D5109" s="6">
        <v>1398.2619999999999</v>
      </c>
      <c r="E5109" s="6">
        <v>431.40069999999997</v>
      </c>
    </row>
    <row r="5110" spans="4:5" x14ac:dyDescent="0.25">
      <c r="D5110" s="6">
        <v>1258.1179999999999</v>
      </c>
      <c r="E5110" s="6">
        <v>614.51900000000001</v>
      </c>
    </row>
    <row r="5111" spans="4:5" x14ac:dyDescent="0.25">
      <c r="D5111" s="6">
        <v>558.2296</v>
      </c>
      <c r="E5111" s="6">
        <v>821.18460000000005</v>
      </c>
    </row>
    <row r="5112" spans="4:5" x14ac:dyDescent="0.25">
      <c r="D5112" s="6">
        <v>1022.966</v>
      </c>
      <c r="E5112" s="6">
        <v>543.99760000000003</v>
      </c>
    </row>
    <row r="5113" spans="4:5" x14ac:dyDescent="0.25">
      <c r="D5113" s="6">
        <v>1283.8920000000001</v>
      </c>
      <c r="E5113" s="6">
        <v>7927</v>
      </c>
    </row>
    <row r="5114" spans="4:5" x14ac:dyDescent="0.25">
      <c r="D5114" s="6">
        <v>1178.8710000000001</v>
      </c>
      <c r="E5114" s="6">
        <v>578.50139999999999</v>
      </c>
    </row>
    <row r="5115" spans="4:5" x14ac:dyDescent="0.25">
      <c r="D5115" s="6">
        <v>621.83079999999995</v>
      </c>
      <c r="E5115" s="6">
        <v>982.88080000000002</v>
      </c>
    </row>
    <row r="5116" spans="4:5" x14ac:dyDescent="0.25">
      <c r="D5116" s="6">
        <v>2059.7979999999998</v>
      </c>
      <c r="E5116" s="6">
        <v>631.31359999999995</v>
      </c>
    </row>
    <row r="5117" spans="4:5" x14ac:dyDescent="0.25">
      <c r="D5117" s="6">
        <v>1152.6320000000001</v>
      </c>
      <c r="E5117" s="6">
        <v>602.81119999999999</v>
      </c>
    </row>
    <row r="5118" spans="4:5" x14ac:dyDescent="0.25">
      <c r="D5118" s="6">
        <v>1294.7170000000001</v>
      </c>
      <c r="E5118" s="6">
        <v>458.04700000000003</v>
      </c>
    </row>
    <row r="5119" spans="4:5" x14ac:dyDescent="0.25">
      <c r="D5119" s="6">
        <v>556.48900000000003</v>
      </c>
      <c r="E5119" s="6">
        <v>584.53719999999998</v>
      </c>
    </row>
    <row r="5120" spans="4:5" x14ac:dyDescent="0.25">
      <c r="D5120" s="6">
        <v>874.83159999999998</v>
      </c>
      <c r="E5120" s="6">
        <v>5308.4290000000001</v>
      </c>
    </row>
    <row r="5121" spans="4:5" x14ac:dyDescent="0.25">
      <c r="D5121" s="6">
        <v>4721.0540000000001</v>
      </c>
      <c r="E5121" s="6">
        <v>584.68309999999997</v>
      </c>
    </row>
    <row r="5122" spans="4:5" x14ac:dyDescent="0.25">
      <c r="D5122" s="6">
        <v>1289.422</v>
      </c>
      <c r="E5122" s="6">
        <v>567.36189999999999</v>
      </c>
    </row>
    <row r="5123" spans="4:5" x14ac:dyDescent="0.25">
      <c r="D5123" s="6">
        <v>1263.933</v>
      </c>
      <c r="E5123" s="6">
        <v>695.79539999999997</v>
      </c>
    </row>
    <row r="5124" spans="4:5" x14ac:dyDescent="0.25">
      <c r="D5124" s="6">
        <v>596.16089999999997</v>
      </c>
      <c r="E5124" s="6">
        <v>497.762</v>
      </c>
    </row>
    <row r="5125" spans="4:5" x14ac:dyDescent="0.25">
      <c r="D5125" s="6">
        <v>635.91600000000005</v>
      </c>
      <c r="E5125" s="6">
        <v>583.63750000000005</v>
      </c>
    </row>
    <row r="5126" spans="4:5" x14ac:dyDescent="0.25">
      <c r="D5126" s="6">
        <v>1352.2429999999999</v>
      </c>
      <c r="E5126" s="6">
        <v>540.62339999999995</v>
      </c>
    </row>
    <row r="5127" spans="4:5" x14ac:dyDescent="0.25">
      <c r="D5127" s="6">
        <v>2921.3589999999999</v>
      </c>
      <c r="E5127" s="6">
        <v>607.85709999999995</v>
      </c>
    </row>
    <row r="5128" spans="4:5" x14ac:dyDescent="0.25">
      <c r="D5128" s="6">
        <v>2252</v>
      </c>
      <c r="E5128" s="6">
        <v>592.98659999999995</v>
      </c>
    </row>
    <row r="5129" spans="4:5" x14ac:dyDescent="0.25">
      <c r="D5129" s="6">
        <v>4475.57</v>
      </c>
      <c r="E5129" s="6">
        <v>633.33929999999998</v>
      </c>
    </row>
    <row r="5130" spans="4:5" x14ac:dyDescent="0.25">
      <c r="D5130" s="6">
        <v>1639.9770000000001</v>
      </c>
      <c r="E5130" s="6">
        <v>707.40499999999997</v>
      </c>
    </row>
    <row r="5131" spans="4:5" x14ac:dyDescent="0.25">
      <c r="D5131" s="6">
        <v>1632.58</v>
      </c>
      <c r="E5131" s="6">
        <v>437.16640000000001</v>
      </c>
    </row>
    <row r="5132" spans="4:5" x14ac:dyDescent="0.25">
      <c r="D5132" s="6">
        <v>1035.509</v>
      </c>
      <c r="E5132" s="6">
        <v>402.17619999999999</v>
      </c>
    </row>
    <row r="5133" spans="4:5" x14ac:dyDescent="0.25">
      <c r="D5133" s="6">
        <v>400.61059999999998</v>
      </c>
      <c r="E5133" s="6">
        <v>633.55319999999995</v>
      </c>
    </row>
    <row r="5134" spans="4:5" x14ac:dyDescent="0.25">
      <c r="D5134" s="6">
        <v>1263.4259999999999</v>
      </c>
      <c r="E5134" s="6">
        <v>2632.857</v>
      </c>
    </row>
    <row r="5135" spans="4:5" x14ac:dyDescent="0.25">
      <c r="D5135" s="6">
        <v>687.52250000000004</v>
      </c>
      <c r="E5135" s="6">
        <v>617.10199999999998</v>
      </c>
    </row>
    <row r="5136" spans="4:5" x14ac:dyDescent="0.25">
      <c r="D5136" s="6">
        <v>1147.1179999999999</v>
      </c>
      <c r="E5136" s="6">
        <v>708.53930000000003</v>
      </c>
    </row>
    <row r="5137" spans="4:5" x14ac:dyDescent="0.25">
      <c r="D5137" s="6">
        <v>1031.058</v>
      </c>
      <c r="E5137" s="6">
        <v>481.07319999999999</v>
      </c>
    </row>
    <row r="5138" spans="4:5" x14ac:dyDescent="0.25">
      <c r="D5138" s="6">
        <v>1042.297</v>
      </c>
      <c r="E5138" s="6">
        <v>609.3895</v>
      </c>
    </row>
    <row r="5139" spans="4:5" x14ac:dyDescent="0.25">
      <c r="D5139" s="6">
        <v>1588.8340000000001</v>
      </c>
      <c r="E5139" s="6">
        <v>591.72400000000005</v>
      </c>
    </row>
    <row r="5140" spans="4:5" x14ac:dyDescent="0.25">
      <c r="D5140" s="6">
        <v>976.64859999999999</v>
      </c>
      <c r="E5140" s="6">
        <v>446.6164</v>
      </c>
    </row>
    <row r="5141" spans="4:5" x14ac:dyDescent="0.25">
      <c r="D5141" s="6">
        <v>1189.537</v>
      </c>
      <c r="E5141" s="6">
        <v>1624.72</v>
      </c>
    </row>
    <row r="5142" spans="4:5" x14ac:dyDescent="0.25">
      <c r="D5142" s="6">
        <v>1841.7159999999999</v>
      </c>
      <c r="E5142" s="6">
        <v>715.16560000000004</v>
      </c>
    </row>
    <row r="5143" spans="4:5" x14ac:dyDescent="0.25">
      <c r="D5143" s="6">
        <v>1895.1610000000001</v>
      </c>
      <c r="E5143" s="6">
        <v>628.23580000000004</v>
      </c>
    </row>
    <row r="5144" spans="4:5" x14ac:dyDescent="0.25">
      <c r="D5144" s="6">
        <v>1047.75</v>
      </c>
      <c r="E5144" s="6">
        <v>626.11540000000002</v>
      </c>
    </row>
    <row r="5145" spans="4:5" x14ac:dyDescent="0.25">
      <c r="D5145" s="6">
        <v>1318.607</v>
      </c>
      <c r="E5145" s="6">
        <v>744.63319999999999</v>
      </c>
    </row>
    <row r="5146" spans="4:5" x14ac:dyDescent="0.25">
      <c r="D5146" s="6">
        <v>611.63819999999998</v>
      </c>
      <c r="E5146" s="6">
        <v>590.25459999999998</v>
      </c>
    </row>
    <row r="5147" spans="4:5" x14ac:dyDescent="0.25">
      <c r="D5147" s="6">
        <v>961.3211</v>
      </c>
      <c r="E5147" s="6">
        <v>590.07730000000004</v>
      </c>
    </row>
    <row r="5148" spans="4:5" x14ac:dyDescent="0.25">
      <c r="D5148" s="6">
        <v>1308.694</v>
      </c>
      <c r="E5148" s="6">
        <v>730.15520000000004</v>
      </c>
    </row>
    <row r="5149" spans="4:5" x14ac:dyDescent="0.25">
      <c r="D5149" s="6">
        <v>1826.5150000000001</v>
      </c>
      <c r="E5149" s="6">
        <v>579.11210000000005</v>
      </c>
    </row>
    <row r="5150" spans="4:5" x14ac:dyDescent="0.25">
      <c r="D5150" s="6">
        <v>776.20640000000003</v>
      </c>
      <c r="E5150" s="6">
        <v>799.17380000000003</v>
      </c>
    </row>
    <row r="5151" spans="4:5" x14ac:dyDescent="0.25">
      <c r="D5151" s="6">
        <v>1190.6130000000001</v>
      </c>
      <c r="E5151" s="6">
        <v>763.04430000000002</v>
      </c>
    </row>
    <row r="5152" spans="4:5" x14ac:dyDescent="0.25">
      <c r="D5152" s="6">
        <v>903.96190000000001</v>
      </c>
      <c r="E5152" s="6">
        <v>696.14369999999997</v>
      </c>
    </row>
    <row r="5153" spans="4:5" x14ac:dyDescent="0.25">
      <c r="D5153" s="6">
        <v>877.29579999999999</v>
      </c>
      <c r="E5153" s="6">
        <v>1042.277</v>
      </c>
    </row>
    <row r="5154" spans="4:5" x14ac:dyDescent="0.25">
      <c r="D5154" s="6">
        <v>1287.528</v>
      </c>
      <c r="E5154" s="6">
        <v>456.76089999999999</v>
      </c>
    </row>
    <row r="5155" spans="4:5" x14ac:dyDescent="0.25">
      <c r="D5155" s="6">
        <v>5964.5330000000004</v>
      </c>
      <c r="E5155" s="6">
        <v>921.61540000000002</v>
      </c>
    </row>
    <row r="5156" spans="4:5" x14ac:dyDescent="0.25">
      <c r="D5156" s="6">
        <v>3728.8910000000001</v>
      </c>
      <c r="E5156" s="6">
        <v>505.33080000000001</v>
      </c>
    </row>
    <row r="5157" spans="4:5" x14ac:dyDescent="0.25">
      <c r="D5157" s="6">
        <v>2392.4740000000002</v>
      </c>
      <c r="E5157" s="6">
        <v>594.15139999999997</v>
      </c>
    </row>
    <row r="5158" spans="4:5" x14ac:dyDescent="0.25">
      <c r="D5158" s="6">
        <v>3075.5590000000002</v>
      </c>
      <c r="E5158" s="6">
        <v>587.10519999999997</v>
      </c>
    </row>
    <row r="5159" spans="4:5" x14ac:dyDescent="0.25">
      <c r="D5159" s="6">
        <v>621.49339999999995</v>
      </c>
      <c r="E5159" s="6">
        <v>635.61710000000005</v>
      </c>
    </row>
    <row r="5160" spans="4:5" x14ac:dyDescent="0.25">
      <c r="D5160" s="6">
        <v>1027.751</v>
      </c>
      <c r="E5160" s="6">
        <v>544.71500000000003</v>
      </c>
    </row>
    <row r="5161" spans="4:5" x14ac:dyDescent="0.25">
      <c r="D5161" s="6">
        <v>2667.6210000000001</v>
      </c>
      <c r="E5161" s="6">
        <v>607.08960000000002</v>
      </c>
    </row>
    <row r="5162" spans="4:5" x14ac:dyDescent="0.25">
      <c r="D5162" s="6">
        <v>4156.6000000000004</v>
      </c>
      <c r="E5162" s="6">
        <v>586.36919999999998</v>
      </c>
    </row>
    <row r="5163" spans="4:5" x14ac:dyDescent="0.25">
      <c r="D5163" s="6">
        <v>673.57050000000004</v>
      </c>
      <c r="E5163" s="6">
        <v>1094.759</v>
      </c>
    </row>
    <row r="5164" spans="4:5" x14ac:dyDescent="0.25">
      <c r="D5164" s="6">
        <v>1721.143</v>
      </c>
      <c r="E5164" s="6">
        <v>1107.7670000000001</v>
      </c>
    </row>
    <row r="5165" spans="4:5" x14ac:dyDescent="0.25">
      <c r="D5165" s="6">
        <v>16367.57</v>
      </c>
      <c r="E5165" s="6">
        <v>4499.2</v>
      </c>
    </row>
    <row r="5166" spans="4:5" x14ac:dyDescent="0.25">
      <c r="D5166" s="6">
        <v>1250.5519999999999</v>
      </c>
      <c r="E5166" s="6">
        <v>8018.857</v>
      </c>
    </row>
    <row r="5167" spans="4:5" x14ac:dyDescent="0.25">
      <c r="D5167" s="6">
        <v>1431.6220000000001</v>
      </c>
      <c r="E5167" s="6">
        <v>586.92899999999997</v>
      </c>
    </row>
    <row r="5168" spans="4:5" x14ac:dyDescent="0.25">
      <c r="D5168" s="6">
        <v>1705.345</v>
      </c>
      <c r="E5168" s="6">
        <v>542</v>
      </c>
    </row>
    <row r="5169" spans="4:5" x14ac:dyDescent="0.25">
      <c r="D5169" s="6">
        <v>1248.104</v>
      </c>
      <c r="E5169" s="6">
        <v>643.6087</v>
      </c>
    </row>
    <row r="5170" spans="4:5" x14ac:dyDescent="0.25">
      <c r="D5170" s="6">
        <v>2537.5300000000002</v>
      </c>
      <c r="E5170" s="6">
        <v>759.92629999999997</v>
      </c>
    </row>
    <row r="5171" spans="4:5" x14ac:dyDescent="0.25">
      <c r="D5171" s="6">
        <v>1080.559</v>
      </c>
      <c r="E5171" s="6">
        <v>633.86360000000002</v>
      </c>
    </row>
    <row r="5172" spans="4:5" x14ac:dyDescent="0.25">
      <c r="D5172" s="6">
        <v>1958.2149999999999</v>
      </c>
      <c r="E5172" s="6">
        <v>867.30989999999997</v>
      </c>
    </row>
    <row r="5173" spans="4:5" x14ac:dyDescent="0.25">
      <c r="D5173" s="6">
        <v>977.30989999999997</v>
      </c>
      <c r="E5173" s="6">
        <v>697.16899999999998</v>
      </c>
    </row>
    <row r="5174" spans="4:5" x14ac:dyDescent="0.25">
      <c r="D5174" s="6">
        <v>769.91369999999995</v>
      </c>
      <c r="E5174" s="6">
        <v>550.85249999999996</v>
      </c>
    </row>
    <row r="5175" spans="4:5" x14ac:dyDescent="0.25">
      <c r="D5175" s="6">
        <v>1037.52</v>
      </c>
      <c r="E5175" s="6">
        <v>769.17290000000003</v>
      </c>
    </row>
    <row r="5176" spans="4:5" x14ac:dyDescent="0.25">
      <c r="D5176" s="6">
        <v>3747.9630000000002</v>
      </c>
      <c r="E5176" s="6">
        <v>1281.0340000000001</v>
      </c>
    </row>
    <row r="5177" spans="4:5" x14ac:dyDescent="0.25">
      <c r="D5177" s="6">
        <v>543.06600000000003</v>
      </c>
      <c r="E5177" s="6">
        <v>698.65549999999996</v>
      </c>
    </row>
    <row r="5178" spans="4:5" x14ac:dyDescent="0.25">
      <c r="D5178" s="6">
        <v>1742.3130000000001</v>
      </c>
      <c r="E5178" s="6">
        <v>481.85019999999997</v>
      </c>
    </row>
    <row r="5179" spans="4:5" x14ac:dyDescent="0.25">
      <c r="D5179" s="6">
        <v>462.77269999999999</v>
      </c>
      <c r="E5179" s="6">
        <v>530.5394</v>
      </c>
    </row>
    <row r="5180" spans="4:5" x14ac:dyDescent="0.25">
      <c r="D5180" s="6">
        <v>1435.652</v>
      </c>
      <c r="E5180" s="6">
        <v>524.70590000000004</v>
      </c>
    </row>
    <row r="5181" spans="4:5" x14ac:dyDescent="0.25">
      <c r="D5181" s="6">
        <v>1901.0060000000001</v>
      </c>
      <c r="E5181" s="6">
        <v>2017.6780000000001</v>
      </c>
    </row>
    <row r="5182" spans="4:5" x14ac:dyDescent="0.25">
      <c r="D5182" s="6">
        <v>2260.5239999999999</v>
      </c>
      <c r="E5182" s="6">
        <v>514.04399999999998</v>
      </c>
    </row>
    <row r="5183" spans="4:5" x14ac:dyDescent="0.25">
      <c r="D5183" s="6">
        <v>1762.53</v>
      </c>
      <c r="E5183" s="6">
        <v>9196.8189999999995</v>
      </c>
    </row>
    <row r="5184" spans="4:5" x14ac:dyDescent="0.25">
      <c r="D5184" s="6">
        <v>2887.8150000000001</v>
      </c>
      <c r="E5184" s="6">
        <v>640.43669999999997</v>
      </c>
    </row>
    <row r="5185" spans="4:5" x14ac:dyDescent="0.25">
      <c r="D5185" s="6">
        <v>694</v>
      </c>
      <c r="E5185" s="6">
        <v>685.75059999999996</v>
      </c>
    </row>
    <row r="5186" spans="4:5" x14ac:dyDescent="0.25">
      <c r="D5186" s="6">
        <v>3052.5360000000001</v>
      </c>
      <c r="E5186" s="6">
        <v>455.673</v>
      </c>
    </row>
    <row r="5187" spans="4:5" x14ac:dyDescent="0.25">
      <c r="D5187" s="6">
        <v>918.93320000000006</v>
      </c>
      <c r="E5187" s="6">
        <v>1458.951</v>
      </c>
    </row>
    <row r="5188" spans="4:5" x14ac:dyDescent="0.25">
      <c r="D5188" s="6">
        <v>1384.2850000000001</v>
      </c>
      <c r="E5188" s="6">
        <v>512.91030000000001</v>
      </c>
    </row>
    <row r="5189" spans="4:5" x14ac:dyDescent="0.25">
      <c r="D5189" s="6">
        <v>909.88189999999997</v>
      </c>
      <c r="E5189" s="6">
        <v>413.31650000000002</v>
      </c>
    </row>
    <row r="5190" spans="4:5" x14ac:dyDescent="0.25">
      <c r="D5190" s="6">
        <v>780.95749999999998</v>
      </c>
      <c r="E5190" s="6">
        <v>606.57659999999998</v>
      </c>
    </row>
    <row r="5191" spans="4:5" x14ac:dyDescent="0.25">
      <c r="D5191" s="6">
        <v>1024.49</v>
      </c>
      <c r="E5191" s="6">
        <v>666.49030000000005</v>
      </c>
    </row>
    <row r="5192" spans="4:5" x14ac:dyDescent="0.25">
      <c r="D5192" s="6">
        <v>1114.595</v>
      </c>
      <c r="E5192" s="6">
        <v>501.57799999999997</v>
      </c>
    </row>
    <row r="5193" spans="4:5" x14ac:dyDescent="0.25">
      <c r="D5193" s="6">
        <v>1422.902</v>
      </c>
      <c r="E5193" s="6">
        <v>480.72</v>
      </c>
    </row>
    <row r="5194" spans="4:5" x14ac:dyDescent="0.25">
      <c r="D5194" s="6">
        <v>2062.239</v>
      </c>
      <c r="E5194" s="6">
        <v>630.36320000000001</v>
      </c>
    </row>
    <row r="5195" spans="4:5" x14ac:dyDescent="0.25">
      <c r="D5195" s="6">
        <v>5627.1790000000001</v>
      </c>
      <c r="E5195" s="6">
        <v>538.9511</v>
      </c>
    </row>
    <row r="5196" spans="4:5" x14ac:dyDescent="0.25">
      <c r="D5196" s="6">
        <v>778.05939999999998</v>
      </c>
      <c r="E5196" s="6">
        <v>663.93029999999999</v>
      </c>
    </row>
    <row r="5197" spans="4:5" x14ac:dyDescent="0.25">
      <c r="D5197" s="6">
        <v>1032.4390000000001</v>
      </c>
      <c r="E5197" s="6">
        <v>941.75030000000004</v>
      </c>
    </row>
    <row r="5198" spans="4:5" x14ac:dyDescent="0.25">
      <c r="D5198" s="6">
        <v>1712.7049999999999</v>
      </c>
      <c r="E5198" s="6">
        <v>405.92140000000001</v>
      </c>
    </row>
    <row r="5199" spans="4:5" x14ac:dyDescent="0.25">
      <c r="D5199" s="6">
        <v>1195.7550000000001</v>
      </c>
      <c r="E5199" s="6">
        <v>499.86529999999999</v>
      </c>
    </row>
    <row r="5200" spans="4:5" x14ac:dyDescent="0.25">
      <c r="D5200" s="6">
        <v>1263.0730000000001</v>
      </c>
      <c r="E5200" s="6">
        <v>953.15980000000002</v>
      </c>
    </row>
    <row r="5201" spans="4:5" x14ac:dyDescent="0.25">
      <c r="D5201" s="6">
        <v>3156.65</v>
      </c>
      <c r="E5201" s="6">
        <v>542.43140000000005</v>
      </c>
    </row>
    <row r="5202" spans="4:5" x14ac:dyDescent="0.25">
      <c r="D5202" s="6">
        <v>2279.8249999999998</v>
      </c>
      <c r="E5202" s="6">
        <v>620.15309999999999</v>
      </c>
    </row>
    <row r="5203" spans="4:5" x14ac:dyDescent="0.25">
      <c r="D5203" s="6">
        <v>1153.4290000000001</v>
      </c>
      <c r="E5203" s="6">
        <v>606.61479999999995</v>
      </c>
    </row>
    <row r="5204" spans="4:5" x14ac:dyDescent="0.25">
      <c r="D5204" s="6">
        <v>2124.067</v>
      </c>
      <c r="E5204" s="6">
        <v>1717.587</v>
      </c>
    </row>
    <row r="5205" spans="4:5" x14ac:dyDescent="0.25">
      <c r="D5205" s="6">
        <v>1286.8420000000001</v>
      </c>
      <c r="E5205" s="6">
        <v>1053.1079999999999</v>
      </c>
    </row>
    <row r="5206" spans="4:5" x14ac:dyDescent="0.25">
      <c r="D5206" s="6">
        <v>1525.7860000000001</v>
      </c>
      <c r="E5206" s="6">
        <v>651.70590000000004</v>
      </c>
    </row>
    <row r="5207" spans="4:5" x14ac:dyDescent="0.25">
      <c r="D5207" s="6">
        <v>1836.088</v>
      </c>
      <c r="E5207" s="6">
        <v>439.82619999999997</v>
      </c>
    </row>
    <row r="5208" spans="4:5" x14ac:dyDescent="0.25">
      <c r="D5208" s="6">
        <v>1020.896</v>
      </c>
      <c r="E5208" s="6">
        <v>612.15790000000004</v>
      </c>
    </row>
    <row r="5209" spans="4:5" x14ac:dyDescent="0.25">
      <c r="D5209" s="6">
        <v>625.49680000000001</v>
      </c>
      <c r="E5209" s="6">
        <v>533.16309999999999</v>
      </c>
    </row>
    <row r="5210" spans="4:5" x14ac:dyDescent="0.25">
      <c r="D5210" s="6">
        <v>954.93230000000005</v>
      </c>
      <c r="E5210" s="6">
        <v>2216.5210000000002</v>
      </c>
    </row>
    <row r="5211" spans="4:5" x14ac:dyDescent="0.25">
      <c r="D5211" s="6">
        <v>3346.5369999999998</v>
      </c>
      <c r="E5211" s="6">
        <v>493.54300000000001</v>
      </c>
    </row>
    <row r="5212" spans="4:5" x14ac:dyDescent="0.25">
      <c r="D5212" s="6">
        <v>1137.5239999999999</v>
      </c>
      <c r="E5212" s="6">
        <v>508.96960000000001</v>
      </c>
    </row>
    <row r="5213" spans="4:5" x14ac:dyDescent="0.25">
      <c r="D5213" s="6">
        <v>2330.7779999999998</v>
      </c>
      <c r="E5213" s="6">
        <v>2464.2809999999999</v>
      </c>
    </row>
    <row r="5214" spans="4:5" x14ac:dyDescent="0.25">
      <c r="D5214" s="6">
        <v>1626.7070000000001</v>
      </c>
      <c r="E5214" s="6">
        <v>465.24860000000001</v>
      </c>
    </row>
    <row r="5215" spans="4:5" x14ac:dyDescent="0.25">
      <c r="D5215" s="6">
        <v>1017.167</v>
      </c>
      <c r="E5215" s="6">
        <v>605.06920000000002</v>
      </c>
    </row>
    <row r="5216" spans="4:5" x14ac:dyDescent="0.25">
      <c r="D5216" s="6">
        <v>803.92409999999995</v>
      </c>
      <c r="E5216" s="6">
        <v>572.43439999999998</v>
      </c>
    </row>
    <row r="5217" spans="4:5" x14ac:dyDescent="0.25">
      <c r="D5217" s="6">
        <v>1196.2819999999999</v>
      </c>
      <c r="E5217" s="6">
        <v>767.24530000000004</v>
      </c>
    </row>
    <row r="5218" spans="4:5" x14ac:dyDescent="0.25">
      <c r="D5218" s="6">
        <v>1192.6780000000001</v>
      </c>
      <c r="E5218" s="6">
        <v>633.53369999999995</v>
      </c>
    </row>
    <row r="5219" spans="4:5" x14ac:dyDescent="0.25">
      <c r="D5219" s="6">
        <v>2516.0619999999999</v>
      </c>
      <c r="E5219" s="6">
        <v>396.46199999999999</v>
      </c>
    </row>
    <row r="5220" spans="4:5" x14ac:dyDescent="0.25">
      <c r="D5220" s="6">
        <v>1118.29</v>
      </c>
      <c r="E5220" s="6">
        <v>526.7133</v>
      </c>
    </row>
    <row r="5221" spans="4:5" x14ac:dyDescent="0.25">
      <c r="D5221" s="6">
        <v>1045.5940000000001</v>
      </c>
      <c r="E5221" s="6">
        <v>579.65779999999995</v>
      </c>
    </row>
    <row r="5222" spans="4:5" x14ac:dyDescent="0.25">
      <c r="D5222" s="6">
        <v>831.83799999999997</v>
      </c>
      <c r="E5222" s="6">
        <v>564.07180000000005</v>
      </c>
    </row>
    <row r="5223" spans="4:5" x14ac:dyDescent="0.25">
      <c r="D5223" s="6">
        <v>564.18550000000005</v>
      </c>
      <c r="E5223" s="6">
        <v>1811.7809999999999</v>
      </c>
    </row>
    <row r="5224" spans="4:5" x14ac:dyDescent="0.25">
      <c r="D5224" s="6">
        <v>657.22580000000005</v>
      </c>
      <c r="E5224" s="6">
        <v>1160.1089999999999</v>
      </c>
    </row>
    <row r="5225" spans="4:5" x14ac:dyDescent="0.25">
      <c r="D5225" s="6">
        <v>1044.6669999999999</v>
      </c>
      <c r="E5225" s="6">
        <v>749.93489999999997</v>
      </c>
    </row>
    <row r="5226" spans="4:5" x14ac:dyDescent="0.25">
      <c r="D5226" s="6">
        <v>529</v>
      </c>
      <c r="E5226" s="6">
        <v>660.97180000000003</v>
      </c>
    </row>
    <row r="5227" spans="4:5" x14ac:dyDescent="0.25">
      <c r="D5227" s="6">
        <v>4108</v>
      </c>
      <c r="E5227" s="6">
        <v>2219</v>
      </c>
    </row>
    <row r="5228" spans="4:5" x14ac:dyDescent="0.25">
      <c r="D5228" s="6">
        <v>1741.0250000000001</v>
      </c>
      <c r="E5228" s="6">
        <v>1871.8679999999999</v>
      </c>
    </row>
    <row r="5229" spans="4:5" x14ac:dyDescent="0.25">
      <c r="D5229" s="6">
        <v>808.85419999999999</v>
      </c>
      <c r="E5229" s="6">
        <v>472.27350000000001</v>
      </c>
    </row>
    <row r="5230" spans="4:5" x14ac:dyDescent="0.25">
      <c r="D5230" s="6">
        <v>932.58730000000003</v>
      </c>
      <c r="E5230" s="6">
        <v>1056.5999999999999</v>
      </c>
    </row>
    <row r="5231" spans="4:5" x14ac:dyDescent="0.25">
      <c r="D5231" s="6">
        <v>2988.181</v>
      </c>
      <c r="E5231" s="6">
        <v>986.35329999999999</v>
      </c>
    </row>
    <row r="5232" spans="4:5" x14ac:dyDescent="0.25">
      <c r="D5232" s="6">
        <v>749.17870000000005</v>
      </c>
      <c r="E5232" s="6">
        <v>525.95050000000003</v>
      </c>
    </row>
    <row r="5233" spans="4:5" x14ac:dyDescent="0.25">
      <c r="D5233" s="6">
        <v>856.20529999999997</v>
      </c>
      <c r="E5233" s="6">
        <v>1153.143</v>
      </c>
    </row>
    <row r="5234" spans="4:5" x14ac:dyDescent="0.25">
      <c r="D5234" s="6">
        <v>1102.6659999999999</v>
      </c>
      <c r="E5234" s="6">
        <v>1589.471</v>
      </c>
    </row>
    <row r="5235" spans="4:5" x14ac:dyDescent="0.25">
      <c r="D5235" s="6">
        <v>1097.5730000000001</v>
      </c>
      <c r="E5235" s="6">
        <v>654.43780000000004</v>
      </c>
    </row>
    <row r="5236" spans="4:5" x14ac:dyDescent="0.25">
      <c r="D5236" s="6">
        <v>1139.251</v>
      </c>
      <c r="E5236" s="6">
        <v>461.87889999999999</v>
      </c>
    </row>
    <row r="5237" spans="4:5" x14ac:dyDescent="0.25">
      <c r="D5237" s="6">
        <v>871.66899999999998</v>
      </c>
      <c r="E5237" s="6">
        <v>5807.5630000000001</v>
      </c>
    </row>
    <row r="5238" spans="4:5" x14ac:dyDescent="0.25">
      <c r="D5238" s="6">
        <v>995.81420000000003</v>
      </c>
      <c r="E5238" s="6">
        <v>586.34780000000001</v>
      </c>
    </row>
    <row r="5239" spans="4:5" x14ac:dyDescent="0.25">
      <c r="D5239" s="6">
        <v>1112.8009999999999</v>
      </c>
      <c r="E5239" s="6">
        <v>1350.7529999999999</v>
      </c>
    </row>
    <row r="5240" spans="4:5" x14ac:dyDescent="0.25">
      <c r="D5240" s="6">
        <v>3302.0650000000001</v>
      </c>
      <c r="E5240" s="6">
        <v>514.0204</v>
      </c>
    </row>
    <row r="5241" spans="4:5" x14ac:dyDescent="0.25">
      <c r="D5241" s="6">
        <v>406.1447</v>
      </c>
      <c r="E5241" s="6">
        <v>485.19380000000001</v>
      </c>
    </row>
    <row r="5242" spans="4:5" x14ac:dyDescent="0.25">
      <c r="D5242" s="6">
        <v>1038.068</v>
      </c>
      <c r="E5242" s="6">
        <v>514.34169999999995</v>
      </c>
    </row>
    <row r="5243" spans="4:5" x14ac:dyDescent="0.25">
      <c r="D5243" s="6">
        <v>666.23630000000003</v>
      </c>
      <c r="E5243" s="6">
        <v>737.57539999999995</v>
      </c>
    </row>
    <row r="5244" spans="4:5" x14ac:dyDescent="0.25">
      <c r="D5244" s="6">
        <v>1725.548</v>
      </c>
      <c r="E5244" s="6">
        <v>623.89229999999998</v>
      </c>
    </row>
    <row r="5245" spans="4:5" x14ac:dyDescent="0.25">
      <c r="D5245" s="6">
        <v>1539.8019999999999</v>
      </c>
      <c r="E5245" s="6">
        <v>2984.143</v>
      </c>
    </row>
    <row r="5246" spans="4:5" x14ac:dyDescent="0.25">
      <c r="D5246" s="6">
        <v>1518.5229999999999</v>
      </c>
      <c r="E5246" s="6">
        <v>652.91539999999998</v>
      </c>
    </row>
    <row r="5247" spans="4:5" x14ac:dyDescent="0.25">
      <c r="D5247" s="6">
        <v>4717.3239999999996</v>
      </c>
      <c r="E5247" s="6">
        <v>557.05219999999997</v>
      </c>
    </row>
    <row r="5248" spans="4:5" x14ac:dyDescent="0.25">
      <c r="D5248" s="6">
        <v>1629.623</v>
      </c>
      <c r="E5248" s="6">
        <v>576.44370000000004</v>
      </c>
    </row>
    <row r="5249" spans="4:5" x14ac:dyDescent="0.25">
      <c r="D5249" s="6">
        <v>1481.8979999999999</v>
      </c>
      <c r="E5249" s="6">
        <v>5154.027</v>
      </c>
    </row>
    <row r="5250" spans="4:5" x14ac:dyDescent="0.25">
      <c r="D5250" s="6">
        <v>995.08450000000005</v>
      </c>
      <c r="E5250" s="6">
        <v>492.26600000000002</v>
      </c>
    </row>
    <row r="5251" spans="4:5" x14ac:dyDescent="0.25">
      <c r="D5251" s="6">
        <v>677.59379999999999</v>
      </c>
      <c r="E5251" s="6">
        <v>1678</v>
      </c>
    </row>
    <row r="5252" spans="4:5" x14ac:dyDescent="0.25">
      <c r="D5252" s="6">
        <v>2055.8000000000002</v>
      </c>
      <c r="E5252" s="6">
        <v>714</v>
      </c>
    </row>
    <row r="5253" spans="4:5" x14ac:dyDescent="0.25">
      <c r="D5253" s="6">
        <v>342.54989999999998</v>
      </c>
      <c r="E5253" s="6">
        <v>721.54250000000002</v>
      </c>
    </row>
    <row r="5254" spans="4:5" x14ac:dyDescent="0.25">
      <c r="D5254" s="6">
        <v>1025.8</v>
      </c>
      <c r="E5254" s="6">
        <v>820.39149999999995</v>
      </c>
    </row>
    <row r="5255" spans="4:5" x14ac:dyDescent="0.25">
      <c r="D5255" s="6">
        <v>1074.972</v>
      </c>
      <c r="E5255" s="6">
        <v>647.71199999999999</v>
      </c>
    </row>
    <row r="5256" spans="4:5" x14ac:dyDescent="0.25">
      <c r="D5256" s="6">
        <v>1153.386</v>
      </c>
      <c r="E5256" s="6">
        <v>660.45519999999999</v>
      </c>
    </row>
    <row r="5257" spans="4:5" x14ac:dyDescent="0.25">
      <c r="D5257" s="6">
        <v>951.82989999999995</v>
      </c>
      <c r="E5257" s="6">
        <v>3421.5</v>
      </c>
    </row>
    <row r="5258" spans="4:5" x14ac:dyDescent="0.25">
      <c r="D5258" s="6">
        <v>851.48419999999999</v>
      </c>
      <c r="E5258" s="6">
        <v>638.06420000000003</v>
      </c>
    </row>
    <row r="5259" spans="4:5" x14ac:dyDescent="0.25">
      <c r="D5259" s="6">
        <v>897.21360000000004</v>
      </c>
      <c r="E5259" s="6">
        <v>703.56</v>
      </c>
    </row>
    <row r="5260" spans="4:5" x14ac:dyDescent="0.25">
      <c r="D5260" s="6">
        <v>3154.857</v>
      </c>
      <c r="E5260" s="6">
        <v>380.93430000000001</v>
      </c>
    </row>
    <row r="5261" spans="4:5" x14ac:dyDescent="0.25">
      <c r="D5261" s="6">
        <v>1063.4480000000001</v>
      </c>
      <c r="E5261" s="6">
        <v>596.52919999999995</v>
      </c>
    </row>
    <row r="5262" spans="4:5" x14ac:dyDescent="0.25">
      <c r="D5262" s="6">
        <v>1232.8040000000001</v>
      </c>
      <c r="E5262" s="6">
        <v>802.29340000000002</v>
      </c>
    </row>
    <row r="5263" spans="4:5" x14ac:dyDescent="0.25">
      <c r="D5263" s="6">
        <v>813.79319999999996</v>
      </c>
      <c r="E5263" s="6">
        <v>639.86659999999995</v>
      </c>
    </row>
    <row r="5264" spans="4:5" x14ac:dyDescent="0.25">
      <c r="D5264" s="6">
        <v>896.81280000000004</v>
      </c>
      <c r="E5264" s="6">
        <v>576.71370000000002</v>
      </c>
    </row>
    <row r="5265" spans="4:5" x14ac:dyDescent="0.25">
      <c r="D5265" s="6">
        <v>1002.171</v>
      </c>
      <c r="E5265" s="6">
        <v>525.44309999999996</v>
      </c>
    </row>
    <row r="5266" spans="4:5" x14ac:dyDescent="0.25">
      <c r="D5266" s="6">
        <v>845.94719999999995</v>
      </c>
      <c r="E5266" s="6">
        <v>708.04160000000002</v>
      </c>
    </row>
    <row r="5267" spans="4:5" x14ac:dyDescent="0.25">
      <c r="D5267" s="6">
        <v>1444.87</v>
      </c>
      <c r="E5267" s="6">
        <v>573.58579999999995</v>
      </c>
    </row>
    <row r="5268" spans="4:5" x14ac:dyDescent="0.25">
      <c r="D5268" s="6">
        <v>1191.7370000000001</v>
      </c>
      <c r="E5268" s="6">
        <v>721.26610000000005</v>
      </c>
    </row>
    <row r="5269" spans="4:5" x14ac:dyDescent="0.25">
      <c r="D5269" s="6">
        <v>1155.2760000000001</v>
      </c>
      <c r="E5269" s="6">
        <v>541.12180000000001</v>
      </c>
    </row>
    <row r="5270" spans="4:5" x14ac:dyDescent="0.25">
      <c r="D5270" s="6">
        <v>624.37099999999998</v>
      </c>
      <c r="E5270" s="6">
        <v>552.22</v>
      </c>
    </row>
    <row r="5271" spans="4:5" x14ac:dyDescent="0.25">
      <c r="D5271" s="6">
        <v>1259.3140000000001</v>
      </c>
      <c r="E5271" s="6">
        <v>794.14269999999999</v>
      </c>
    </row>
    <row r="5272" spans="4:5" x14ac:dyDescent="0.25">
      <c r="D5272" s="6">
        <v>1204.5930000000001</v>
      </c>
      <c r="E5272" s="6">
        <v>2648.549</v>
      </c>
    </row>
    <row r="5273" spans="4:5" x14ac:dyDescent="0.25">
      <c r="D5273" s="6">
        <v>795.91179999999997</v>
      </c>
      <c r="E5273" s="6">
        <v>560.74419999999998</v>
      </c>
    </row>
    <row r="5274" spans="4:5" x14ac:dyDescent="0.25">
      <c r="D5274" s="6">
        <v>1129.7429999999999</v>
      </c>
      <c r="E5274" s="6">
        <v>717.27160000000003</v>
      </c>
    </row>
    <row r="5275" spans="4:5" x14ac:dyDescent="0.25">
      <c r="D5275" s="6">
        <v>1177.7190000000001</v>
      </c>
      <c r="E5275" s="6">
        <v>424.40140000000002</v>
      </c>
    </row>
    <row r="5276" spans="4:5" x14ac:dyDescent="0.25">
      <c r="D5276" s="6">
        <v>662.38329999999996</v>
      </c>
      <c r="E5276" s="6">
        <v>866.56920000000002</v>
      </c>
    </row>
    <row r="5277" spans="4:5" x14ac:dyDescent="0.25">
      <c r="D5277" s="6">
        <v>1416.412</v>
      </c>
      <c r="E5277" s="6">
        <v>422.97879999999998</v>
      </c>
    </row>
    <row r="5278" spans="4:5" x14ac:dyDescent="0.25">
      <c r="D5278" s="6">
        <v>2272.4659999999999</v>
      </c>
      <c r="E5278" s="6">
        <v>604.09230000000002</v>
      </c>
    </row>
    <row r="5279" spans="4:5" x14ac:dyDescent="0.25">
      <c r="D5279" s="6">
        <v>3773.7530000000002</v>
      </c>
      <c r="E5279" s="6">
        <v>790.15089999999998</v>
      </c>
    </row>
    <row r="5280" spans="4:5" x14ac:dyDescent="0.25">
      <c r="D5280" s="6">
        <v>1096.2049999999999</v>
      </c>
      <c r="E5280" s="6">
        <v>565.34019999999998</v>
      </c>
    </row>
    <row r="5281" spans="4:5" x14ac:dyDescent="0.25">
      <c r="D5281" s="6">
        <v>1100.6669999999999</v>
      </c>
      <c r="E5281" s="6">
        <v>5817.56</v>
      </c>
    </row>
    <row r="5282" spans="4:5" x14ac:dyDescent="0.25">
      <c r="D5282" s="6">
        <v>1273.79</v>
      </c>
      <c r="E5282" s="6">
        <v>1679.2950000000001</v>
      </c>
    </row>
    <row r="5283" spans="4:5" x14ac:dyDescent="0.25">
      <c r="D5283" s="6">
        <v>1754.44</v>
      </c>
      <c r="E5283" s="6">
        <v>136.8366</v>
      </c>
    </row>
    <row r="5284" spans="4:5" x14ac:dyDescent="0.25">
      <c r="D5284" s="6">
        <v>1275.33</v>
      </c>
      <c r="E5284" s="6">
        <v>783.12530000000004</v>
      </c>
    </row>
    <row r="5285" spans="4:5" x14ac:dyDescent="0.25">
      <c r="D5285" s="6">
        <v>896.72889999999995</v>
      </c>
      <c r="E5285" s="6">
        <v>668.15260000000001</v>
      </c>
    </row>
    <row r="5286" spans="4:5" x14ac:dyDescent="0.25">
      <c r="D5286" s="6">
        <v>1669.1079999999999</v>
      </c>
      <c r="E5286" s="6">
        <v>723.95569999999998</v>
      </c>
    </row>
    <row r="5287" spans="4:5" x14ac:dyDescent="0.25">
      <c r="D5287" s="6">
        <v>2775.616</v>
      </c>
      <c r="E5287" s="6">
        <v>10171.58</v>
      </c>
    </row>
    <row r="5288" spans="4:5" x14ac:dyDescent="0.25">
      <c r="D5288" s="6">
        <v>1237.1500000000001</v>
      </c>
      <c r="E5288" s="6">
        <v>768.40869999999995</v>
      </c>
    </row>
    <row r="5289" spans="4:5" x14ac:dyDescent="0.25">
      <c r="D5289" s="6">
        <v>1447.1079999999999</v>
      </c>
      <c r="E5289" s="6">
        <v>845.22590000000002</v>
      </c>
    </row>
    <row r="5290" spans="4:5" x14ac:dyDescent="0.25">
      <c r="D5290" s="6">
        <v>1395.0060000000001</v>
      </c>
      <c r="E5290" s="6">
        <v>619.8229</v>
      </c>
    </row>
    <row r="5291" spans="4:5" x14ac:dyDescent="0.25">
      <c r="D5291" s="6">
        <v>1642.732</v>
      </c>
      <c r="E5291" s="6">
        <v>637.52419999999995</v>
      </c>
    </row>
    <row r="5292" spans="4:5" x14ac:dyDescent="0.25">
      <c r="D5292" s="6">
        <v>805.03449999999998</v>
      </c>
      <c r="E5292" s="6">
        <v>599.23590000000002</v>
      </c>
    </row>
    <row r="5293" spans="4:5" x14ac:dyDescent="0.25">
      <c r="D5293" s="6">
        <v>1000.308</v>
      </c>
      <c r="E5293" s="6">
        <v>506.22579999999999</v>
      </c>
    </row>
    <row r="5294" spans="4:5" x14ac:dyDescent="0.25">
      <c r="D5294" s="6">
        <v>1242.8330000000001</v>
      </c>
      <c r="E5294" s="6">
        <v>720.22059999999999</v>
      </c>
    </row>
    <row r="5295" spans="4:5" x14ac:dyDescent="0.25">
      <c r="D5295" s="6">
        <v>1839.558</v>
      </c>
      <c r="E5295" s="6">
        <v>414.2765</v>
      </c>
    </row>
    <row r="5296" spans="4:5" x14ac:dyDescent="0.25">
      <c r="D5296" s="6">
        <v>2856.06</v>
      </c>
      <c r="E5296" s="6">
        <v>734.94970000000001</v>
      </c>
    </row>
    <row r="5297" spans="4:5" x14ac:dyDescent="0.25">
      <c r="D5297" s="6">
        <v>1404.095</v>
      </c>
      <c r="E5297" s="6">
        <v>2104.3820000000001</v>
      </c>
    </row>
    <row r="5298" spans="4:5" x14ac:dyDescent="0.25">
      <c r="D5298" s="6">
        <v>990.40859999999998</v>
      </c>
      <c r="E5298" s="6">
        <v>598.13390000000004</v>
      </c>
    </row>
    <row r="5299" spans="4:5" x14ac:dyDescent="0.25">
      <c r="D5299" s="6">
        <v>948.12469999999996</v>
      </c>
      <c r="E5299" s="6">
        <v>603.05050000000006</v>
      </c>
    </row>
    <row r="5300" spans="4:5" x14ac:dyDescent="0.25">
      <c r="D5300" s="6">
        <v>1108.6369999999999</v>
      </c>
      <c r="E5300" s="6">
        <v>654.58730000000003</v>
      </c>
    </row>
    <row r="5301" spans="4:5" x14ac:dyDescent="0.25">
      <c r="D5301" s="6">
        <v>922.06679999999994</v>
      </c>
      <c r="E5301" s="6">
        <v>574.01480000000004</v>
      </c>
    </row>
    <row r="5302" spans="4:5" x14ac:dyDescent="0.25">
      <c r="D5302" s="6">
        <v>1839.145</v>
      </c>
      <c r="E5302" s="6">
        <v>584.53229999999996</v>
      </c>
    </row>
    <row r="5303" spans="4:5" x14ac:dyDescent="0.25">
      <c r="D5303" s="6">
        <v>1142.6120000000001</v>
      </c>
      <c r="E5303" s="6">
        <v>452.21480000000003</v>
      </c>
    </row>
    <row r="5304" spans="4:5" x14ac:dyDescent="0.25">
      <c r="D5304" s="6">
        <v>864.43060000000003</v>
      </c>
      <c r="E5304" s="6">
        <v>505.5625</v>
      </c>
    </row>
    <row r="5305" spans="4:5" x14ac:dyDescent="0.25">
      <c r="D5305" s="6">
        <v>1154.5619999999999</v>
      </c>
      <c r="E5305" s="6">
        <v>637.06269999999995</v>
      </c>
    </row>
    <row r="5306" spans="4:5" x14ac:dyDescent="0.25">
      <c r="D5306" s="6">
        <v>322.3073</v>
      </c>
      <c r="E5306" s="6">
        <v>600.60159999999996</v>
      </c>
    </row>
    <row r="5307" spans="4:5" x14ac:dyDescent="0.25">
      <c r="D5307" s="6">
        <v>982.90300000000002</v>
      </c>
      <c r="E5307" s="6">
        <v>745.33330000000001</v>
      </c>
    </row>
    <row r="5308" spans="4:5" x14ac:dyDescent="0.25">
      <c r="D5308" s="6">
        <v>6078.8</v>
      </c>
      <c r="E5308" s="6">
        <v>550.87149999999997</v>
      </c>
    </row>
    <row r="5309" spans="4:5" x14ac:dyDescent="0.25">
      <c r="D5309" s="6">
        <v>1035.8820000000001</v>
      </c>
      <c r="E5309" s="6">
        <v>507.99990000000003</v>
      </c>
    </row>
    <row r="5310" spans="4:5" x14ac:dyDescent="0.25">
      <c r="D5310" s="6">
        <v>1493.758</v>
      </c>
      <c r="E5310" s="6">
        <v>523.41269999999997</v>
      </c>
    </row>
    <row r="5311" spans="4:5" x14ac:dyDescent="0.25">
      <c r="D5311" s="6">
        <v>1116.817</v>
      </c>
      <c r="E5311" s="6">
        <v>685.14909999999998</v>
      </c>
    </row>
    <row r="5312" spans="4:5" x14ac:dyDescent="0.25">
      <c r="D5312" s="6">
        <v>1918.3150000000001</v>
      </c>
      <c r="E5312" s="6">
        <v>427.94139999999999</v>
      </c>
    </row>
    <row r="5313" spans="4:5" x14ac:dyDescent="0.25">
      <c r="D5313" s="6">
        <v>2693.8780000000002</v>
      </c>
      <c r="E5313" s="6">
        <v>530.851</v>
      </c>
    </row>
    <row r="5314" spans="4:5" x14ac:dyDescent="0.25">
      <c r="D5314" s="6">
        <v>1432.105</v>
      </c>
      <c r="E5314" s="6">
        <v>569.38229999999999</v>
      </c>
    </row>
    <row r="5315" spans="4:5" x14ac:dyDescent="0.25">
      <c r="D5315" s="6">
        <v>829.03359999999998</v>
      </c>
      <c r="E5315" s="6">
        <v>953.8</v>
      </c>
    </row>
    <row r="5316" spans="4:5" x14ac:dyDescent="0.25">
      <c r="D5316" s="6">
        <v>925.67939999999999</v>
      </c>
      <c r="E5316" s="6">
        <v>570.00109999999995</v>
      </c>
    </row>
    <row r="5317" spans="4:5" x14ac:dyDescent="0.25">
      <c r="D5317" s="6">
        <v>2039.174</v>
      </c>
      <c r="E5317" s="6">
        <v>794.28620000000001</v>
      </c>
    </row>
    <row r="5318" spans="4:5" x14ac:dyDescent="0.25">
      <c r="D5318" s="6">
        <v>2836.0889999999999</v>
      </c>
      <c r="E5318" s="6">
        <v>700.8578</v>
      </c>
    </row>
    <row r="5319" spans="4:5" x14ac:dyDescent="0.25">
      <c r="D5319" s="6">
        <v>714.35720000000003</v>
      </c>
      <c r="E5319" s="6">
        <v>2565.0720000000001</v>
      </c>
    </row>
    <row r="5320" spans="4:5" x14ac:dyDescent="0.25">
      <c r="D5320" s="6">
        <v>1849.09</v>
      </c>
      <c r="E5320" s="6">
        <v>791.93020000000001</v>
      </c>
    </row>
    <row r="5321" spans="4:5" x14ac:dyDescent="0.25">
      <c r="D5321" s="6">
        <v>926.39319999999998</v>
      </c>
      <c r="E5321" s="6">
        <v>1182.2840000000001</v>
      </c>
    </row>
    <row r="5322" spans="4:5" x14ac:dyDescent="0.25">
      <c r="D5322" s="6">
        <v>2833.7460000000001</v>
      </c>
      <c r="E5322" s="6">
        <v>470.00220000000002</v>
      </c>
    </row>
    <row r="5323" spans="4:5" x14ac:dyDescent="0.25">
      <c r="D5323" s="6">
        <v>1000.13</v>
      </c>
      <c r="E5323" s="6">
        <v>411.1875</v>
      </c>
    </row>
    <row r="5324" spans="4:5" x14ac:dyDescent="0.25">
      <c r="D5324" s="6">
        <v>1337.8</v>
      </c>
      <c r="E5324" s="6">
        <v>530.31650000000002</v>
      </c>
    </row>
    <row r="5325" spans="4:5" x14ac:dyDescent="0.25">
      <c r="D5325" s="6">
        <v>1106.2850000000001</v>
      </c>
      <c r="E5325" s="6">
        <v>551.02380000000005</v>
      </c>
    </row>
    <row r="5326" spans="4:5" x14ac:dyDescent="0.25">
      <c r="D5326" s="6">
        <v>608.28250000000003</v>
      </c>
      <c r="E5326" s="6">
        <v>1074.249</v>
      </c>
    </row>
    <row r="5327" spans="4:5" x14ac:dyDescent="0.25">
      <c r="D5327" s="6">
        <v>4012.9549999999999</v>
      </c>
      <c r="E5327" s="6">
        <v>665.40800000000002</v>
      </c>
    </row>
    <row r="5328" spans="4:5" x14ac:dyDescent="0.25">
      <c r="D5328" s="6">
        <v>960.9375</v>
      </c>
      <c r="E5328" s="6">
        <v>576.6028</v>
      </c>
    </row>
    <row r="5329" spans="4:5" x14ac:dyDescent="0.25">
      <c r="D5329" s="6">
        <v>951.41079999999999</v>
      </c>
      <c r="E5329" s="6">
        <v>588.43539999999996</v>
      </c>
    </row>
    <row r="5330" spans="4:5" x14ac:dyDescent="0.25">
      <c r="D5330" s="6">
        <v>929.09550000000002</v>
      </c>
      <c r="E5330" s="6">
        <v>605.27120000000002</v>
      </c>
    </row>
    <row r="5331" spans="4:5" x14ac:dyDescent="0.25">
      <c r="D5331" s="6">
        <v>14225.75</v>
      </c>
      <c r="E5331" s="6">
        <v>146.10290000000001</v>
      </c>
    </row>
    <row r="5332" spans="4:5" x14ac:dyDescent="0.25">
      <c r="D5332" s="6">
        <v>1504.9780000000001</v>
      </c>
      <c r="E5332" s="6">
        <v>1793.896</v>
      </c>
    </row>
    <row r="5333" spans="4:5" x14ac:dyDescent="0.25">
      <c r="D5333" s="6">
        <v>1428.5920000000001</v>
      </c>
      <c r="E5333" s="6">
        <v>607.71780000000001</v>
      </c>
    </row>
    <row r="5334" spans="4:5" x14ac:dyDescent="0.25">
      <c r="D5334" s="6">
        <v>1038.7149999999999</v>
      </c>
      <c r="E5334" s="6">
        <v>717.76850000000002</v>
      </c>
    </row>
    <row r="5335" spans="4:5" x14ac:dyDescent="0.25">
      <c r="D5335" s="6">
        <v>1431.364</v>
      </c>
      <c r="E5335" s="6">
        <v>5834.1109999999999</v>
      </c>
    </row>
    <row r="5336" spans="4:5" x14ac:dyDescent="0.25">
      <c r="D5336" s="6">
        <v>806.03869999999995</v>
      </c>
      <c r="E5336" s="6">
        <v>659.58659999999998</v>
      </c>
    </row>
    <row r="5337" spans="4:5" x14ac:dyDescent="0.25">
      <c r="D5337" s="6">
        <v>840.51610000000005</v>
      </c>
      <c r="E5337" s="6">
        <v>430.77679999999998</v>
      </c>
    </row>
    <row r="5338" spans="4:5" x14ac:dyDescent="0.25">
      <c r="D5338" s="6">
        <v>2355.9209999999998</v>
      </c>
      <c r="E5338" s="6">
        <v>469.76819999999998</v>
      </c>
    </row>
    <row r="5339" spans="4:5" x14ac:dyDescent="0.25">
      <c r="D5339" s="6">
        <v>1763.21</v>
      </c>
      <c r="E5339" s="6">
        <v>577.44269999999995</v>
      </c>
    </row>
    <row r="5340" spans="4:5" x14ac:dyDescent="0.25">
      <c r="D5340" s="6">
        <v>4137.3109999999997</v>
      </c>
      <c r="E5340" s="6">
        <v>721.11109999999996</v>
      </c>
    </row>
    <row r="5341" spans="4:5" x14ac:dyDescent="0.25">
      <c r="D5341" s="6">
        <v>1114.2670000000001</v>
      </c>
      <c r="E5341" s="6">
        <v>587.49959999999999</v>
      </c>
    </row>
    <row r="5342" spans="4:5" x14ac:dyDescent="0.25">
      <c r="D5342" s="6">
        <v>782.24120000000005</v>
      </c>
      <c r="E5342" s="6">
        <v>1282.769</v>
      </c>
    </row>
    <row r="5343" spans="4:5" x14ac:dyDescent="0.25">
      <c r="D5343" s="6">
        <v>2585.7600000000002</v>
      </c>
      <c r="E5343" s="6">
        <v>589.03150000000005</v>
      </c>
    </row>
    <row r="5344" spans="4:5" x14ac:dyDescent="0.25">
      <c r="D5344" s="6">
        <v>1931.097</v>
      </c>
      <c r="E5344" s="6">
        <v>864.50739999999996</v>
      </c>
    </row>
    <row r="5345" spans="4:5" x14ac:dyDescent="0.25">
      <c r="D5345" s="6">
        <v>1082.7449999999999</v>
      </c>
      <c r="E5345" s="6">
        <v>581.45749999999998</v>
      </c>
    </row>
    <row r="5346" spans="4:5" x14ac:dyDescent="0.25">
      <c r="D5346" s="6">
        <v>1064.7180000000001</v>
      </c>
      <c r="E5346" s="6">
        <v>6760.1170000000002</v>
      </c>
    </row>
    <row r="5347" spans="4:5" x14ac:dyDescent="0.25">
      <c r="D5347" s="6">
        <v>3411.6570000000002</v>
      </c>
      <c r="E5347" s="6">
        <v>552.78899999999999</v>
      </c>
    </row>
    <row r="5348" spans="4:5" x14ac:dyDescent="0.25">
      <c r="D5348" s="6">
        <v>914.85180000000003</v>
      </c>
      <c r="E5348" s="6">
        <v>917.39459999999997</v>
      </c>
    </row>
    <row r="5349" spans="4:5" x14ac:dyDescent="0.25">
      <c r="D5349" s="6">
        <v>889.99310000000003</v>
      </c>
      <c r="E5349" s="6">
        <v>449.68079999999998</v>
      </c>
    </row>
    <row r="5350" spans="4:5" x14ac:dyDescent="0.25">
      <c r="D5350" s="6">
        <v>852.35509999999999</v>
      </c>
      <c r="E5350" s="6">
        <v>2139</v>
      </c>
    </row>
    <row r="5351" spans="4:5" x14ac:dyDescent="0.25">
      <c r="D5351" s="6">
        <v>1246.758</v>
      </c>
      <c r="E5351" s="6">
        <v>526.40099999999995</v>
      </c>
    </row>
    <row r="5352" spans="4:5" x14ac:dyDescent="0.25">
      <c r="D5352" s="6">
        <v>1023.921</v>
      </c>
      <c r="E5352" s="6">
        <v>569.43510000000003</v>
      </c>
    </row>
    <row r="5353" spans="4:5" x14ac:dyDescent="0.25">
      <c r="D5353" s="6">
        <v>1204.146</v>
      </c>
      <c r="E5353" s="6">
        <v>907.58529999999996</v>
      </c>
    </row>
    <row r="5354" spans="4:5" x14ac:dyDescent="0.25">
      <c r="D5354" s="6">
        <v>1187.252</v>
      </c>
      <c r="E5354" s="6">
        <v>760.18409999999994</v>
      </c>
    </row>
    <row r="5355" spans="4:5" x14ac:dyDescent="0.25">
      <c r="D5355" s="6">
        <v>3636.127</v>
      </c>
      <c r="E5355" s="6">
        <v>504.34840000000003</v>
      </c>
    </row>
    <row r="5356" spans="4:5" x14ac:dyDescent="0.25">
      <c r="D5356" s="6">
        <v>1131.461</v>
      </c>
      <c r="E5356" s="6">
        <v>669.03330000000005</v>
      </c>
    </row>
    <row r="5357" spans="4:5" x14ac:dyDescent="0.25">
      <c r="D5357" s="6">
        <v>1919.1890000000001</v>
      </c>
      <c r="E5357" s="6">
        <v>3903.0909999999999</v>
      </c>
    </row>
    <row r="5358" spans="4:5" x14ac:dyDescent="0.25">
      <c r="D5358" s="6">
        <v>3360.2869999999998</v>
      </c>
      <c r="E5358" s="6">
        <v>506.95299999999997</v>
      </c>
    </row>
    <row r="5359" spans="4:5" x14ac:dyDescent="0.25">
      <c r="D5359" s="6">
        <v>3165.2809999999999</v>
      </c>
      <c r="E5359" s="6">
        <v>708.69899999999996</v>
      </c>
    </row>
    <row r="5360" spans="4:5" x14ac:dyDescent="0.25">
      <c r="D5360" s="6">
        <v>980.23149999999998</v>
      </c>
      <c r="E5360" s="6">
        <v>457.6533</v>
      </c>
    </row>
    <row r="5361" spans="4:5" x14ac:dyDescent="0.25">
      <c r="D5361" s="6">
        <v>1722.163</v>
      </c>
      <c r="E5361" s="6">
        <v>580.58920000000001</v>
      </c>
    </row>
    <row r="5362" spans="4:5" x14ac:dyDescent="0.25">
      <c r="D5362" s="6">
        <v>3841.64</v>
      </c>
      <c r="E5362" s="6">
        <v>598.23199999999997</v>
      </c>
    </row>
    <row r="5363" spans="4:5" x14ac:dyDescent="0.25">
      <c r="D5363" s="6">
        <v>622.08079999999995</v>
      </c>
      <c r="E5363" s="6">
        <v>460.8725</v>
      </c>
    </row>
    <row r="5364" spans="4:5" x14ac:dyDescent="0.25">
      <c r="D5364" s="6">
        <v>573.76760000000002</v>
      </c>
      <c r="E5364" s="6">
        <v>681.59760000000006</v>
      </c>
    </row>
    <row r="5365" spans="4:5" x14ac:dyDescent="0.25">
      <c r="D5365" s="6">
        <v>8544.3369999999995</v>
      </c>
      <c r="E5365" s="6">
        <v>2927.5</v>
      </c>
    </row>
    <row r="5366" spans="4:5" x14ac:dyDescent="0.25">
      <c r="D5366" s="6">
        <v>988.31590000000006</v>
      </c>
      <c r="E5366" s="6">
        <v>551.06679999999994</v>
      </c>
    </row>
    <row r="5367" spans="4:5" x14ac:dyDescent="0.25">
      <c r="D5367" s="6">
        <v>1082.7159999999999</v>
      </c>
      <c r="E5367" s="6">
        <v>512.20029999999997</v>
      </c>
    </row>
    <row r="5368" spans="4:5" x14ac:dyDescent="0.25">
      <c r="D5368" s="6">
        <v>1126.4290000000001</v>
      </c>
      <c r="E5368" s="6">
        <v>865.37779999999998</v>
      </c>
    </row>
    <row r="5369" spans="4:5" x14ac:dyDescent="0.25">
      <c r="D5369" s="6">
        <v>2624.0680000000002</v>
      </c>
      <c r="E5369" s="6">
        <v>672.96709999999996</v>
      </c>
    </row>
    <row r="5370" spans="4:5" x14ac:dyDescent="0.25">
      <c r="D5370" s="6">
        <v>825.86440000000005</v>
      </c>
      <c r="E5370" s="6">
        <v>586.18169999999998</v>
      </c>
    </row>
    <row r="5371" spans="4:5" x14ac:dyDescent="0.25">
      <c r="D5371" s="6">
        <v>755.57870000000003</v>
      </c>
      <c r="E5371" s="6">
        <v>804.57449999999994</v>
      </c>
    </row>
    <row r="5372" spans="4:5" x14ac:dyDescent="0.25">
      <c r="D5372" s="6">
        <v>1920.0309999999999</v>
      </c>
      <c r="E5372" s="6">
        <v>549.56100000000004</v>
      </c>
    </row>
    <row r="5373" spans="4:5" x14ac:dyDescent="0.25">
      <c r="D5373" s="6">
        <v>1406.607</v>
      </c>
      <c r="E5373" s="6">
        <v>2068.6109999999999</v>
      </c>
    </row>
    <row r="5374" spans="4:5" x14ac:dyDescent="0.25">
      <c r="D5374" s="6">
        <v>729.84249999999997</v>
      </c>
      <c r="E5374" s="6">
        <v>732.91089999999997</v>
      </c>
    </row>
    <row r="5375" spans="4:5" x14ac:dyDescent="0.25">
      <c r="D5375" s="6">
        <v>1003.1</v>
      </c>
      <c r="E5375" s="6">
        <v>664.39319999999998</v>
      </c>
    </row>
    <row r="5376" spans="4:5" x14ac:dyDescent="0.25">
      <c r="D5376" s="6">
        <v>618.27710000000002</v>
      </c>
      <c r="E5376" s="6">
        <v>569.46780000000001</v>
      </c>
    </row>
    <row r="5377" spans="4:5" x14ac:dyDescent="0.25">
      <c r="D5377" s="6">
        <v>982.49599999999998</v>
      </c>
      <c r="E5377" s="6">
        <v>630.63549999999998</v>
      </c>
    </row>
    <row r="5378" spans="4:5" x14ac:dyDescent="0.25">
      <c r="D5378" s="6">
        <v>627.76710000000003</v>
      </c>
      <c r="E5378" s="6">
        <v>625.02300000000002</v>
      </c>
    </row>
    <row r="5379" spans="4:5" x14ac:dyDescent="0.25">
      <c r="D5379" s="6">
        <v>1369.971</v>
      </c>
      <c r="E5379" s="6">
        <v>3798.1889999999999</v>
      </c>
    </row>
    <row r="5380" spans="4:5" x14ac:dyDescent="0.25">
      <c r="D5380" s="6">
        <v>1264.8140000000001</v>
      </c>
      <c r="E5380" s="6">
        <v>398.923</v>
      </c>
    </row>
    <row r="5381" spans="4:5" x14ac:dyDescent="0.25">
      <c r="D5381" s="6">
        <v>1771.5250000000001</v>
      </c>
      <c r="E5381" s="6">
        <v>906.65949999999998</v>
      </c>
    </row>
    <row r="5382" spans="4:5" x14ac:dyDescent="0.25">
      <c r="D5382" s="6">
        <v>3475.1109999999999</v>
      </c>
      <c r="E5382" s="6">
        <v>6289.75</v>
      </c>
    </row>
    <row r="5383" spans="4:5" x14ac:dyDescent="0.25">
      <c r="D5383" s="6">
        <v>5462.1210000000001</v>
      </c>
      <c r="E5383" s="6">
        <v>5620.384</v>
      </c>
    </row>
    <row r="5384" spans="4:5" x14ac:dyDescent="0.25">
      <c r="D5384" s="6">
        <v>922.08569999999997</v>
      </c>
      <c r="E5384" s="6">
        <v>688.20510000000002</v>
      </c>
    </row>
    <row r="5385" spans="4:5" x14ac:dyDescent="0.25">
      <c r="D5385" s="6">
        <v>827.3202</v>
      </c>
      <c r="E5385" s="6">
        <v>458.47410000000002</v>
      </c>
    </row>
    <row r="5386" spans="4:5" x14ac:dyDescent="0.25">
      <c r="D5386" s="6">
        <v>1742.11</v>
      </c>
      <c r="E5386" s="6">
        <v>4195.3329999999996</v>
      </c>
    </row>
    <row r="5387" spans="4:5" x14ac:dyDescent="0.25">
      <c r="D5387" s="6">
        <v>1449.0609999999999</v>
      </c>
      <c r="E5387" s="6">
        <v>762.96550000000002</v>
      </c>
    </row>
    <row r="5388" spans="4:5" x14ac:dyDescent="0.25">
      <c r="D5388" s="6">
        <v>2740.462</v>
      </c>
      <c r="E5388" s="6">
        <v>707.83910000000003</v>
      </c>
    </row>
    <row r="5389" spans="4:5" x14ac:dyDescent="0.25">
      <c r="D5389" s="6">
        <v>1387.3340000000001</v>
      </c>
      <c r="E5389" s="6">
        <v>2906.8</v>
      </c>
    </row>
    <row r="5390" spans="4:5" x14ac:dyDescent="0.25">
      <c r="D5390" s="6">
        <v>1311.672</v>
      </c>
      <c r="E5390" s="6">
        <v>499.88780000000003</v>
      </c>
    </row>
    <row r="5391" spans="4:5" x14ac:dyDescent="0.25">
      <c r="D5391" s="6">
        <v>1375.1389999999999</v>
      </c>
      <c r="E5391" s="6">
        <v>923.75</v>
      </c>
    </row>
    <row r="5392" spans="4:5" x14ac:dyDescent="0.25">
      <c r="D5392" s="6">
        <v>3140.5790000000002</v>
      </c>
      <c r="E5392" s="6">
        <v>460.58730000000003</v>
      </c>
    </row>
    <row r="5393" spans="4:5" x14ac:dyDescent="0.25">
      <c r="D5393" s="6">
        <v>1148.462</v>
      </c>
      <c r="E5393" s="6">
        <v>675.94560000000001</v>
      </c>
    </row>
    <row r="5394" spans="4:5" x14ac:dyDescent="0.25">
      <c r="D5394" s="6">
        <v>1445.682</v>
      </c>
      <c r="E5394" s="6">
        <v>561.5</v>
      </c>
    </row>
    <row r="5395" spans="4:5" x14ac:dyDescent="0.25">
      <c r="D5395" s="6">
        <v>1842.34</v>
      </c>
      <c r="E5395" s="6">
        <v>632.3039</v>
      </c>
    </row>
    <row r="5396" spans="4:5" x14ac:dyDescent="0.25">
      <c r="D5396" s="6">
        <v>1670.204</v>
      </c>
      <c r="E5396" s="6">
        <v>429.44439999999997</v>
      </c>
    </row>
    <row r="5397" spans="4:5" x14ac:dyDescent="0.25">
      <c r="D5397" s="6">
        <v>2948.7190000000001</v>
      </c>
      <c r="E5397" s="6">
        <v>676.45770000000005</v>
      </c>
    </row>
    <row r="5398" spans="4:5" x14ac:dyDescent="0.25">
      <c r="D5398" s="6">
        <v>1131.605</v>
      </c>
      <c r="E5398" s="6">
        <v>602.42920000000004</v>
      </c>
    </row>
    <row r="5399" spans="4:5" x14ac:dyDescent="0.25">
      <c r="D5399" s="6">
        <v>3587.04</v>
      </c>
      <c r="E5399" s="6">
        <v>731.92070000000001</v>
      </c>
    </row>
    <row r="5400" spans="4:5" x14ac:dyDescent="0.25">
      <c r="D5400" s="6">
        <v>1050.663</v>
      </c>
      <c r="E5400" s="6">
        <v>469.74279999999999</v>
      </c>
    </row>
    <row r="5401" spans="4:5" x14ac:dyDescent="0.25">
      <c r="D5401" s="6">
        <v>1310.712</v>
      </c>
      <c r="E5401" s="6">
        <v>691.31979999999999</v>
      </c>
    </row>
    <row r="5402" spans="4:5" x14ac:dyDescent="0.25">
      <c r="D5402" s="6">
        <v>981.98879999999997</v>
      </c>
      <c r="E5402" s="6">
        <v>656.73720000000003</v>
      </c>
    </row>
    <row r="5403" spans="4:5" x14ac:dyDescent="0.25">
      <c r="D5403" s="6">
        <v>643.54229999999995</v>
      </c>
      <c r="E5403" s="6">
        <v>537.6549</v>
      </c>
    </row>
    <row r="5404" spans="4:5" x14ac:dyDescent="0.25">
      <c r="D5404" s="6">
        <v>663.92359999999996</v>
      </c>
      <c r="E5404" s="6">
        <v>605.20079999999996</v>
      </c>
    </row>
    <row r="5405" spans="4:5" x14ac:dyDescent="0.25">
      <c r="D5405" s="6">
        <v>1339.93</v>
      </c>
      <c r="E5405" s="6">
        <v>458.59300000000002</v>
      </c>
    </row>
    <row r="5406" spans="4:5" x14ac:dyDescent="0.25">
      <c r="D5406" s="6">
        <v>3659.049</v>
      </c>
      <c r="E5406" s="6">
        <v>449.85019999999997</v>
      </c>
    </row>
    <row r="5407" spans="4:5" x14ac:dyDescent="0.25">
      <c r="D5407" s="6">
        <v>577.67920000000004</v>
      </c>
      <c r="E5407" s="6">
        <v>546.39020000000005</v>
      </c>
    </row>
    <row r="5408" spans="4:5" x14ac:dyDescent="0.25">
      <c r="D5408" s="6">
        <v>1040.3900000000001</v>
      </c>
      <c r="E5408" s="6">
        <v>657.44809999999995</v>
      </c>
    </row>
    <row r="5409" spans="4:5" x14ac:dyDescent="0.25">
      <c r="D5409" s="6">
        <v>963</v>
      </c>
      <c r="E5409" s="6">
        <v>1515.1969999999999</v>
      </c>
    </row>
    <row r="5410" spans="4:5" x14ac:dyDescent="0.25">
      <c r="D5410" s="6">
        <v>627.20830000000001</v>
      </c>
      <c r="E5410" s="6">
        <v>619.44880000000001</v>
      </c>
    </row>
    <row r="5411" spans="4:5" x14ac:dyDescent="0.25">
      <c r="D5411" s="6">
        <v>1053.809</v>
      </c>
      <c r="E5411" s="6">
        <v>6051.5810000000001</v>
      </c>
    </row>
    <row r="5412" spans="4:5" x14ac:dyDescent="0.25">
      <c r="D5412" s="6">
        <v>2303.1950000000002</v>
      </c>
      <c r="E5412" s="6">
        <v>619.35709999999995</v>
      </c>
    </row>
    <row r="5413" spans="4:5" x14ac:dyDescent="0.25">
      <c r="D5413" s="6">
        <v>779.94910000000004</v>
      </c>
      <c r="E5413" s="6">
        <v>648.91840000000002</v>
      </c>
    </row>
    <row r="5414" spans="4:5" x14ac:dyDescent="0.25">
      <c r="D5414" s="6">
        <v>682.18359999999996</v>
      </c>
      <c r="E5414" s="6">
        <v>1328.23</v>
      </c>
    </row>
    <row r="5415" spans="4:5" x14ac:dyDescent="0.25">
      <c r="D5415" s="6">
        <v>1332.384</v>
      </c>
      <c r="E5415" s="6">
        <v>723.35910000000001</v>
      </c>
    </row>
    <row r="5416" spans="4:5" x14ac:dyDescent="0.25">
      <c r="D5416" s="6">
        <v>2504.1550000000002</v>
      </c>
      <c r="E5416" s="6">
        <v>409.3766</v>
      </c>
    </row>
    <row r="5417" spans="4:5" x14ac:dyDescent="0.25">
      <c r="D5417" s="6">
        <v>1263.194</v>
      </c>
      <c r="E5417" s="6">
        <v>400.61900000000003</v>
      </c>
    </row>
    <row r="5418" spans="4:5" x14ac:dyDescent="0.25">
      <c r="D5418" s="6">
        <v>1608.3710000000001</v>
      </c>
      <c r="E5418" s="6">
        <v>516.64739999999995</v>
      </c>
    </row>
    <row r="5419" spans="4:5" x14ac:dyDescent="0.25">
      <c r="D5419" s="6">
        <v>1763.3779999999999</v>
      </c>
      <c r="E5419" s="6">
        <v>618.3913</v>
      </c>
    </row>
    <row r="5420" spans="4:5" x14ac:dyDescent="0.25">
      <c r="D5420" s="6">
        <v>1897.3889999999999</v>
      </c>
      <c r="E5420" s="6">
        <v>471.80810000000002</v>
      </c>
    </row>
    <row r="5421" spans="4:5" x14ac:dyDescent="0.25">
      <c r="D5421" s="6">
        <v>659.07719999999995</v>
      </c>
      <c r="E5421" s="6">
        <v>519.01160000000004</v>
      </c>
    </row>
    <row r="5422" spans="4:5" x14ac:dyDescent="0.25">
      <c r="D5422" s="6">
        <v>3206.34</v>
      </c>
      <c r="E5422" s="6">
        <v>467.5</v>
      </c>
    </row>
    <row r="5423" spans="4:5" x14ac:dyDescent="0.25">
      <c r="D5423" s="6">
        <v>2512.6170000000002</v>
      </c>
      <c r="E5423" s="6">
        <v>1046.175</v>
      </c>
    </row>
    <row r="5424" spans="4:5" x14ac:dyDescent="0.25">
      <c r="D5424" s="6">
        <v>869.96010000000001</v>
      </c>
      <c r="E5424" s="6">
        <v>624.40899999999999</v>
      </c>
    </row>
    <row r="5425" spans="4:5" x14ac:dyDescent="0.25">
      <c r="D5425" s="6">
        <v>1180.83</v>
      </c>
      <c r="E5425" s="6">
        <v>7885.5450000000001</v>
      </c>
    </row>
    <row r="5426" spans="4:5" x14ac:dyDescent="0.25">
      <c r="D5426" s="6">
        <v>1490.991</v>
      </c>
      <c r="E5426" s="6">
        <v>590.33330000000001</v>
      </c>
    </row>
    <row r="5427" spans="4:5" x14ac:dyDescent="0.25">
      <c r="D5427" s="6">
        <v>1532.857</v>
      </c>
      <c r="E5427" s="6">
        <v>738.43089999999995</v>
      </c>
    </row>
    <row r="5428" spans="4:5" x14ac:dyDescent="0.25">
      <c r="D5428" s="6">
        <v>1214.7829999999999</v>
      </c>
      <c r="E5428" s="6">
        <v>950.72389999999996</v>
      </c>
    </row>
    <row r="5429" spans="4:5" x14ac:dyDescent="0.25">
      <c r="D5429" s="6">
        <v>1124.01</v>
      </c>
      <c r="E5429" s="6">
        <v>872.42179999999996</v>
      </c>
    </row>
    <row r="5430" spans="4:5" x14ac:dyDescent="0.25">
      <c r="D5430" s="6">
        <v>944.90710000000001</v>
      </c>
      <c r="E5430" s="6">
        <v>623.74720000000002</v>
      </c>
    </row>
    <row r="5431" spans="4:5" x14ac:dyDescent="0.25">
      <c r="D5431" s="6">
        <v>474.5899</v>
      </c>
      <c r="E5431" s="6">
        <v>1110.354</v>
      </c>
    </row>
    <row r="5432" spans="4:5" x14ac:dyDescent="0.25">
      <c r="D5432" s="6">
        <v>589.1789</v>
      </c>
      <c r="E5432" s="6">
        <v>719.75</v>
      </c>
    </row>
    <row r="5433" spans="4:5" x14ac:dyDescent="0.25">
      <c r="D5433" s="6">
        <v>1014.135</v>
      </c>
      <c r="E5433" s="6">
        <v>564.02030000000002</v>
      </c>
    </row>
    <row r="5434" spans="4:5" x14ac:dyDescent="0.25">
      <c r="D5434" s="6">
        <v>519.21249999999998</v>
      </c>
      <c r="E5434" s="6">
        <v>584.18740000000003</v>
      </c>
    </row>
    <row r="5435" spans="4:5" x14ac:dyDescent="0.25">
      <c r="D5435" s="6">
        <v>596.58720000000005</v>
      </c>
      <c r="E5435" s="6">
        <v>631.22860000000003</v>
      </c>
    </row>
    <row r="5436" spans="4:5" x14ac:dyDescent="0.25">
      <c r="D5436" s="6">
        <v>2924.1950000000002</v>
      </c>
      <c r="E5436" s="6">
        <v>715.26260000000002</v>
      </c>
    </row>
    <row r="5437" spans="4:5" x14ac:dyDescent="0.25">
      <c r="D5437" s="6">
        <v>1427.26</v>
      </c>
      <c r="E5437" s="6">
        <v>736.7</v>
      </c>
    </row>
    <row r="5438" spans="4:5" x14ac:dyDescent="0.25">
      <c r="D5438" s="6">
        <v>1263.2760000000001</v>
      </c>
      <c r="E5438" s="6">
        <v>1116.2650000000001</v>
      </c>
    </row>
    <row r="5439" spans="4:5" x14ac:dyDescent="0.25">
      <c r="D5439" s="6">
        <v>2641.5770000000002</v>
      </c>
      <c r="E5439" s="6">
        <v>467.0566</v>
      </c>
    </row>
    <row r="5440" spans="4:5" x14ac:dyDescent="0.25">
      <c r="D5440" s="6">
        <v>2570.52</v>
      </c>
      <c r="E5440" s="6">
        <v>799.91219999999998</v>
      </c>
    </row>
    <row r="5441" spans="4:5" x14ac:dyDescent="0.25">
      <c r="D5441" s="6">
        <v>1006.975</v>
      </c>
      <c r="E5441" s="6">
        <v>3596.1480000000001</v>
      </c>
    </row>
    <row r="5442" spans="4:5" x14ac:dyDescent="0.25">
      <c r="D5442" s="6">
        <v>1144.5820000000001</v>
      </c>
      <c r="E5442" s="6">
        <v>1504.9680000000001</v>
      </c>
    </row>
    <row r="5443" spans="4:5" x14ac:dyDescent="0.25">
      <c r="D5443" s="6">
        <v>813.54639999999995</v>
      </c>
      <c r="E5443" s="6">
        <v>591.6472</v>
      </c>
    </row>
    <row r="5444" spans="4:5" x14ac:dyDescent="0.25">
      <c r="D5444" s="6">
        <v>2199.2660000000001</v>
      </c>
      <c r="E5444" s="6">
        <v>597.65319999999997</v>
      </c>
    </row>
    <row r="5445" spans="4:5" x14ac:dyDescent="0.25">
      <c r="D5445" s="6">
        <v>1167.6179999999999</v>
      </c>
      <c r="E5445" s="6">
        <v>1131.1590000000001</v>
      </c>
    </row>
    <row r="5446" spans="4:5" x14ac:dyDescent="0.25">
      <c r="D5446" s="6">
        <v>5998.393</v>
      </c>
      <c r="E5446" s="6">
        <v>654.59010000000001</v>
      </c>
    </row>
    <row r="5447" spans="4:5" x14ac:dyDescent="0.25">
      <c r="D5447" s="6">
        <v>2267.3910000000001</v>
      </c>
      <c r="E5447" s="6">
        <v>618.74680000000001</v>
      </c>
    </row>
    <row r="5448" spans="4:5" x14ac:dyDescent="0.25">
      <c r="D5448" s="6">
        <v>1739.8150000000001</v>
      </c>
      <c r="E5448" s="6">
        <v>593.47410000000002</v>
      </c>
    </row>
    <row r="5449" spans="4:5" x14ac:dyDescent="0.25">
      <c r="D5449" s="6">
        <v>591.69110000000001</v>
      </c>
      <c r="E5449" s="6">
        <v>643.72670000000005</v>
      </c>
    </row>
    <row r="5450" spans="4:5" x14ac:dyDescent="0.25">
      <c r="D5450" s="6">
        <v>1034.413</v>
      </c>
      <c r="E5450" s="6">
        <v>875.97969999999998</v>
      </c>
    </row>
    <row r="5451" spans="4:5" x14ac:dyDescent="0.25">
      <c r="D5451" s="6">
        <v>867.48310000000004</v>
      </c>
      <c r="E5451" s="6">
        <v>530.28750000000002</v>
      </c>
    </row>
    <row r="5452" spans="4:5" x14ac:dyDescent="0.25">
      <c r="D5452" s="6">
        <v>5435.2479999999996</v>
      </c>
      <c r="E5452" s="6">
        <v>448.5</v>
      </c>
    </row>
    <row r="5453" spans="4:5" x14ac:dyDescent="0.25">
      <c r="D5453" s="6">
        <v>1275.2080000000001</v>
      </c>
      <c r="E5453" s="6">
        <v>889.30259999999998</v>
      </c>
    </row>
    <row r="5454" spans="4:5" x14ac:dyDescent="0.25">
      <c r="D5454" s="6">
        <v>1466.454</v>
      </c>
      <c r="E5454" s="6">
        <v>789.66250000000002</v>
      </c>
    </row>
    <row r="5455" spans="4:5" x14ac:dyDescent="0.25">
      <c r="D5455" s="6">
        <v>2188.627</v>
      </c>
      <c r="E5455" s="6">
        <v>781.08240000000001</v>
      </c>
    </row>
    <row r="5456" spans="4:5" x14ac:dyDescent="0.25">
      <c r="D5456" s="6">
        <v>899.601</v>
      </c>
      <c r="E5456" s="6">
        <v>860.85180000000003</v>
      </c>
    </row>
    <row r="5457" spans="4:5" x14ac:dyDescent="0.25">
      <c r="D5457" s="6">
        <v>1527.404</v>
      </c>
      <c r="E5457" s="6">
        <v>696.12750000000005</v>
      </c>
    </row>
    <row r="5458" spans="4:5" x14ac:dyDescent="0.25">
      <c r="D5458" s="6">
        <v>1202.1590000000001</v>
      </c>
      <c r="E5458" s="6">
        <v>544.78160000000003</v>
      </c>
    </row>
    <row r="5459" spans="4:5" x14ac:dyDescent="0.25">
      <c r="D5459" s="6">
        <v>918.4991</v>
      </c>
      <c r="E5459" s="6">
        <v>2265.5</v>
      </c>
    </row>
    <row r="5460" spans="4:5" x14ac:dyDescent="0.25">
      <c r="D5460" s="6">
        <v>854.94439999999997</v>
      </c>
      <c r="E5460" s="6">
        <v>1560</v>
      </c>
    </row>
    <row r="5461" spans="4:5" x14ac:dyDescent="0.25">
      <c r="D5461" s="6">
        <v>1590.2139999999999</v>
      </c>
      <c r="E5461" s="6">
        <v>665.56949999999995</v>
      </c>
    </row>
    <row r="5462" spans="4:5" x14ac:dyDescent="0.25">
      <c r="D5462" s="6">
        <v>329.625</v>
      </c>
      <c r="E5462" s="6">
        <v>548.18600000000004</v>
      </c>
    </row>
    <row r="5463" spans="4:5" x14ac:dyDescent="0.25">
      <c r="D5463" s="6">
        <v>979.36770000000001</v>
      </c>
      <c r="E5463" s="6">
        <v>592.12120000000004</v>
      </c>
    </row>
    <row r="5464" spans="4:5" x14ac:dyDescent="0.25">
      <c r="D5464" s="6">
        <v>613.01089999999999</v>
      </c>
      <c r="E5464" s="6">
        <v>7717.0110000000004</v>
      </c>
    </row>
    <row r="5465" spans="4:5" x14ac:dyDescent="0.25">
      <c r="D5465" s="6">
        <v>1559.2840000000001</v>
      </c>
      <c r="E5465" s="6">
        <v>5804.5110000000004</v>
      </c>
    </row>
    <row r="5466" spans="4:5" x14ac:dyDescent="0.25">
      <c r="D5466" s="6">
        <v>2454.2919999999999</v>
      </c>
      <c r="E5466" s="6">
        <v>610.75250000000005</v>
      </c>
    </row>
    <row r="5467" spans="4:5" x14ac:dyDescent="0.25">
      <c r="D5467" s="6">
        <v>1124</v>
      </c>
      <c r="E5467" s="6">
        <v>619.32560000000001</v>
      </c>
    </row>
    <row r="5468" spans="4:5" x14ac:dyDescent="0.25">
      <c r="D5468" s="6">
        <v>1345.4670000000001</v>
      </c>
      <c r="E5468" s="6">
        <v>641.45090000000005</v>
      </c>
    </row>
    <row r="5469" spans="4:5" x14ac:dyDescent="0.25">
      <c r="D5469" s="6">
        <v>1256.874</v>
      </c>
      <c r="E5469" s="6">
        <v>470.38630000000001</v>
      </c>
    </row>
    <row r="5470" spans="4:5" x14ac:dyDescent="0.25">
      <c r="D5470" s="6">
        <v>15422.25</v>
      </c>
      <c r="E5470" s="6">
        <v>630.16719999999998</v>
      </c>
    </row>
    <row r="5471" spans="4:5" x14ac:dyDescent="0.25">
      <c r="D5471" s="6">
        <v>1276.7429999999999</v>
      </c>
      <c r="E5471" s="6">
        <v>3358.6640000000002</v>
      </c>
    </row>
    <row r="5472" spans="4:5" x14ac:dyDescent="0.25">
      <c r="D5472" s="6">
        <v>1112.8689999999999</v>
      </c>
      <c r="E5472" s="6">
        <v>3426.6509999999998</v>
      </c>
    </row>
    <row r="5473" spans="4:5" x14ac:dyDescent="0.25">
      <c r="D5473" s="6">
        <v>4375.9080000000004</v>
      </c>
      <c r="E5473" s="6">
        <v>355.66149999999999</v>
      </c>
    </row>
    <row r="5474" spans="4:5" x14ac:dyDescent="0.25">
      <c r="D5474" s="6">
        <v>486.88220000000001</v>
      </c>
      <c r="E5474" s="6">
        <v>568.02549999999997</v>
      </c>
    </row>
    <row r="5475" spans="4:5" x14ac:dyDescent="0.25">
      <c r="D5475" s="6">
        <v>1002.758</v>
      </c>
      <c r="E5475" s="6">
        <v>558.85659999999996</v>
      </c>
    </row>
    <row r="5476" spans="4:5" x14ac:dyDescent="0.25">
      <c r="D5476" s="6">
        <v>7245.05</v>
      </c>
      <c r="E5476" s="6">
        <v>661.27779999999996</v>
      </c>
    </row>
    <row r="5477" spans="4:5" x14ac:dyDescent="0.25">
      <c r="D5477" s="6">
        <v>3379.11</v>
      </c>
      <c r="E5477" s="6">
        <v>856.34690000000001</v>
      </c>
    </row>
    <row r="5478" spans="4:5" x14ac:dyDescent="0.25">
      <c r="D5478" s="6">
        <v>1180.7080000000001</v>
      </c>
      <c r="E5478" s="6">
        <v>1046.498</v>
      </c>
    </row>
    <row r="5479" spans="4:5" x14ac:dyDescent="0.25">
      <c r="D5479" s="6">
        <v>1133.6880000000001</v>
      </c>
      <c r="E5479" s="6">
        <v>727.89120000000003</v>
      </c>
    </row>
    <row r="5480" spans="4:5" x14ac:dyDescent="0.25">
      <c r="D5480" s="6">
        <v>5681.4070000000002</v>
      </c>
      <c r="E5480" s="6">
        <v>524.96889999999996</v>
      </c>
    </row>
    <row r="5481" spans="4:5" x14ac:dyDescent="0.25">
      <c r="D5481" s="6">
        <v>879.80020000000002</v>
      </c>
      <c r="E5481" s="6">
        <v>553.10530000000006</v>
      </c>
    </row>
    <row r="5482" spans="4:5" x14ac:dyDescent="0.25">
      <c r="D5482" s="6">
        <v>611.16719999999998</v>
      </c>
      <c r="E5482" s="6">
        <v>698.17639999999994</v>
      </c>
    </row>
    <row r="5483" spans="4:5" x14ac:dyDescent="0.25">
      <c r="D5483" s="6">
        <v>6398.6670000000004</v>
      </c>
      <c r="E5483" s="6">
        <v>519.74639999999999</v>
      </c>
    </row>
    <row r="5484" spans="4:5" x14ac:dyDescent="0.25">
      <c r="D5484" s="6">
        <v>1066.7429999999999</v>
      </c>
      <c r="E5484" s="6">
        <v>513.61429999999996</v>
      </c>
    </row>
    <row r="5485" spans="4:5" x14ac:dyDescent="0.25">
      <c r="D5485" s="6">
        <v>2453.9430000000002</v>
      </c>
      <c r="E5485" s="6">
        <v>2106.154</v>
      </c>
    </row>
    <row r="5486" spans="4:5" x14ac:dyDescent="0.25">
      <c r="D5486" s="6">
        <v>762.81510000000003</v>
      </c>
      <c r="E5486" s="6">
        <v>716.82240000000002</v>
      </c>
    </row>
    <row r="5487" spans="4:5" x14ac:dyDescent="0.25">
      <c r="D5487" s="6">
        <v>1901.1410000000001</v>
      </c>
      <c r="E5487" s="6">
        <v>507.255</v>
      </c>
    </row>
    <row r="5488" spans="4:5" x14ac:dyDescent="0.25">
      <c r="D5488" s="6">
        <v>1114.5920000000001</v>
      </c>
      <c r="E5488" s="6">
        <v>1709.675</v>
      </c>
    </row>
    <row r="5489" spans="4:5" x14ac:dyDescent="0.25">
      <c r="D5489" s="6">
        <v>7722.4290000000001</v>
      </c>
      <c r="E5489" s="6">
        <v>590.58159999999998</v>
      </c>
    </row>
    <row r="5490" spans="4:5" x14ac:dyDescent="0.25">
      <c r="D5490" s="6">
        <v>974.50800000000004</v>
      </c>
      <c r="E5490" s="6">
        <v>570.31399999999996</v>
      </c>
    </row>
    <row r="5491" spans="4:5" x14ac:dyDescent="0.25">
      <c r="D5491" s="6">
        <v>1072.269</v>
      </c>
      <c r="E5491" s="6">
        <v>615.99040000000002</v>
      </c>
    </row>
    <row r="5492" spans="4:5" x14ac:dyDescent="0.25">
      <c r="D5492" s="6">
        <v>1123.2819999999999</v>
      </c>
      <c r="E5492" s="6">
        <v>6100.5</v>
      </c>
    </row>
    <row r="5493" spans="4:5" x14ac:dyDescent="0.25">
      <c r="D5493" s="6">
        <v>2474.366</v>
      </c>
      <c r="E5493" s="6">
        <v>776.8</v>
      </c>
    </row>
    <row r="5494" spans="4:5" x14ac:dyDescent="0.25">
      <c r="D5494" s="6">
        <v>1324.748</v>
      </c>
      <c r="E5494" s="6">
        <v>409</v>
      </c>
    </row>
    <row r="5495" spans="4:5" x14ac:dyDescent="0.25">
      <c r="D5495" s="6">
        <v>6031.3940000000002</v>
      </c>
      <c r="E5495" s="6">
        <v>568.13760000000002</v>
      </c>
    </row>
    <row r="5496" spans="4:5" x14ac:dyDescent="0.25">
      <c r="D5496" s="6">
        <v>1026.425</v>
      </c>
      <c r="E5496" s="6">
        <v>587.55010000000004</v>
      </c>
    </row>
    <row r="5497" spans="4:5" x14ac:dyDescent="0.25">
      <c r="D5497" s="6">
        <v>1486.127</v>
      </c>
      <c r="E5497" s="6">
        <v>467.72359999999998</v>
      </c>
    </row>
    <row r="5498" spans="4:5" x14ac:dyDescent="0.25">
      <c r="D5498" s="6">
        <v>1190.1669999999999</v>
      </c>
      <c r="E5498" s="6">
        <v>1433.0170000000001</v>
      </c>
    </row>
    <row r="5499" spans="4:5" x14ac:dyDescent="0.25">
      <c r="D5499" s="6">
        <v>1079.0139999999999</v>
      </c>
      <c r="E5499" s="6">
        <v>534.75</v>
      </c>
    </row>
    <row r="5500" spans="4:5" x14ac:dyDescent="0.25">
      <c r="D5500" s="6">
        <v>1598.8140000000001</v>
      </c>
      <c r="E5500" s="6">
        <v>602.15890000000002</v>
      </c>
    </row>
    <row r="5501" spans="4:5" x14ac:dyDescent="0.25">
      <c r="D5501" s="6">
        <v>1112.211</v>
      </c>
      <c r="E5501" s="6">
        <v>578.96789999999999</v>
      </c>
    </row>
    <row r="5502" spans="4:5" x14ac:dyDescent="0.25">
      <c r="D5502" s="6">
        <v>683.3854</v>
      </c>
      <c r="E5502" s="6">
        <v>788.22119999999995</v>
      </c>
    </row>
    <row r="5503" spans="4:5" x14ac:dyDescent="0.25">
      <c r="D5503" s="6">
        <v>714.06219999999996</v>
      </c>
      <c r="E5503" s="6">
        <v>2057.8629999999998</v>
      </c>
    </row>
    <row r="5504" spans="4:5" x14ac:dyDescent="0.25">
      <c r="D5504" s="6">
        <v>3814.8</v>
      </c>
      <c r="E5504" s="6">
        <v>580.87760000000003</v>
      </c>
    </row>
    <row r="5505" spans="4:5" x14ac:dyDescent="0.25">
      <c r="D5505" s="6">
        <v>1146.056</v>
      </c>
      <c r="E5505" s="6">
        <v>896.40499999999997</v>
      </c>
    </row>
    <row r="5506" spans="4:5" x14ac:dyDescent="0.25">
      <c r="D5506" s="6">
        <v>804.15679999999998</v>
      </c>
      <c r="E5506" s="6">
        <v>1007.258</v>
      </c>
    </row>
    <row r="5507" spans="4:5" x14ac:dyDescent="0.25">
      <c r="D5507" s="6">
        <v>769.22479999999996</v>
      </c>
      <c r="E5507" s="6">
        <v>1287.711</v>
      </c>
    </row>
    <row r="5508" spans="4:5" x14ac:dyDescent="0.25">
      <c r="D5508" s="6">
        <v>1988.2729999999999</v>
      </c>
      <c r="E5508" s="6">
        <v>869.58590000000004</v>
      </c>
    </row>
    <row r="5509" spans="4:5" x14ac:dyDescent="0.25">
      <c r="D5509" s="6">
        <v>2465.2719999999999</v>
      </c>
      <c r="E5509" s="6">
        <v>659.17049999999995</v>
      </c>
    </row>
    <row r="5510" spans="4:5" x14ac:dyDescent="0.25">
      <c r="D5510" s="6">
        <v>952.94579999999996</v>
      </c>
      <c r="E5510" s="6">
        <v>842.33330000000001</v>
      </c>
    </row>
    <row r="5511" spans="4:5" x14ac:dyDescent="0.25">
      <c r="D5511" s="6">
        <v>1310.154</v>
      </c>
      <c r="E5511" s="6">
        <v>762.37419999999997</v>
      </c>
    </row>
    <row r="5512" spans="4:5" x14ac:dyDescent="0.25">
      <c r="D5512" s="6">
        <v>1639.2560000000001</v>
      </c>
      <c r="E5512" s="6">
        <v>445.5</v>
      </c>
    </row>
    <row r="5513" spans="4:5" x14ac:dyDescent="0.25">
      <c r="D5513" s="6">
        <v>1365.712</v>
      </c>
      <c r="E5513" s="6">
        <v>498.92660000000001</v>
      </c>
    </row>
    <row r="5514" spans="4:5" x14ac:dyDescent="0.25">
      <c r="D5514" s="6">
        <v>1344.33</v>
      </c>
      <c r="E5514" s="6">
        <v>825.66669999999999</v>
      </c>
    </row>
    <row r="5515" spans="4:5" x14ac:dyDescent="0.25">
      <c r="D5515" s="6">
        <v>894.62779999999998</v>
      </c>
      <c r="E5515" s="6">
        <v>470.70479999999998</v>
      </c>
    </row>
    <row r="5516" spans="4:5" x14ac:dyDescent="0.25">
      <c r="D5516" s="6">
        <v>912.4239</v>
      </c>
      <c r="E5516" s="6">
        <v>665.35019999999997</v>
      </c>
    </row>
    <row r="5517" spans="4:5" x14ac:dyDescent="0.25">
      <c r="D5517" s="6">
        <v>1126.864</v>
      </c>
      <c r="E5517" s="6">
        <v>629.31119999999999</v>
      </c>
    </row>
    <row r="5518" spans="4:5" x14ac:dyDescent="0.25">
      <c r="D5518" s="6">
        <v>1805.5519999999999</v>
      </c>
      <c r="E5518" s="6">
        <v>542.69129999999996</v>
      </c>
    </row>
    <row r="5519" spans="4:5" x14ac:dyDescent="0.25">
      <c r="D5519" s="6">
        <v>1267.114</v>
      </c>
      <c r="E5519" s="6">
        <v>422.38290000000001</v>
      </c>
    </row>
    <row r="5520" spans="4:5" x14ac:dyDescent="0.25">
      <c r="D5520" s="6">
        <v>2681.674</v>
      </c>
      <c r="E5520" s="6">
        <v>1438.0229999999999</v>
      </c>
    </row>
    <row r="5521" spans="4:5" x14ac:dyDescent="0.25">
      <c r="D5521" s="6">
        <v>1059.894</v>
      </c>
      <c r="E5521" s="6">
        <v>575.07629999999995</v>
      </c>
    </row>
    <row r="5522" spans="4:5" x14ac:dyDescent="0.25">
      <c r="D5522" s="6">
        <v>4058.9</v>
      </c>
      <c r="E5522" s="6">
        <v>578.97059999999999</v>
      </c>
    </row>
    <row r="5523" spans="4:5" x14ac:dyDescent="0.25">
      <c r="D5523" s="6">
        <v>982.49459999999999</v>
      </c>
      <c r="E5523" s="6">
        <v>430.57670000000002</v>
      </c>
    </row>
    <row r="5524" spans="4:5" x14ac:dyDescent="0.25">
      <c r="D5524" s="6">
        <v>1316.4059999999999</v>
      </c>
      <c r="E5524" s="6">
        <v>655.70360000000005</v>
      </c>
    </row>
    <row r="5525" spans="4:5" x14ac:dyDescent="0.25">
      <c r="D5525" s="6">
        <v>986.34209999999996</v>
      </c>
      <c r="E5525" s="6">
        <v>715.46720000000005</v>
      </c>
    </row>
    <row r="5526" spans="4:5" x14ac:dyDescent="0.25">
      <c r="D5526" s="6">
        <v>853.13139999999999</v>
      </c>
      <c r="E5526" s="6">
        <v>3008.8960000000002</v>
      </c>
    </row>
    <row r="5527" spans="4:5" x14ac:dyDescent="0.25">
      <c r="D5527" s="6">
        <v>677.91849999999999</v>
      </c>
      <c r="E5527" s="6">
        <v>1903.22</v>
      </c>
    </row>
    <row r="5528" spans="4:5" x14ac:dyDescent="0.25">
      <c r="D5528" s="6">
        <v>797.69500000000005</v>
      </c>
      <c r="E5528" s="6">
        <v>626.42169999999999</v>
      </c>
    </row>
    <row r="5529" spans="4:5" x14ac:dyDescent="0.25">
      <c r="D5529" s="6">
        <v>898.7577</v>
      </c>
      <c r="E5529" s="6">
        <v>532.61159999999995</v>
      </c>
    </row>
    <row r="5530" spans="4:5" x14ac:dyDescent="0.25">
      <c r="D5530" s="6">
        <v>860.89400000000001</v>
      </c>
      <c r="E5530" s="6">
        <v>702.65610000000004</v>
      </c>
    </row>
    <row r="5531" spans="4:5" x14ac:dyDescent="0.25">
      <c r="D5531" s="6">
        <v>2242.364</v>
      </c>
      <c r="E5531" s="6">
        <v>498.37299999999999</v>
      </c>
    </row>
    <row r="5532" spans="4:5" x14ac:dyDescent="0.25">
      <c r="D5532" s="6">
        <v>1255.354</v>
      </c>
      <c r="E5532" s="6">
        <v>577.03189999999995</v>
      </c>
    </row>
    <row r="5533" spans="4:5" x14ac:dyDescent="0.25">
      <c r="D5533" s="6">
        <v>2115.9349999999999</v>
      </c>
      <c r="E5533" s="6">
        <v>619.77499999999998</v>
      </c>
    </row>
    <row r="5534" spans="4:5" x14ac:dyDescent="0.25">
      <c r="D5534" s="6">
        <v>2799.3960000000002</v>
      </c>
      <c r="E5534" s="6">
        <v>912.49670000000003</v>
      </c>
    </row>
    <row r="5535" spans="4:5" x14ac:dyDescent="0.25">
      <c r="D5535" s="6">
        <v>2296.1869999999999</v>
      </c>
      <c r="E5535" s="6">
        <v>756.50810000000001</v>
      </c>
    </row>
    <row r="5536" spans="4:5" x14ac:dyDescent="0.25">
      <c r="D5536" s="6">
        <v>2384.4079999999999</v>
      </c>
      <c r="E5536" s="6">
        <v>598.31219999999996</v>
      </c>
    </row>
    <row r="5537" spans="4:5" x14ac:dyDescent="0.25">
      <c r="D5537" s="6">
        <v>550.125</v>
      </c>
      <c r="E5537" s="6">
        <v>436.7242</v>
      </c>
    </row>
    <row r="5538" spans="4:5" x14ac:dyDescent="0.25">
      <c r="D5538" s="6">
        <v>1176.597</v>
      </c>
      <c r="E5538" s="6">
        <v>474.28840000000002</v>
      </c>
    </row>
    <row r="5539" spans="4:5" x14ac:dyDescent="0.25">
      <c r="D5539" s="6">
        <v>1193.0219999999999</v>
      </c>
      <c r="E5539" s="6">
        <v>657.83330000000001</v>
      </c>
    </row>
    <row r="5540" spans="4:5" x14ac:dyDescent="0.25">
      <c r="D5540" s="6">
        <v>2745.1109999999999</v>
      </c>
      <c r="E5540" s="6">
        <v>681.66740000000004</v>
      </c>
    </row>
    <row r="5541" spans="4:5" x14ac:dyDescent="0.25">
      <c r="D5541" s="6">
        <v>11359.24</v>
      </c>
      <c r="E5541" s="6">
        <v>408.29410000000001</v>
      </c>
    </row>
    <row r="5542" spans="4:5" x14ac:dyDescent="0.25">
      <c r="D5542" s="6">
        <v>1081.0540000000001</v>
      </c>
      <c r="E5542" s="6">
        <v>468.68</v>
      </c>
    </row>
    <row r="5543" spans="4:5" x14ac:dyDescent="0.25">
      <c r="D5543" s="6">
        <v>862.53210000000001</v>
      </c>
      <c r="E5543" s="6">
        <v>496.25020000000001</v>
      </c>
    </row>
    <row r="5544" spans="4:5" x14ac:dyDescent="0.25">
      <c r="D5544" s="6">
        <v>630.02170000000001</v>
      </c>
      <c r="E5544" s="6">
        <v>500.14240000000001</v>
      </c>
    </row>
    <row r="5545" spans="4:5" x14ac:dyDescent="0.25">
      <c r="D5545" s="6">
        <v>577.62070000000006</v>
      </c>
      <c r="E5545" s="6">
        <v>749.44050000000004</v>
      </c>
    </row>
    <row r="5546" spans="4:5" x14ac:dyDescent="0.25">
      <c r="D5546" s="6">
        <v>832.73509999999999</v>
      </c>
      <c r="E5546" s="6">
        <v>3313.4229999999998</v>
      </c>
    </row>
    <row r="5547" spans="4:5" x14ac:dyDescent="0.25">
      <c r="D5547" s="6">
        <v>1532.7850000000001</v>
      </c>
      <c r="E5547" s="6">
        <v>1497.49</v>
      </c>
    </row>
    <row r="5548" spans="4:5" x14ac:dyDescent="0.25">
      <c r="D5548" s="6">
        <v>1262.9829999999999</v>
      </c>
      <c r="E5548" s="6">
        <v>755.61969999999997</v>
      </c>
    </row>
    <row r="5549" spans="4:5" x14ac:dyDescent="0.25">
      <c r="D5549" s="6">
        <v>1092.028</v>
      </c>
      <c r="E5549" s="6">
        <v>1410.864</v>
      </c>
    </row>
    <row r="5550" spans="4:5" x14ac:dyDescent="0.25">
      <c r="D5550" s="6">
        <v>1211.4670000000001</v>
      </c>
      <c r="E5550" s="6">
        <v>468.01639999999998</v>
      </c>
    </row>
    <row r="5551" spans="4:5" x14ac:dyDescent="0.25">
      <c r="D5551" s="6">
        <v>1836.576</v>
      </c>
      <c r="E5551" s="6">
        <v>528.43110000000001</v>
      </c>
    </row>
    <row r="5552" spans="4:5" x14ac:dyDescent="0.25">
      <c r="D5552" s="6">
        <v>5255.9350000000004</v>
      </c>
      <c r="E5552" s="6">
        <v>2873.65</v>
      </c>
    </row>
    <row r="5553" spans="4:5" x14ac:dyDescent="0.25">
      <c r="D5553" s="6">
        <v>1223.5419999999999</v>
      </c>
      <c r="E5553" s="6">
        <v>431.90010000000001</v>
      </c>
    </row>
    <row r="5554" spans="4:5" x14ac:dyDescent="0.25">
      <c r="D5554" s="6">
        <v>1205.741</v>
      </c>
      <c r="E5554" s="6">
        <v>797.29139999999995</v>
      </c>
    </row>
    <row r="5555" spans="4:5" x14ac:dyDescent="0.25">
      <c r="D5555" s="6">
        <v>1101.5</v>
      </c>
      <c r="E5555" s="6">
        <v>687.89070000000004</v>
      </c>
    </row>
    <row r="5556" spans="4:5" x14ac:dyDescent="0.25">
      <c r="D5556" s="6">
        <v>928.32849999999996</v>
      </c>
      <c r="E5556" s="6">
        <v>891.56020000000001</v>
      </c>
    </row>
    <row r="5557" spans="4:5" x14ac:dyDescent="0.25">
      <c r="D5557" s="6">
        <v>848.09630000000004</v>
      </c>
      <c r="E5557" s="6">
        <v>4923.5839999999998</v>
      </c>
    </row>
    <row r="5558" spans="4:5" x14ac:dyDescent="0.25">
      <c r="D5558" s="6">
        <v>1090.335</v>
      </c>
      <c r="E5558" s="6">
        <v>541.00779999999997</v>
      </c>
    </row>
    <row r="5559" spans="4:5" x14ac:dyDescent="0.25">
      <c r="D5559" s="6">
        <v>4261.8879999999999</v>
      </c>
      <c r="E5559" s="6">
        <v>587.90030000000002</v>
      </c>
    </row>
    <row r="5560" spans="4:5" x14ac:dyDescent="0.25">
      <c r="D5560" s="6">
        <v>1052.27</v>
      </c>
      <c r="E5560" s="6">
        <v>339.2</v>
      </c>
    </row>
    <row r="5561" spans="4:5" x14ac:dyDescent="0.25">
      <c r="D5561" s="6">
        <v>1070.847</v>
      </c>
      <c r="E5561" s="6">
        <v>709.33330000000001</v>
      </c>
    </row>
    <row r="5562" spans="4:5" x14ac:dyDescent="0.25">
      <c r="D5562" s="6">
        <v>1159.1099999999999</v>
      </c>
      <c r="E5562" s="6">
        <v>659.44190000000003</v>
      </c>
    </row>
    <row r="5563" spans="4:5" x14ac:dyDescent="0.25">
      <c r="D5563" s="6">
        <v>2001.8230000000001</v>
      </c>
      <c r="E5563" s="6">
        <v>784.28459999999995</v>
      </c>
    </row>
    <row r="5564" spans="4:5" x14ac:dyDescent="0.25">
      <c r="D5564" s="6">
        <v>1185.9580000000001</v>
      </c>
      <c r="E5564" s="6">
        <v>502.85570000000001</v>
      </c>
    </row>
    <row r="5565" spans="4:5" x14ac:dyDescent="0.25">
      <c r="D5565" s="6">
        <v>1134.2950000000001</v>
      </c>
      <c r="E5565" s="6">
        <v>599.2328</v>
      </c>
    </row>
    <row r="5566" spans="4:5" x14ac:dyDescent="0.25">
      <c r="D5566" s="6">
        <v>666.14070000000004</v>
      </c>
      <c r="E5566" s="6">
        <v>858.20439999999996</v>
      </c>
    </row>
    <row r="5567" spans="4:5" x14ac:dyDescent="0.25">
      <c r="D5567" s="6">
        <v>280.267</v>
      </c>
      <c r="E5567" s="6">
        <v>663.01980000000003</v>
      </c>
    </row>
    <row r="5568" spans="4:5" x14ac:dyDescent="0.25">
      <c r="D5568" s="6">
        <v>2479.7860000000001</v>
      </c>
      <c r="E5568" s="6">
        <v>1046.7850000000001</v>
      </c>
    </row>
    <row r="5569" spans="4:5" x14ac:dyDescent="0.25">
      <c r="D5569" s="6">
        <v>1098.471</v>
      </c>
      <c r="E5569" s="6">
        <v>481.82240000000002</v>
      </c>
    </row>
    <row r="5570" spans="4:5" x14ac:dyDescent="0.25">
      <c r="D5570" s="6">
        <v>1306.607</v>
      </c>
      <c r="E5570" s="6">
        <v>494.98590000000002</v>
      </c>
    </row>
    <row r="5571" spans="4:5" x14ac:dyDescent="0.25">
      <c r="D5571" s="6">
        <v>1396.787</v>
      </c>
      <c r="E5571" s="6">
        <v>485.3698</v>
      </c>
    </row>
    <row r="5572" spans="4:5" x14ac:dyDescent="0.25">
      <c r="D5572" s="6">
        <v>970.23860000000002</v>
      </c>
      <c r="E5572" s="6">
        <v>573.45650000000001</v>
      </c>
    </row>
    <row r="5573" spans="4:5" x14ac:dyDescent="0.25">
      <c r="D5573" s="6">
        <v>673.65340000000003</v>
      </c>
      <c r="E5573" s="6">
        <v>1111.028</v>
      </c>
    </row>
    <row r="5574" spans="4:5" x14ac:dyDescent="0.25">
      <c r="D5574" s="6">
        <v>1530.41</v>
      </c>
      <c r="E5574" s="6">
        <v>869.83330000000001</v>
      </c>
    </row>
    <row r="5575" spans="4:5" x14ac:dyDescent="0.25">
      <c r="D5575" s="6">
        <v>1628.0650000000001</v>
      </c>
      <c r="E5575" s="6">
        <v>472.84100000000001</v>
      </c>
    </row>
    <row r="5576" spans="4:5" x14ac:dyDescent="0.25">
      <c r="D5576" s="6">
        <v>752.73170000000005</v>
      </c>
      <c r="E5576" s="6">
        <v>748.09199999999998</v>
      </c>
    </row>
    <row r="5577" spans="4:5" x14ac:dyDescent="0.25">
      <c r="D5577" s="6">
        <v>4606.098</v>
      </c>
      <c r="E5577" s="6">
        <v>876.04639999999995</v>
      </c>
    </row>
    <row r="5578" spans="4:5" x14ac:dyDescent="0.25">
      <c r="D5578" s="6">
        <v>1625.944</v>
      </c>
      <c r="E5578" s="6">
        <v>774.28639999999996</v>
      </c>
    </row>
    <row r="5579" spans="4:5" x14ac:dyDescent="0.25">
      <c r="D5579" s="6">
        <v>1281.0830000000001</v>
      </c>
      <c r="E5579" s="6">
        <v>6975.0630000000001</v>
      </c>
    </row>
    <row r="5580" spans="4:5" x14ac:dyDescent="0.25">
      <c r="D5580" s="6">
        <v>567.70690000000002</v>
      </c>
      <c r="E5580" s="6">
        <v>796</v>
      </c>
    </row>
    <row r="5581" spans="4:5" x14ac:dyDescent="0.25">
      <c r="D5581" s="6">
        <v>2086.0169999999998</v>
      </c>
      <c r="E5581" s="6">
        <v>6258.5630000000001</v>
      </c>
    </row>
    <row r="5582" spans="4:5" x14ac:dyDescent="0.25">
      <c r="D5582" s="6">
        <v>1093.28</v>
      </c>
      <c r="E5582" s="6">
        <v>537.95510000000002</v>
      </c>
    </row>
    <row r="5583" spans="4:5" x14ac:dyDescent="0.25">
      <c r="D5583" s="6">
        <v>1090.1189999999999</v>
      </c>
      <c r="E5583" s="6">
        <v>524.30020000000002</v>
      </c>
    </row>
    <row r="5584" spans="4:5" x14ac:dyDescent="0.25">
      <c r="D5584" s="6">
        <v>3236.7150000000001</v>
      </c>
      <c r="E5584" s="6">
        <v>1375.903</v>
      </c>
    </row>
    <row r="5585" spans="4:5" x14ac:dyDescent="0.25">
      <c r="D5585" s="6">
        <v>1234.704</v>
      </c>
      <c r="E5585" s="6">
        <v>935.71770000000004</v>
      </c>
    </row>
    <row r="5586" spans="4:5" x14ac:dyDescent="0.25">
      <c r="D5586" s="6">
        <v>586.58889999999997</v>
      </c>
      <c r="E5586" s="6">
        <v>875.34379999999999</v>
      </c>
    </row>
    <row r="5587" spans="4:5" x14ac:dyDescent="0.25">
      <c r="D5587" s="6">
        <v>981.94949999999994</v>
      </c>
      <c r="E5587" s="6">
        <v>565.36059999999998</v>
      </c>
    </row>
    <row r="5588" spans="4:5" x14ac:dyDescent="0.25">
      <c r="D5588" s="6">
        <v>734.625</v>
      </c>
      <c r="E5588" s="6">
        <v>5297.6</v>
      </c>
    </row>
    <row r="5589" spans="4:5" x14ac:dyDescent="0.25">
      <c r="D5589" s="6">
        <v>733.66650000000004</v>
      </c>
      <c r="E5589" s="6">
        <v>659.38379999999995</v>
      </c>
    </row>
    <row r="5590" spans="4:5" x14ac:dyDescent="0.25">
      <c r="D5590" s="6">
        <v>1515.701</v>
      </c>
      <c r="E5590" s="6">
        <v>912.04769999999996</v>
      </c>
    </row>
    <row r="5591" spans="4:5" x14ac:dyDescent="0.25">
      <c r="D5591" s="6">
        <v>980.69280000000003</v>
      </c>
      <c r="E5591" s="6">
        <v>909.36030000000005</v>
      </c>
    </row>
    <row r="5592" spans="4:5" x14ac:dyDescent="0.25">
      <c r="D5592" s="6">
        <v>672.68399999999997</v>
      </c>
      <c r="E5592" s="6">
        <v>878.66459999999995</v>
      </c>
    </row>
    <row r="5593" spans="4:5" x14ac:dyDescent="0.25">
      <c r="D5593" s="6">
        <v>1199.2349999999999</v>
      </c>
      <c r="E5593" s="6">
        <v>8880</v>
      </c>
    </row>
    <row r="5594" spans="4:5" x14ac:dyDescent="0.25">
      <c r="D5594" s="6">
        <v>224.5343</v>
      </c>
      <c r="E5594" s="6">
        <v>537.72919999999999</v>
      </c>
    </row>
    <row r="5595" spans="4:5" x14ac:dyDescent="0.25">
      <c r="D5595" s="6">
        <v>1990.165</v>
      </c>
      <c r="E5595" s="6">
        <v>688.42729999999995</v>
      </c>
    </row>
    <row r="5596" spans="4:5" x14ac:dyDescent="0.25">
      <c r="D5596" s="6">
        <v>1509.106</v>
      </c>
      <c r="E5596" s="6">
        <v>5366.1490000000003</v>
      </c>
    </row>
    <row r="5597" spans="4:5" x14ac:dyDescent="0.25">
      <c r="D5597" s="6">
        <v>929.82799999999997</v>
      </c>
      <c r="E5597" s="6">
        <v>1906.684</v>
      </c>
    </row>
    <row r="5598" spans="4:5" x14ac:dyDescent="0.25">
      <c r="D5598" s="6">
        <v>2136.56</v>
      </c>
      <c r="E5598" s="6">
        <v>582.13819999999998</v>
      </c>
    </row>
    <row r="5599" spans="4:5" x14ac:dyDescent="0.25">
      <c r="D5599" s="6">
        <v>1065.287</v>
      </c>
      <c r="E5599" s="6">
        <v>593.23199999999997</v>
      </c>
    </row>
    <row r="5600" spans="4:5" x14ac:dyDescent="0.25">
      <c r="D5600" s="6">
        <v>1425.2449999999999</v>
      </c>
      <c r="E5600" s="6">
        <v>737.15060000000005</v>
      </c>
    </row>
    <row r="5601" spans="4:5" x14ac:dyDescent="0.25">
      <c r="D5601" s="6">
        <v>568.65629999999999</v>
      </c>
      <c r="E5601" s="6">
        <v>1093.4780000000001</v>
      </c>
    </row>
    <row r="5602" spans="4:5" x14ac:dyDescent="0.25">
      <c r="D5602" s="6">
        <v>926.81410000000005</v>
      </c>
      <c r="E5602" s="6">
        <v>833.70849999999996</v>
      </c>
    </row>
    <row r="5603" spans="4:5" x14ac:dyDescent="0.25">
      <c r="D5603" s="6">
        <v>5332.7020000000002</v>
      </c>
      <c r="E5603" s="6">
        <v>572.66669999999999</v>
      </c>
    </row>
    <row r="5604" spans="4:5" x14ac:dyDescent="0.25">
      <c r="D5604" s="6">
        <v>2584.375</v>
      </c>
      <c r="E5604" s="6">
        <v>766.1644</v>
      </c>
    </row>
    <row r="5605" spans="4:5" x14ac:dyDescent="0.25">
      <c r="D5605" s="6">
        <v>14818</v>
      </c>
      <c r="E5605" s="6">
        <v>6097.4960000000001</v>
      </c>
    </row>
    <row r="5606" spans="4:5" x14ac:dyDescent="0.25">
      <c r="D5606" s="6">
        <v>1018.64</v>
      </c>
      <c r="E5606" s="6">
        <v>609.92290000000003</v>
      </c>
    </row>
    <row r="5607" spans="4:5" x14ac:dyDescent="0.25">
      <c r="D5607" s="6">
        <v>966.01199999999994</v>
      </c>
      <c r="E5607" s="6">
        <v>603.82039999999995</v>
      </c>
    </row>
    <row r="5608" spans="4:5" x14ac:dyDescent="0.25">
      <c r="D5608" s="6">
        <v>1190.223</v>
      </c>
      <c r="E5608" s="6">
        <v>756.64449999999999</v>
      </c>
    </row>
    <row r="5609" spans="4:5" x14ac:dyDescent="0.25">
      <c r="D5609" s="6">
        <v>1112.751</v>
      </c>
      <c r="E5609" s="6">
        <v>462.3</v>
      </c>
    </row>
    <row r="5610" spans="4:5" x14ac:dyDescent="0.25">
      <c r="D5610" s="6">
        <v>671.59950000000003</v>
      </c>
      <c r="E5610" s="6">
        <v>455.35539999999997</v>
      </c>
    </row>
    <row r="5611" spans="4:5" x14ac:dyDescent="0.25">
      <c r="D5611" s="6">
        <v>704.85509999999999</v>
      </c>
      <c r="E5611" s="6">
        <v>469.41950000000003</v>
      </c>
    </row>
    <row r="5612" spans="4:5" x14ac:dyDescent="0.25">
      <c r="D5612" s="6">
        <v>2913.0909999999999</v>
      </c>
      <c r="E5612" s="6">
        <v>566.64380000000006</v>
      </c>
    </row>
    <row r="5613" spans="4:5" x14ac:dyDescent="0.25">
      <c r="D5613" s="6">
        <v>645.64409999999998</v>
      </c>
      <c r="E5613" s="6">
        <v>580.17539999999997</v>
      </c>
    </row>
    <row r="5614" spans="4:5" x14ac:dyDescent="0.25">
      <c r="D5614" s="6">
        <v>406.69159999999999</v>
      </c>
      <c r="E5614" s="6">
        <v>6354.22</v>
      </c>
    </row>
    <row r="5615" spans="4:5" x14ac:dyDescent="0.25">
      <c r="D5615" s="6">
        <v>2346.2840000000001</v>
      </c>
      <c r="E5615" s="6">
        <v>582.98410000000001</v>
      </c>
    </row>
    <row r="5616" spans="4:5" x14ac:dyDescent="0.25">
      <c r="D5616" s="6">
        <v>2236.1039999999998</v>
      </c>
      <c r="E5616" s="6">
        <v>685.66880000000003</v>
      </c>
    </row>
    <row r="5617" spans="4:5" x14ac:dyDescent="0.25">
      <c r="D5617" s="6">
        <v>656.13559999999995</v>
      </c>
      <c r="E5617" s="6">
        <v>684.0992</v>
      </c>
    </row>
    <row r="5618" spans="4:5" x14ac:dyDescent="0.25">
      <c r="D5618" s="6">
        <v>1020.129</v>
      </c>
      <c r="E5618" s="6">
        <v>1690.077</v>
      </c>
    </row>
    <row r="5619" spans="4:5" x14ac:dyDescent="0.25">
      <c r="D5619" s="6">
        <v>579.08000000000004</v>
      </c>
      <c r="E5619" s="6">
        <v>491.5</v>
      </c>
    </row>
    <row r="5620" spans="4:5" x14ac:dyDescent="0.25">
      <c r="D5620" s="6">
        <v>1288.796</v>
      </c>
      <c r="E5620" s="6">
        <v>832.84059999999999</v>
      </c>
    </row>
    <row r="5621" spans="4:5" x14ac:dyDescent="0.25">
      <c r="D5621" s="6">
        <v>869.60090000000002</v>
      </c>
      <c r="E5621" s="6">
        <v>761.78120000000001</v>
      </c>
    </row>
    <row r="5622" spans="4:5" x14ac:dyDescent="0.25">
      <c r="D5622" s="6">
        <v>4149.875</v>
      </c>
      <c r="E5622" s="6">
        <v>5661.5209999999997</v>
      </c>
    </row>
    <row r="5623" spans="4:5" x14ac:dyDescent="0.25">
      <c r="D5623" s="6">
        <v>1578.721</v>
      </c>
      <c r="E5623" s="6">
        <v>538</v>
      </c>
    </row>
    <row r="5624" spans="4:5" x14ac:dyDescent="0.25">
      <c r="D5624" s="6">
        <v>1147.8979999999999</v>
      </c>
      <c r="E5624" s="6">
        <v>506.42110000000002</v>
      </c>
    </row>
    <row r="5625" spans="4:5" x14ac:dyDescent="0.25">
      <c r="D5625" s="6">
        <v>2014.107</v>
      </c>
      <c r="E5625" s="6">
        <v>653.58529999999996</v>
      </c>
    </row>
    <row r="5626" spans="4:5" x14ac:dyDescent="0.25">
      <c r="D5626" s="6">
        <v>990.85789999999997</v>
      </c>
      <c r="E5626" s="6">
        <v>702.07309999999995</v>
      </c>
    </row>
    <row r="5627" spans="4:5" x14ac:dyDescent="0.25">
      <c r="D5627" s="6">
        <v>1228.3489999999999</v>
      </c>
      <c r="E5627" s="6">
        <v>600.49739999999997</v>
      </c>
    </row>
    <row r="5628" spans="4:5" x14ac:dyDescent="0.25">
      <c r="D5628" s="6">
        <v>1009.8150000000001</v>
      </c>
      <c r="E5628" s="6">
        <v>10034.61</v>
      </c>
    </row>
    <row r="5629" spans="4:5" x14ac:dyDescent="0.25">
      <c r="D5629" s="6">
        <v>2573.9009999999998</v>
      </c>
      <c r="E5629" s="6">
        <v>587.86950000000002</v>
      </c>
    </row>
    <row r="5630" spans="4:5" x14ac:dyDescent="0.25">
      <c r="D5630" s="6">
        <v>2052.5</v>
      </c>
      <c r="E5630" s="6">
        <v>494.21699999999998</v>
      </c>
    </row>
    <row r="5631" spans="4:5" x14ac:dyDescent="0.25">
      <c r="D5631" s="6">
        <v>1112.2840000000001</v>
      </c>
      <c r="E5631" s="6">
        <v>759.55</v>
      </c>
    </row>
    <row r="5632" spans="4:5" x14ac:dyDescent="0.25">
      <c r="D5632" s="6">
        <v>3766.2860000000001</v>
      </c>
      <c r="E5632" s="6">
        <v>538.75419999999997</v>
      </c>
    </row>
    <row r="5633" spans="4:5" x14ac:dyDescent="0.25">
      <c r="D5633" s="6">
        <v>1361.432</v>
      </c>
      <c r="E5633" s="6">
        <v>731.56510000000003</v>
      </c>
    </row>
    <row r="5634" spans="4:5" x14ac:dyDescent="0.25">
      <c r="D5634" s="6">
        <v>1373.336</v>
      </c>
      <c r="E5634" s="6">
        <v>1727.5</v>
      </c>
    </row>
    <row r="5635" spans="4:5" x14ac:dyDescent="0.25">
      <c r="D5635" s="6">
        <v>1400.2809999999999</v>
      </c>
      <c r="E5635" s="6">
        <v>1402.3240000000001</v>
      </c>
    </row>
    <row r="5636" spans="4:5" x14ac:dyDescent="0.25">
      <c r="D5636" s="6">
        <v>1123.287</v>
      </c>
      <c r="E5636" s="6">
        <v>674.77790000000005</v>
      </c>
    </row>
    <row r="5637" spans="4:5" x14ac:dyDescent="0.25">
      <c r="D5637" s="6">
        <v>664.97929999999997</v>
      </c>
      <c r="E5637" s="6">
        <v>596.39419999999996</v>
      </c>
    </row>
    <row r="5638" spans="4:5" x14ac:dyDescent="0.25">
      <c r="D5638" s="6">
        <v>938.39030000000002</v>
      </c>
      <c r="E5638" s="6">
        <v>629.40679999999998</v>
      </c>
    </row>
    <row r="5639" spans="4:5" x14ac:dyDescent="0.25">
      <c r="D5639" s="6">
        <v>1374.6590000000001</v>
      </c>
      <c r="E5639" s="6">
        <v>4920.6670000000004</v>
      </c>
    </row>
    <row r="5640" spans="4:5" x14ac:dyDescent="0.25">
      <c r="D5640" s="6">
        <v>2625.049</v>
      </c>
      <c r="E5640" s="6">
        <v>2016.25</v>
      </c>
    </row>
    <row r="5641" spans="4:5" x14ac:dyDescent="0.25">
      <c r="D5641" s="6">
        <v>1016.502</v>
      </c>
      <c r="E5641" s="6">
        <v>393.80029999999999</v>
      </c>
    </row>
    <row r="5642" spans="4:5" x14ac:dyDescent="0.25">
      <c r="D5642" s="6">
        <v>819.69730000000004</v>
      </c>
      <c r="E5642" s="6">
        <v>621.66930000000002</v>
      </c>
    </row>
    <row r="5643" spans="4:5" x14ac:dyDescent="0.25">
      <c r="D5643" s="6">
        <v>531.33100000000002</v>
      </c>
      <c r="E5643" s="6">
        <v>557.94669999999996</v>
      </c>
    </row>
    <row r="5644" spans="4:5" x14ac:dyDescent="0.25">
      <c r="D5644" s="6">
        <v>3219.8240000000001</v>
      </c>
      <c r="E5644" s="6">
        <v>646.82629999999995</v>
      </c>
    </row>
    <row r="5645" spans="4:5" x14ac:dyDescent="0.25">
      <c r="D5645" s="6">
        <v>408.4</v>
      </c>
      <c r="E5645" s="6">
        <v>594.79999999999995</v>
      </c>
    </row>
    <row r="5646" spans="4:5" x14ac:dyDescent="0.25">
      <c r="D5646" s="6">
        <v>656.87210000000005</v>
      </c>
      <c r="E5646" s="6">
        <v>594.93050000000005</v>
      </c>
    </row>
    <row r="5647" spans="4:5" x14ac:dyDescent="0.25">
      <c r="D5647" s="6">
        <v>1223.9069999999999</v>
      </c>
      <c r="E5647" s="6">
        <v>514.50490000000002</v>
      </c>
    </row>
    <row r="5648" spans="4:5" x14ac:dyDescent="0.25">
      <c r="D5648" s="6">
        <v>903.99749999999995</v>
      </c>
      <c r="E5648" s="6">
        <v>642.64829999999995</v>
      </c>
    </row>
    <row r="5649" spans="4:5" x14ac:dyDescent="0.25">
      <c r="D5649" s="6">
        <v>1121.4000000000001</v>
      </c>
      <c r="E5649" s="6">
        <v>1204.768</v>
      </c>
    </row>
    <row r="5650" spans="4:5" x14ac:dyDescent="0.25">
      <c r="D5650" s="6">
        <v>1261.6610000000001</v>
      </c>
      <c r="E5650" s="6">
        <v>871.18140000000005</v>
      </c>
    </row>
    <row r="5651" spans="4:5" x14ac:dyDescent="0.25">
      <c r="D5651" s="6">
        <v>3195.4450000000002</v>
      </c>
      <c r="E5651" s="6">
        <v>1291</v>
      </c>
    </row>
    <row r="5652" spans="4:5" x14ac:dyDescent="0.25">
      <c r="D5652" s="6">
        <v>5237.8</v>
      </c>
      <c r="E5652" s="6">
        <v>717.17790000000002</v>
      </c>
    </row>
    <row r="5653" spans="4:5" x14ac:dyDescent="0.25">
      <c r="D5653" s="6">
        <v>1962.42</v>
      </c>
      <c r="E5653" s="6">
        <v>643.05529999999999</v>
      </c>
    </row>
    <row r="5654" spans="4:5" x14ac:dyDescent="0.25">
      <c r="D5654" s="6">
        <v>4950.857</v>
      </c>
      <c r="E5654" s="6">
        <v>495.67160000000001</v>
      </c>
    </row>
    <row r="5655" spans="4:5" x14ac:dyDescent="0.25">
      <c r="D5655" s="6">
        <v>946.20590000000004</v>
      </c>
      <c r="E5655" s="6">
        <v>761.28380000000004</v>
      </c>
    </row>
    <row r="5656" spans="4:5" x14ac:dyDescent="0.25">
      <c r="D5656" s="6">
        <v>1642.729</v>
      </c>
      <c r="E5656" s="6">
        <v>5190.9409999999998</v>
      </c>
    </row>
    <row r="5657" spans="4:5" x14ac:dyDescent="0.25">
      <c r="D5657" s="6">
        <v>908.33680000000004</v>
      </c>
      <c r="E5657" s="6">
        <v>688.75739999999996</v>
      </c>
    </row>
    <row r="5658" spans="4:5" x14ac:dyDescent="0.25">
      <c r="D5658" s="6">
        <v>1105.5150000000001</v>
      </c>
      <c r="E5658" s="6">
        <v>565.29399999999998</v>
      </c>
    </row>
    <row r="5659" spans="4:5" x14ac:dyDescent="0.25">
      <c r="D5659" s="6">
        <v>706.15290000000005</v>
      </c>
      <c r="E5659" s="6">
        <v>698.32190000000003</v>
      </c>
    </row>
    <row r="5660" spans="4:5" x14ac:dyDescent="0.25">
      <c r="D5660" s="6">
        <v>687.70600000000002</v>
      </c>
      <c r="E5660" s="6">
        <v>799.30029999999999</v>
      </c>
    </row>
    <row r="5661" spans="4:5" x14ac:dyDescent="0.25">
      <c r="D5661" s="6">
        <v>2113.0770000000002</v>
      </c>
      <c r="E5661" s="6">
        <v>692.34870000000001</v>
      </c>
    </row>
    <row r="5662" spans="4:5" x14ac:dyDescent="0.25">
      <c r="D5662" s="6">
        <v>926.24879999999996</v>
      </c>
      <c r="E5662" s="6">
        <v>920.16840000000002</v>
      </c>
    </row>
    <row r="5663" spans="4:5" x14ac:dyDescent="0.25">
      <c r="D5663" s="6">
        <v>1298.8779999999999</v>
      </c>
      <c r="E5663" s="6">
        <v>732.43740000000003</v>
      </c>
    </row>
    <row r="5664" spans="4:5" x14ac:dyDescent="0.25">
      <c r="D5664" s="6">
        <v>2161.4630000000002</v>
      </c>
      <c r="E5664" s="6">
        <v>732.5</v>
      </c>
    </row>
    <row r="5665" spans="4:5" x14ac:dyDescent="0.25">
      <c r="D5665" s="6">
        <v>3720.3009999999999</v>
      </c>
      <c r="E5665" s="6">
        <v>733.82370000000003</v>
      </c>
    </row>
    <row r="5666" spans="4:5" x14ac:dyDescent="0.25">
      <c r="D5666" s="6">
        <v>668.92809999999997</v>
      </c>
      <c r="E5666" s="6">
        <v>509.18029999999999</v>
      </c>
    </row>
    <row r="5667" spans="4:5" x14ac:dyDescent="0.25">
      <c r="D5667" s="6">
        <v>1014.227</v>
      </c>
      <c r="E5667" s="6">
        <v>855.66669999999999</v>
      </c>
    </row>
    <row r="5668" spans="4:5" x14ac:dyDescent="0.25">
      <c r="D5668" s="6">
        <v>485.70479999999998</v>
      </c>
      <c r="E5668" s="6">
        <v>731.25940000000003</v>
      </c>
    </row>
    <row r="5669" spans="4:5" x14ac:dyDescent="0.25">
      <c r="D5669" s="6">
        <v>966.28869999999995</v>
      </c>
      <c r="E5669" s="6">
        <v>556.47749999999996</v>
      </c>
    </row>
    <row r="5670" spans="4:5" x14ac:dyDescent="0.25">
      <c r="D5670" s="6">
        <v>1090.375</v>
      </c>
      <c r="E5670" s="6">
        <v>7714.1509999999998</v>
      </c>
    </row>
    <row r="5671" spans="4:5" x14ac:dyDescent="0.25">
      <c r="D5671" s="6">
        <v>1686.922</v>
      </c>
      <c r="E5671" s="6">
        <v>419.0718</v>
      </c>
    </row>
    <row r="5672" spans="4:5" x14ac:dyDescent="0.25">
      <c r="D5672" s="6">
        <v>765.68219999999997</v>
      </c>
      <c r="E5672" s="6">
        <v>638.19050000000004</v>
      </c>
    </row>
    <row r="5673" spans="4:5" x14ac:dyDescent="0.25">
      <c r="D5673" s="6">
        <v>2182.38</v>
      </c>
      <c r="E5673" s="6">
        <v>491.71730000000002</v>
      </c>
    </row>
    <row r="5674" spans="4:5" x14ac:dyDescent="0.25">
      <c r="D5674" s="6">
        <v>2674.3519999999999</v>
      </c>
      <c r="E5674" s="6">
        <v>466.03109999999998</v>
      </c>
    </row>
    <row r="5675" spans="4:5" x14ac:dyDescent="0.25">
      <c r="D5675" s="6">
        <v>1669.3979999999999</v>
      </c>
      <c r="E5675" s="6">
        <v>673.29039999999998</v>
      </c>
    </row>
    <row r="5676" spans="4:5" x14ac:dyDescent="0.25">
      <c r="D5676" s="6">
        <v>1173.6849999999999</v>
      </c>
      <c r="E5676" s="6">
        <v>351</v>
      </c>
    </row>
    <row r="5677" spans="4:5" x14ac:dyDescent="0.25">
      <c r="D5677" s="6">
        <v>1018.135</v>
      </c>
      <c r="E5677" s="6">
        <v>554.80119999999999</v>
      </c>
    </row>
    <row r="5678" spans="4:5" x14ac:dyDescent="0.25">
      <c r="D5678" s="6">
        <v>826.04430000000002</v>
      </c>
      <c r="E5678" s="6">
        <v>656</v>
      </c>
    </row>
    <row r="5679" spans="4:5" x14ac:dyDescent="0.25">
      <c r="D5679" s="6">
        <v>1305.721</v>
      </c>
      <c r="E5679" s="6">
        <v>558.5213</v>
      </c>
    </row>
    <row r="5680" spans="4:5" x14ac:dyDescent="0.25">
      <c r="D5680" s="6">
        <v>691.1481</v>
      </c>
      <c r="E5680" s="6">
        <v>681.42769999999996</v>
      </c>
    </row>
    <row r="5681" spans="4:5" x14ac:dyDescent="0.25">
      <c r="D5681" s="6">
        <v>922.37440000000004</v>
      </c>
      <c r="E5681" s="6">
        <v>568.63409999999999</v>
      </c>
    </row>
    <row r="5682" spans="4:5" x14ac:dyDescent="0.25">
      <c r="D5682" s="6">
        <v>1023.104</v>
      </c>
      <c r="E5682" s="6">
        <v>816.35500000000002</v>
      </c>
    </row>
    <row r="5683" spans="4:5" x14ac:dyDescent="0.25">
      <c r="D5683" s="6">
        <v>568.19240000000002</v>
      </c>
      <c r="E5683" s="6">
        <v>1090.1849999999999</v>
      </c>
    </row>
    <row r="5684" spans="4:5" x14ac:dyDescent="0.25">
      <c r="D5684" s="6">
        <v>2503.4740000000002</v>
      </c>
      <c r="E5684" s="6">
        <v>589.97810000000004</v>
      </c>
    </row>
    <row r="5685" spans="4:5" x14ac:dyDescent="0.25">
      <c r="D5685" s="6">
        <v>632.97749999999996</v>
      </c>
      <c r="E5685" s="6">
        <v>1717.1010000000001</v>
      </c>
    </row>
    <row r="5686" spans="4:5" x14ac:dyDescent="0.25">
      <c r="D5686" s="6">
        <v>8413.3189999999995</v>
      </c>
      <c r="E5686" s="6">
        <v>587.66610000000003</v>
      </c>
    </row>
    <row r="5687" spans="4:5" x14ac:dyDescent="0.25">
      <c r="D5687" s="6">
        <v>1162.653</v>
      </c>
      <c r="E5687" s="6">
        <v>1583.242</v>
      </c>
    </row>
    <row r="5688" spans="4:5" x14ac:dyDescent="0.25">
      <c r="D5688" s="6">
        <v>1336.9939999999999</v>
      </c>
      <c r="E5688" s="6">
        <v>593.00549999999998</v>
      </c>
    </row>
    <row r="5689" spans="4:5" x14ac:dyDescent="0.25">
      <c r="D5689" s="6">
        <v>1239.9690000000001</v>
      </c>
      <c r="E5689" s="6">
        <v>531.23199999999997</v>
      </c>
    </row>
    <row r="5690" spans="4:5" x14ac:dyDescent="0.25">
      <c r="D5690" s="6">
        <v>684.36680000000001</v>
      </c>
      <c r="E5690" s="6">
        <v>731.80460000000005</v>
      </c>
    </row>
    <row r="5691" spans="4:5" x14ac:dyDescent="0.25">
      <c r="D5691" s="6">
        <v>1186.5360000000001</v>
      </c>
      <c r="E5691" s="6">
        <v>1505.309</v>
      </c>
    </row>
    <row r="5692" spans="4:5" x14ac:dyDescent="0.25">
      <c r="D5692" s="6">
        <v>1367.018</v>
      </c>
      <c r="E5692" s="6">
        <v>4460.4120000000003</v>
      </c>
    </row>
    <row r="5693" spans="4:5" x14ac:dyDescent="0.25">
      <c r="D5693" s="6">
        <v>756.92660000000001</v>
      </c>
      <c r="E5693" s="6">
        <v>971.66669999999999</v>
      </c>
    </row>
    <row r="5694" spans="4:5" x14ac:dyDescent="0.25">
      <c r="D5694" s="6">
        <v>821.05460000000005</v>
      </c>
      <c r="E5694" s="6">
        <v>589.97090000000003</v>
      </c>
    </row>
    <row r="5695" spans="4:5" x14ac:dyDescent="0.25">
      <c r="D5695" s="6">
        <v>1145</v>
      </c>
      <c r="E5695" s="6">
        <v>594.07380000000001</v>
      </c>
    </row>
    <row r="5696" spans="4:5" x14ac:dyDescent="0.25">
      <c r="D5696" s="6">
        <v>804.77189999999996</v>
      </c>
      <c r="E5696" s="6">
        <v>494.58260000000001</v>
      </c>
    </row>
    <row r="5697" spans="4:5" x14ac:dyDescent="0.25">
      <c r="D5697" s="6">
        <v>1315.672</v>
      </c>
      <c r="E5697" s="6">
        <v>432.733</v>
      </c>
    </row>
    <row r="5698" spans="4:5" x14ac:dyDescent="0.25">
      <c r="D5698" s="6">
        <v>859.72569999999996</v>
      </c>
      <c r="E5698" s="6">
        <v>625.07870000000003</v>
      </c>
    </row>
    <row r="5699" spans="4:5" x14ac:dyDescent="0.25">
      <c r="D5699" s="6">
        <v>1898.4110000000001</v>
      </c>
      <c r="E5699" s="6">
        <v>930.80769999999995</v>
      </c>
    </row>
    <row r="5700" spans="4:5" x14ac:dyDescent="0.25">
      <c r="D5700" s="6">
        <v>584.97529999999995</v>
      </c>
      <c r="E5700" s="6">
        <v>707.15880000000004</v>
      </c>
    </row>
    <row r="5701" spans="4:5" x14ac:dyDescent="0.25">
      <c r="D5701" s="6">
        <v>768.02840000000003</v>
      </c>
      <c r="E5701" s="6">
        <v>492.97750000000002</v>
      </c>
    </row>
    <row r="5702" spans="4:5" x14ac:dyDescent="0.25">
      <c r="D5702" s="6">
        <v>708.07899999999995</v>
      </c>
      <c r="E5702" s="6">
        <v>1030.9079999999999</v>
      </c>
    </row>
    <row r="5703" spans="4:5" x14ac:dyDescent="0.25">
      <c r="D5703" s="6">
        <v>507.2978</v>
      </c>
      <c r="E5703" s="6">
        <v>606.36530000000005</v>
      </c>
    </row>
    <row r="5704" spans="4:5" x14ac:dyDescent="0.25">
      <c r="D5704" s="6">
        <v>2352.7460000000001</v>
      </c>
      <c r="E5704" s="6">
        <v>582.65449999999998</v>
      </c>
    </row>
    <row r="5705" spans="4:5" x14ac:dyDescent="0.25">
      <c r="D5705" s="6">
        <v>2282.384</v>
      </c>
      <c r="E5705" s="6">
        <v>715.75760000000002</v>
      </c>
    </row>
    <row r="5706" spans="4:5" x14ac:dyDescent="0.25">
      <c r="D5706" s="6">
        <v>712.44</v>
      </c>
      <c r="E5706" s="6">
        <v>6876.2709999999997</v>
      </c>
    </row>
    <row r="5707" spans="4:5" x14ac:dyDescent="0.25">
      <c r="D5707" s="6">
        <v>1377.395</v>
      </c>
      <c r="E5707" s="6">
        <v>12876.67</v>
      </c>
    </row>
    <row r="5708" spans="4:5" x14ac:dyDescent="0.25">
      <c r="D5708" s="6">
        <v>1379.164</v>
      </c>
      <c r="E5708" s="6">
        <v>586.12120000000004</v>
      </c>
    </row>
    <row r="5709" spans="4:5" x14ac:dyDescent="0.25">
      <c r="D5709" s="6">
        <v>947.60799999999995</v>
      </c>
      <c r="E5709" s="6">
        <v>1051.277</v>
      </c>
    </row>
    <row r="5710" spans="4:5" x14ac:dyDescent="0.25">
      <c r="D5710" s="6">
        <v>1915.8309999999999</v>
      </c>
      <c r="E5710" s="6">
        <v>773.34010000000001</v>
      </c>
    </row>
    <row r="5711" spans="4:5" x14ac:dyDescent="0.25">
      <c r="D5711" s="6">
        <v>2726.7460000000001</v>
      </c>
      <c r="E5711" s="6">
        <v>572.40959999999995</v>
      </c>
    </row>
    <row r="5712" spans="4:5" x14ac:dyDescent="0.25">
      <c r="D5712" s="6">
        <v>4892.2430000000004</v>
      </c>
      <c r="E5712" s="6">
        <v>540.02179999999998</v>
      </c>
    </row>
    <row r="5713" spans="4:5" x14ac:dyDescent="0.25">
      <c r="D5713" s="6">
        <v>3668.6689999999999</v>
      </c>
      <c r="E5713" s="6">
        <v>498.50549999999998</v>
      </c>
    </row>
    <row r="5714" spans="4:5" x14ac:dyDescent="0.25">
      <c r="D5714" s="6">
        <v>4003.4679999999998</v>
      </c>
      <c r="E5714" s="6">
        <v>2729.4009999999998</v>
      </c>
    </row>
    <row r="5715" spans="4:5" x14ac:dyDescent="0.25">
      <c r="D5715" s="6">
        <v>1212.902</v>
      </c>
      <c r="E5715" s="6">
        <v>576.40470000000005</v>
      </c>
    </row>
    <row r="5716" spans="4:5" x14ac:dyDescent="0.25">
      <c r="D5716" s="6">
        <v>972.84990000000005</v>
      </c>
      <c r="E5716" s="6">
        <v>611.48659999999995</v>
      </c>
    </row>
    <row r="5717" spans="4:5" x14ac:dyDescent="0.25">
      <c r="D5717" s="6">
        <v>3560.2739999999999</v>
      </c>
      <c r="E5717" s="6">
        <v>592.40509999999995</v>
      </c>
    </row>
    <row r="5718" spans="4:5" x14ac:dyDescent="0.25">
      <c r="D5718" s="6">
        <v>1222.819</v>
      </c>
      <c r="E5718" s="6">
        <v>557.91980000000001</v>
      </c>
    </row>
    <row r="5719" spans="4:5" x14ac:dyDescent="0.25">
      <c r="D5719" s="6">
        <v>1149.0630000000001</v>
      </c>
      <c r="E5719" s="6">
        <v>679.99019999999996</v>
      </c>
    </row>
    <row r="5720" spans="4:5" x14ac:dyDescent="0.25">
      <c r="D5720" s="6">
        <v>1061.066</v>
      </c>
      <c r="E5720" s="6">
        <v>3970.5</v>
      </c>
    </row>
    <row r="5721" spans="4:5" x14ac:dyDescent="0.25">
      <c r="D5721" s="6">
        <v>878.53030000000001</v>
      </c>
      <c r="E5721" s="6">
        <v>549.23400000000004</v>
      </c>
    </row>
    <row r="5722" spans="4:5" x14ac:dyDescent="0.25">
      <c r="D5722" s="6">
        <v>1331.7829999999999</v>
      </c>
      <c r="E5722" s="6">
        <v>526.40039999999999</v>
      </c>
    </row>
    <row r="5723" spans="4:5" x14ac:dyDescent="0.25">
      <c r="D5723" s="6">
        <v>2785.75</v>
      </c>
      <c r="E5723" s="6">
        <v>579.70240000000001</v>
      </c>
    </row>
    <row r="5724" spans="4:5" x14ac:dyDescent="0.25">
      <c r="D5724" s="6">
        <v>956.53300000000002</v>
      </c>
      <c r="E5724" s="6">
        <v>521.80240000000003</v>
      </c>
    </row>
    <row r="5725" spans="4:5" x14ac:dyDescent="0.25">
      <c r="D5725" s="6">
        <v>433.30509999999998</v>
      </c>
      <c r="E5725" s="6">
        <v>529.86379999999997</v>
      </c>
    </row>
    <row r="5726" spans="4:5" x14ac:dyDescent="0.25">
      <c r="D5726" s="6">
        <v>807.74289999999996</v>
      </c>
      <c r="E5726" s="6">
        <v>589.40809999999999</v>
      </c>
    </row>
    <row r="5727" spans="4:5" x14ac:dyDescent="0.25">
      <c r="D5727" s="6">
        <v>2170.3809999999999</v>
      </c>
      <c r="E5727" s="6">
        <v>519.71</v>
      </c>
    </row>
    <row r="5728" spans="4:5" x14ac:dyDescent="0.25">
      <c r="D5728" s="6">
        <v>850.73969999999997</v>
      </c>
      <c r="E5728" s="6">
        <v>626.85559999999998</v>
      </c>
    </row>
    <row r="5729" spans="4:5" x14ac:dyDescent="0.25">
      <c r="D5729" s="6">
        <v>1075.655</v>
      </c>
      <c r="E5729" s="6">
        <v>594.36680000000001</v>
      </c>
    </row>
    <row r="5730" spans="4:5" x14ac:dyDescent="0.25">
      <c r="D5730" s="6">
        <v>1146.039</v>
      </c>
      <c r="E5730" s="6">
        <v>552.21069999999997</v>
      </c>
    </row>
    <row r="5731" spans="4:5" x14ac:dyDescent="0.25">
      <c r="D5731" s="6">
        <v>2192.1750000000002</v>
      </c>
      <c r="E5731" s="6">
        <v>559.73389999999995</v>
      </c>
    </row>
    <row r="5732" spans="4:5" x14ac:dyDescent="0.25">
      <c r="D5732" s="6">
        <v>864.88199999999995</v>
      </c>
      <c r="E5732" s="6">
        <v>961.66189999999995</v>
      </c>
    </row>
    <row r="5733" spans="4:5" x14ac:dyDescent="0.25">
      <c r="D5733" s="6">
        <v>801.85479999999995</v>
      </c>
      <c r="E5733" s="6">
        <v>595</v>
      </c>
    </row>
    <row r="5734" spans="4:5" x14ac:dyDescent="0.25">
      <c r="D5734" s="6">
        <v>1004.348</v>
      </c>
      <c r="E5734" s="6">
        <v>685.7808</v>
      </c>
    </row>
    <row r="5735" spans="4:5" x14ac:dyDescent="0.25">
      <c r="D5735" s="6">
        <v>2055.0079999999998</v>
      </c>
      <c r="E5735" s="6">
        <v>5731.6</v>
      </c>
    </row>
    <row r="5736" spans="4:5" x14ac:dyDescent="0.25">
      <c r="D5736" s="6">
        <v>3188.5650000000001</v>
      </c>
      <c r="E5736" s="6">
        <v>725.67370000000005</v>
      </c>
    </row>
    <row r="5737" spans="4:5" x14ac:dyDescent="0.25">
      <c r="D5737" s="6">
        <v>2115.71</v>
      </c>
      <c r="E5737" s="6">
        <v>503.3211</v>
      </c>
    </row>
    <row r="5738" spans="4:5" x14ac:dyDescent="0.25">
      <c r="D5738" s="6">
        <v>1533.9390000000001</v>
      </c>
      <c r="E5738" s="6">
        <v>2652.6</v>
      </c>
    </row>
    <row r="5739" spans="4:5" x14ac:dyDescent="0.25">
      <c r="D5739" s="6">
        <v>7017.8119999999999</v>
      </c>
      <c r="E5739" s="6">
        <v>1235.222</v>
      </c>
    </row>
    <row r="5740" spans="4:5" x14ac:dyDescent="0.25">
      <c r="D5740" s="6">
        <v>2118.2170000000001</v>
      </c>
      <c r="E5740" s="6">
        <v>779.25</v>
      </c>
    </row>
    <row r="5741" spans="4:5" x14ac:dyDescent="0.25">
      <c r="D5741" s="6">
        <v>1267.4090000000001</v>
      </c>
      <c r="E5741" s="6">
        <v>1192.002</v>
      </c>
    </row>
    <row r="5742" spans="4:5" x14ac:dyDescent="0.25">
      <c r="D5742" s="6">
        <v>2944.9720000000002</v>
      </c>
      <c r="E5742" s="6">
        <v>5677.75</v>
      </c>
    </row>
    <row r="5743" spans="4:5" x14ac:dyDescent="0.25">
      <c r="D5743" s="6">
        <v>1680.135</v>
      </c>
      <c r="E5743" s="6">
        <v>966.10170000000005</v>
      </c>
    </row>
    <row r="5744" spans="4:5" x14ac:dyDescent="0.25">
      <c r="D5744" s="6">
        <v>1040.72</v>
      </c>
      <c r="E5744" s="6">
        <v>450.11160000000001</v>
      </c>
    </row>
    <row r="5745" spans="4:5" x14ac:dyDescent="0.25">
      <c r="D5745" s="6">
        <v>2059.0880000000002</v>
      </c>
      <c r="E5745" s="6">
        <v>7192.2979999999998</v>
      </c>
    </row>
    <row r="5746" spans="4:5" x14ac:dyDescent="0.25">
      <c r="D5746" s="6">
        <v>1098.6079999999999</v>
      </c>
      <c r="E5746" s="6">
        <v>769.94179999999994</v>
      </c>
    </row>
    <row r="5747" spans="4:5" x14ac:dyDescent="0.25">
      <c r="D5747" s="6">
        <v>1340.088</v>
      </c>
      <c r="E5747" s="6">
        <v>457.15789999999998</v>
      </c>
    </row>
    <row r="5748" spans="4:5" x14ac:dyDescent="0.25">
      <c r="D5748" s="6">
        <v>1453.2940000000001</v>
      </c>
      <c r="E5748" s="6">
        <v>439.0258</v>
      </c>
    </row>
    <row r="5749" spans="4:5" x14ac:dyDescent="0.25">
      <c r="D5749" s="6">
        <v>3045.0210000000002</v>
      </c>
      <c r="E5749" s="6">
        <v>608.48649999999998</v>
      </c>
    </row>
    <row r="5750" spans="4:5" x14ac:dyDescent="0.25">
      <c r="D5750" s="6">
        <v>1267.672</v>
      </c>
      <c r="E5750" s="6">
        <v>575.84069999999997</v>
      </c>
    </row>
    <row r="5751" spans="4:5" x14ac:dyDescent="0.25">
      <c r="D5751" s="6">
        <v>856.77250000000004</v>
      </c>
      <c r="E5751" s="6">
        <v>467.30459999999999</v>
      </c>
    </row>
    <row r="5752" spans="4:5" x14ac:dyDescent="0.25">
      <c r="D5752" s="6">
        <v>1415.1869999999999</v>
      </c>
      <c r="E5752" s="6">
        <v>518.5933</v>
      </c>
    </row>
    <row r="5753" spans="4:5" x14ac:dyDescent="0.25">
      <c r="D5753" s="6">
        <v>6600.4290000000001</v>
      </c>
      <c r="E5753" s="6">
        <v>528.39400000000001</v>
      </c>
    </row>
    <row r="5754" spans="4:5" x14ac:dyDescent="0.25">
      <c r="D5754" s="6">
        <v>8308.5740000000005</v>
      </c>
      <c r="E5754" s="6">
        <v>965.9982</v>
      </c>
    </row>
    <row r="5755" spans="4:5" x14ac:dyDescent="0.25">
      <c r="D5755" s="6">
        <v>1250.8869999999999</v>
      </c>
      <c r="E5755" s="6">
        <v>616.49940000000004</v>
      </c>
    </row>
    <row r="5756" spans="4:5" x14ac:dyDescent="0.25">
      <c r="D5756" s="6">
        <v>1098.3209999999999</v>
      </c>
      <c r="E5756" s="6">
        <v>553.74630000000002</v>
      </c>
    </row>
    <row r="5757" spans="4:5" x14ac:dyDescent="0.25">
      <c r="D5757" s="6">
        <v>773.33789999999999</v>
      </c>
      <c r="E5757" s="6">
        <v>546.24379999999996</v>
      </c>
    </row>
    <row r="5758" spans="4:5" x14ac:dyDescent="0.25">
      <c r="D5758" s="6">
        <v>1003.052</v>
      </c>
      <c r="E5758" s="6">
        <v>604.97190000000001</v>
      </c>
    </row>
    <row r="5759" spans="4:5" x14ac:dyDescent="0.25">
      <c r="D5759" s="6">
        <v>916.99810000000002</v>
      </c>
      <c r="E5759" s="6">
        <v>737.13329999999996</v>
      </c>
    </row>
    <row r="5760" spans="4:5" x14ac:dyDescent="0.25">
      <c r="D5760" s="6">
        <v>13795.67</v>
      </c>
      <c r="E5760" s="6">
        <v>6372.0919999999996</v>
      </c>
    </row>
    <row r="5761" spans="4:5" x14ac:dyDescent="0.25">
      <c r="D5761" s="6">
        <v>1358</v>
      </c>
      <c r="E5761" s="6">
        <v>690.33010000000002</v>
      </c>
    </row>
    <row r="5762" spans="4:5" x14ac:dyDescent="0.25">
      <c r="D5762" s="6">
        <v>1426.5239999999999</v>
      </c>
      <c r="E5762" s="6">
        <v>1414.5</v>
      </c>
    </row>
    <row r="5763" spans="4:5" x14ac:dyDescent="0.25">
      <c r="D5763" s="6">
        <v>1158.2180000000001</v>
      </c>
      <c r="E5763" s="6">
        <v>441.58819999999997</v>
      </c>
    </row>
    <row r="5764" spans="4:5" x14ac:dyDescent="0.25">
      <c r="D5764" s="6">
        <v>5328.7659999999996</v>
      </c>
      <c r="E5764" s="6">
        <v>515.38969999999995</v>
      </c>
    </row>
    <row r="5765" spans="4:5" x14ac:dyDescent="0.25">
      <c r="D5765" s="6">
        <v>374.33069999999998</v>
      </c>
      <c r="E5765" s="6">
        <v>683.97439999999995</v>
      </c>
    </row>
    <row r="5766" spans="4:5" x14ac:dyDescent="0.25">
      <c r="D5766" s="6">
        <v>2153.4870000000001</v>
      </c>
      <c r="E5766" s="6">
        <v>623.05970000000002</v>
      </c>
    </row>
    <row r="5767" spans="4:5" x14ac:dyDescent="0.25">
      <c r="D5767" s="6">
        <v>911.31790000000001</v>
      </c>
      <c r="E5767" s="6">
        <v>745.22069999999997</v>
      </c>
    </row>
    <row r="5768" spans="4:5" x14ac:dyDescent="0.25">
      <c r="D5768" s="6">
        <v>2405.8209999999999</v>
      </c>
      <c r="E5768" s="6">
        <v>834.76070000000004</v>
      </c>
    </row>
    <row r="5769" spans="4:5" x14ac:dyDescent="0.25">
      <c r="D5769" s="6">
        <v>668.21889999999996</v>
      </c>
      <c r="E5769" s="6">
        <v>426.60219999999998</v>
      </c>
    </row>
    <row r="5770" spans="4:5" x14ac:dyDescent="0.25">
      <c r="D5770" s="6">
        <v>1763.14</v>
      </c>
      <c r="E5770" s="6">
        <v>580.79499999999996</v>
      </c>
    </row>
    <row r="5771" spans="4:5" x14ac:dyDescent="0.25">
      <c r="D5771" s="6">
        <v>550.7079</v>
      </c>
      <c r="E5771" s="6">
        <v>561.06529999999998</v>
      </c>
    </row>
    <row r="5772" spans="4:5" x14ac:dyDescent="0.25">
      <c r="D5772" s="6">
        <v>1061.752</v>
      </c>
      <c r="E5772" s="6">
        <v>922.4855</v>
      </c>
    </row>
    <row r="5773" spans="4:5" x14ac:dyDescent="0.25">
      <c r="D5773" s="6">
        <v>8357.4619999999995</v>
      </c>
      <c r="E5773" s="6">
        <v>852.05790000000002</v>
      </c>
    </row>
    <row r="5774" spans="4:5" x14ac:dyDescent="0.25">
      <c r="D5774" s="6">
        <v>662.25170000000003</v>
      </c>
      <c r="E5774" s="6">
        <v>855.07960000000003</v>
      </c>
    </row>
    <row r="5775" spans="4:5" x14ac:dyDescent="0.25">
      <c r="D5775" s="6">
        <v>1417.221</v>
      </c>
      <c r="E5775" s="6">
        <v>880.36749999999995</v>
      </c>
    </row>
    <row r="5776" spans="4:5" x14ac:dyDescent="0.25">
      <c r="D5776" s="6">
        <v>854.72699999999998</v>
      </c>
      <c r="E5776" s="6">
        <v>2639.8629999999998</v>
      </c>
    </row>
    <row r="5777" spans="4:5" x14ac:dyDescent="0.25">
      <c r="D5777" s="6">
        <v>577.31439999999998</v>
      </c>
      <c r="E5777" s="6">
        <v>573.75049999999999</v>
      </c>
    </row>
    <row r="5778" spans="4:5" x14ac:dyDescent="0.25">
      <c r="D5778" s="6">
        <v>4068.2890000000002</v>
      </c>
      <c r="E5778" s="6">
        <v>1607.788</v>
      </c>
    </row>
    <row r="5779" spans="4:5" x14ac:dyDescent="0.25">
      <c r="D5779" s="6">
        <v>758.03330000000005</v>
      </c>
      <c r="E5779" s="6">
        <v>704.73929999999996</v>
      </c>
    </row>
    <row r="5780" spans="4:5" x14ac:dyDescent="0.25">
      <c r="D5780" s="6">
        <v>569.57280000000003</v>
      </c>
      <c r="E5780" s="6">
        <v>1093.5</v>
      </c>
    </row>
    <row r="5781" spans="4:5" x14ac:dyDescent="0.25">
      <c r="D5781" s="6">
        <v>702.92409999999995</v>
      </c>
      <c r="E5781" s="6">
        <v>548.98940000000005</v>
      </c>
    </row>
    <row r="5782" spans="4:5" x14ac:dyDescent="0.25">
      <c r="D5782" s="6">
        <v>909</v>
      </c>
      <c r="E5782" s="6">
        <v>1451.8140000000001</v>
      </c>
    </row>
    <row r="5783" spans="4:5" x14ac:dyDescent="0.25">
      <c r="D5783" s="6">
        <v>565.86130000000003</v>
      </c>
      <c r="E5783" s="6">
        <v>908.31539999999995</v>
      </c>
    </row>
    <row r="5784" spans="4:5" x14ac:dyDescent="0.25">
      <c r="D5784" s="6">
        <v>971.7912</v>
      </c>
      <c r="E5784" s="6">
        <v>704.21529999999996</v>
      </c>
    </row>
    <row r="5785" spans="4:5" x14ac:dyDescent="0.25">
      <c r="D5785" s="6">
        <v>1183.96</v>
      </c>
      <c r="E5785" s="6">
        <v>531.4941</v>
      </c>
    </row>
    <row r="5786" spans="4:5" x14ac:dyDescent="0.25">
      <c r="D5786" s="6">
        <v>1054.2719999999999</v>
      </c>
      <c r="E5786" s="6">
        <v>634.7998</v>
      </c>
    </row>
    <row r="5787" spans="4:5" x14ac:dyDescent="0.25">
      <c r="D5787" s="6">
        <v>639.26700000000005</v>
      </c>
      <c r="E5787" s="6">
        <v>708.80870000000004</v>
      </c>
    </row>
    <row r="5788" spans="4:5" x14ac:dyDescent="0.25">
      <c r="D5788" s="6">
        <v>636.85429999999997</v>
      </c>
      <c r="E5788" s="6">
        <v>537.13120000000004</v>
      </c>
    </row>
    <row r="5789" spans="4:5" x14ac:dyDescent="0.25">
      <c r="D5789" s="6">
        <v>884.81669999999997</v>
      </c>
      <c r="E5789" s="6">
        <v>3414</v>
      </c>
    </row>
    <row r="5790" spans="4:5" x14ac:dyDescent="0.25">
      <c r="D5790" s="6">
        <v>707.47919999999999</v>
      </c>
      <c r="E5790" s="6">
        <v>522.21450000000004</v>
      </c>
    </row>
    <row r="5791" spans="4:5" x14ac:dyDescent="0.25">
      <c r="D5791" s="6">
        <v>1936.5</v>
      </c>
      <c r="E5791" s="6">
        <v>700.97180000000003</v>
      </c>
    </row>
    <row r="5792" spans="4:5" x14ac:dyDescent="0.25">
      <c r="D5792" s="6">
        <v>9467.4009999999998</v>
      </c>
      <c r="E5792" s="6">
        <v>607.83579999999995</v>
      </c>
    </row>
    <row r="5793" spans="4:5" x14ac:dyDescent="0.25">
      <c r="D5793" s="6">
        <v>313.48680000000002</v>
      </c>
      <c r="E5793" s="6">
        <v>2129.6930000000002</v>
      </c>
    </row>
    <row r="5794" spans="4:5" x14ac:dyDescent="0.25">
      <c r="D5794" s="6">
        <v>1176.1410000000001</v>
      </c>
      <c r="E5794" s="6">
        <v>739.82979999999998</v>
      </c>
    </row>
    <row r="5795" spans="4:5" x14ac:dyDescent="0.25">
      <c r="D5795" s="6">
        <v>3414.402</v>
      </c>
      <c r="E5795" s="6">
        <v>1113.1669999999999</v>
      </c>
    </row>
    <row r="5796" spans="4:5" x14ac:dyDescent="0.25">
      <c r="D5796" s="6">
        <v>2467.5</v>
      </c>
      <c r="E5796" s="6">
        <v>672.25689999999997</v>
      </c>
    </row>
    <row r="5797" spans="4:5" x14ac:dyDescent="0.25">
      <c r="D5797" s="6">
        <v>820.07090000000005</v>
      </c>
      <c r="E5797" s="6">
        <v>675.36649999999997</v>
      </c>
    </row>
    <row r="5798" spans="4:5" x14ac:dyDescent="0.25">
      <c r="D5798" s="6">
        <v>1868.479</v>
      </c>
      <c r="E5798" s="6">
        <v>726.88890000000004</v>
      </c>
    </row>
    <row r="5799" spans="4:5" x14ac:dyDescent="0.25">
      <c r="D5799" s="6">
        <v>1084.0650000000001</v>
      </c>
      <c r="E5799" s="6">
        <v>5867</v>
      </c>
    </row>
    <row r="5800" spans="4:5" x14ac:dyDescent="0.25">
      <c r="D5800" s="6">
        <v>1270.059</v>
      </c>
      <c r="E5800" s="6">
        <v>628.39660000000003</v>
      </c>
    </row>
    <row r="5801" spans="4:5" x14ac:dyDescent="0.25">
      <c r="D5801" s="6">
        <v>1754.6289999999999</v>
      </c>
      <c r="E5801" s="6">
        <v>888.18669999999997</v>
      </c>
    </row>
    <row r="5802" spans="4:5" x14ac:dyDescent="0.25">
      <c r="D5802" s="6">
        <v>738.06119999999999</v>
      </c>
      <c r="E5802" s="6">
        <v>721.2278</v>
      </c>
    </row>
    <row r="5803" spans="4:5" x14ac:dyDescent="0.25">
      <c r="D5803" s="6">
        <v>2323.3449999999998</v>
      </c>
      <c r="E5803" s="6">
        <v>316.94200000000001</v>
      </c>
    </row>
    <row r="5804" spans="4:5" x14ac:dyDescent="0.25">
      <c r="D5804" s="6">
        <v>955.36239999999998</v>
      </c>
      <c r="E5804" s="6">
        <v>413.64710000000002</v>
      </c>
    </row>
    <row r="5805" spans="4:5" x14ac:dyDescent="0.25">
      <c r="D5805" s="6">
        <v>1191.5940000000001</v>
      </c>
      <c r="E5805" s="6">
        <v>341.25</v>
      </c>
    </row>
    <row r="5806" spans="4:5" x14ac:dyDescent="0.25">
      <c r="D5806" s="6">
        <v>520.1454</v>
      </c>
      <c r="E5806" s="6">
        <v>1159.8889999999999</v>
      </c>
    </row>
    <row r="5807" spans="4:5" x14ac:dyDescent="0.25">
      <c r="D5807" s="6">
        <v>1005.01</v>
      </c>
      <c r="E5807" s="6">
        <v>2917.6669999999999</v>
      </c>
    </row>
    <row r="5808" spans="4:5" x14ac:dyDescent="0.25">
      <c r="D5808" s="6">
        <v>796.71299999999997</v>
      </c>
      <c r="E5808" s="6">
        <v>481.72730000000001</v>
      </c>
    </row>
    <row r="5809" spans="4:5" x14ac:dyDescent="0.25">
      <c r="D5809" s="6">
        <v>453.65219999999999</v>
      </c>
      <c r="E5809" s="6">
        <v>397.75839999999999</v>
      </c>
    </row>
    <row r="5810" spans="4:5" x14ac:dyDescent="0.25">
      <c r="D5810" s="6">
        <v>907.67870000000005</v>
      </c>
      <c r="E5810" s="6">
        <v>8042.4840000000004</v>
      </c>
    </row>
    <row r="5811" spans="4:5" x14ac:dyDescent="0.25">
      <c r="D5811" s="6">
        <v>948.34169999999995</v>
      </c>
      <c r="E5811" s="6">
        <v>701.06330000000003</v>
      </c>
    </row>
    <row r="5812" spans="4:5" x14ac:dyDescent="0.25">
      <c r="D5812" s="6">
        <v>4284.5</v>
      </c>
      <c r="E5812" s="6">
        <v>844.08569999999997</v>
      </c>
    </row>
    <row r="5813" spans="4:5" x14ac:dyDescent="0.25">
      <c r="D5813" s="6">
        <v>1940.462</v>
      </c>
      <c r="E5813" s="6">
        <v>934.74890000000005</v>
      </c>
    </row>
    <row r="5814" spans="4:5" x14ac:dyDescent="0.25">
      <c r="D5814" s="6">
        <v>952.82680000000005</v>
      </c>
      <c r="E5814" s="6">
        <v>591.21180000000004</v>
      </c>
    </row>
    <row r="5815" spans="4:5" x14ac:dyDescent="0.25">
      <c r="D5815" s="6">
        <v>1186.924</v>
      </c>
      <c r="E5815" s="6">
        <v>574.0489</v>
      </c>
    </row>
    <row r="5816" spans="4:5" x14ac:dyDescent="0.25">
      <c r="D5816" s="6">
        <v>1805.623</v>
      </c>
      <c r="E5816" s="6">
        <v>1630.588</v>
      </c>
    </row>
    <row r="5817" spans="4:5" x14ac:dyDescent="0.25">
      <c r="D5817" s="6">
        <v>1033.972</v>
      </c>
      <c r="E5817" s="6">
        <v>943.64009999999996</v>
      </c>
    </row>
    <row r="5818" spans="4:5" x14ac:dyDescent="0.25">
      <c r="D5818" s="6">
        <v>13668.44</v>
      </c>
      <c r="E5818" s="6">
        <v>4469.6149999999998</v>
      </c>
    </row>
    <row r="5819" spans="4:5" x14ac:dyDescent="0.25">
      <c r="D5819" s="6">
        <v>844.21010000000001</v>
      </c>
      <c r="E5819" s="6">
        <v>761.702</v>
      </c>
    </row>
    <row r="5820" spans="4:5" x14ac:dyDescent="0.25">
      <c r="D5820" s="6">
        <v>1736.982</v>
      </c>
      <c r="E5820" s="6">
        <v>763.95339999999999</v>
      </c>
    </row>
    <row r="5821" spans="4:5" x14ac:dyDescent="0.25">
      <c r="D5821" s="6">
        <v>8624.2630000000008</v>
      </c>
      <c r="E5821" s="6">
        <v>930.6182</v>
      </c>
    </row>
    <row r="5822" spans="4:5" x14ac:dyDescent="0.25">
      <c r="D5822" s="6">
        <v>895.82299999999998</v>
      </c>
      <c r="E5822" s="6">
        <v>429.32119999999998</v>
      </c>
    </row>
    <row r="5823" spans="4:5" x14ac:dyDescent="0.25">
      <c r="D5823" s="6">
        <v>1143.681</v>
      </c>
      <c r="E5823" s="6">
        <v>1426.4290000000001</v>
      </c>
    </row>
    <row r="5824" spans="4:5" x14ac:dyDescent="0.25">
      <c r="D5824" s="6">
        <v>1069.0809999999999</v>
      </c>
      <c r="E5824" s="6">
        <v>952.71280000000002</v>
      </c>
    </row>
    <row r="5825" spans="4:5" x14ac:dyDescent="0.25">
      <c r="D5825" s="6">
        <v>3645.9659999999999</v>
      </c>
      <c r="E5825" s="6">
        <v>738.4674</v>
      </c>
    </row>
    <row r="5826" spans="4:5" x14ac:dyDescent="0.25">
      <c r="D5826" s="6">
        <v>690.34310000000005</v>
      </c>
      <c r="E5826" s="6">
        <v>814.39149999999995</v>
      </c>
    </row>
    <row r="5827" spans="4:5" x14ac:dyDescent="0.25">
      <c r="D5827" s="6">
        <v>1215.2719999999999</v>
      </c>
      <c r="E5827" s="6">
        <v>681</v>
      </c>
    </row>
    <row r="5828" spans="4:5" x14ac:dyDescent="0.25">
      <c r="D5828" s="6">
        <v>1112.0129999999999</v>
      </c>
      <c r="E5828" s="6">
        <v>803.93129999999996</v>
      </c>
    </row>
    <row r="5829" spans="4:5" x14ac:dyDescent="0.25">
      <c r="D5829" s="6">
        <v>4502.51</v>
      </c>
      <c r="E5829" s="6">
        <v>610.24839999999995</v>
      </c>
    </row>
    <row r="5830" spans="4:5" x14ac:dyDescent="0.25">
      <c r="D5830" s="6">
        <v>1346.3340000000001</v>
      </c>
      <c r="E5830" s="6">
        <v>627.0942</v>
      </c>
    </row>
    <row r="5831" spans="4:5" x14ac:dyDescent="0.25">
      <c r="D5831" s="6">
        <v>851.26620000000003</v>
      </c>
      <c r="E5831" s="6">
        <v>817.64710000000002</v>
      </c>
    </row>
    <row r="5832" spans="4:5" x14ac:dyDescent="0.25">
      <c r="D5832" s="6">
        <v>824.74180000000001</v>
      </c>
      <c r="E5832" s="6">
        <v>521.49270000000001</v>
      </c>
    </row>
    <row r="5833" spans="4:5" x14ac:dyDescent="0.25">
      <c r="D5833" s="6">
        <v>1529.6420000000001</v>
      </c>
      <c r="E5833" s="6">
        <v>509.77780000000001</v>
      </c>
    </row>
    <row r="5834" spans="4:5" x14ac:dyDescent="0.25">
      <c r="D5834" s="6">
        <v>2102.107</v>
      </c>
      <c r="E5834" s="6">
        <v>567.9819</v>
      </c>
    </row>
    <row r="5835" spans="4:5" x14ac:dyDescent="0.25">
      <c r="D5835" s="6">
        <v>609.09249999999997</v>
      </c>
      <c r="E5835" s="6">
        <v>1132.6099999999999</v>
      </c>
    </row>
    <row r="5836" spans="4:5" x14ac:dyDescent="0.25">
      <c r="D5836" s="6">
        <v>452.96010000000001</v>
      </c>
      <c r="E5836" s="6">
        <v>2630.2629999999999</v>
      </c>
    </row>
    <row r="5837" spans="4:5" x14ac:dyDescent="0.25">
      <c r="D5837" s="6">
        <v>1294.6759999999999</v>
      </c>
      <c r="E5837" s="6">
        <v>1911.789</v>
      </c>
    </row>
    <row r="5838" spans="4:5" x14ac:dyDescent="0.25">
      <c r="D5838" s="6">
        <v>764.2251</v>
      </c>
      <c r="E5838" s="6">
        <v>711.20169999999996</v>
      </c>
    </row>
    <row r="5839" spans="4:5" x14ac:dyDescent="0.25">
      <c r="D5839" s="6">
        <v>664.28369999999995</v>
      </c>
      <c r="E5839" s="6">
        <v>4781.5</v>
      </c>
    </row>
    <row r="5840" spans="4:5" x14ac:dyDescent="0.25">
      <c r="D5840" s="6">
        <v>753.87969999999996</v>
      </c>
      <c r="E5840" s="6">
        <v>653.55650000000003</v>
      </c>
    </row>
    <row r="5841" spans="4:5" x14ac:dyDescent="0.25">
      <c r="D5841" s="6">
        <v>1312.8889999999999</v>
      </c>
      <c r="E5841" s="6">
        <v>762.99480000000005</v>
      </c>
    </row>
    <row r="5842" spans="4:5" x14ac:dyDescent="0.25">
      <c r="D5842" s="6">
        <v>580.20960000000002</v>
      </c>
      <c r="E5842" s="6">
        <v>7766.2039999999997</v>
      </c>
    </row>
    <row r="5843" spans="4:5" x14ac:dyDescent="0.25">
      <c r="D5843" s="6">
        <v>773.13350000000003</v>
      </c>
      <c r="E5843" s="6">
        <v>731.46320000000003</v>
      </c>
    </row>
    <row r="5844" spans="4:5" x14ac:dyDescent="0.25">
      <c r="D5844" s="6">
        <v>939.50220000000002</v>
      </c>
      <c r="E5844" s="6">
        <v>1684.213</v>
      </c>
    </row>
    <row r="5845" spans="4:5" x14ac:dyDescent="0.25">
      <c r="D5845" s="6">
        <v>561.27850000000001</v>
      </c>
      <c r="E5845" s="6">
        <v>496.43049999999999</v>
      </c>
    </row>
    <row r="5846" spans="4:5" x14ac:dyDescent="0.25">
      <c r="D5846" s="6">
        <v>427.70060000000001</v>
      </c>
      <c r="E5846" s="6">
        <v>1282.049</v>
      </c>
    </row>
    <row r="5847" spans="4:5" x14ac:dyDescent="0.25">
      <c r="D5847" s="6">
        <v>826.19230000000005</v>
      </c>
      <c r="E5847" s="6">
        <v>211.75290000000001</v>
      </c>
    </row>
    <row r="5848" spans="4:5" x14ac:dyDescent="0.25">
      <c r="D5848" s="6">
        <v>2283.4740000000002</v>
      </c>
      <c r="E5848" s="6">
        <v>5843.0079999999998</v>
      </c>
    </row>
    <row r="5849" spans="4:5" x14ac:dyDescent="0.25">
      <c r="D5849" s="6">
        <v>797.4479</v>
      </c>
      <c r="E5849" s="6">
        <v>1605.114</v>
      </c>
    </row>
    <row r="5850" spans="4:5" x14ac:dyDescent="0.25">
      <c r="D5850" s="6">
        <v>916.54700000000003</v>
      </c>
      <c r="E5850" s="6">
        <v>570.75940000000003</v>
      </c>
    </row>
    <row r="5851" spans="4:5" x14ac:dyDescent="0.25">
      <c r="D5851" s="6">
        <v>1104.222</v>
      </c>
      <c r="E5851" s="6">
        <v>841.55889999999999</v>
      </c>
    </row>
    <row r="5852" spans="4:5" x14ac:dyDescent="0.25">
      <c r="D5852" s="6">
        <v>600.18640000000005</v>
      </c>
      <c r="E5852" s="6">
        <v>759.42229999999995</v>
      </c>
    </row>
    <row r="5853" spans="4:5" x14ac:dyDescent="0.25">
      <c r="D5853" s="6">
        <v>1654.623</v>
      </c>
      <c r="E5853" s="6">
        <v>6554.143</v>
      </c>
    </row>
    <row r="5854" spans="4:5" x14ac:dyDescent="0.25">
      <c r="D5854" s="6">
        <v>815.82579999999996</v>
      </c>
      <c r="E5854" s="6">
        <v>6106.9809999999998</v>
      </c>
    </row>
    <row r="5855" spans="4:5" x14ac:dyDescent="0.25">
      <c r="D5855" s="6">
        <v>1186.2059999999999</v>
      </c>
      <c r="E5855" s="6">
        <v>5601.098</v>
      </c>
    </row>
    <row r="5856" spans="4:5" x14ac:dyDescent="0.25">
      <c r="D5856" s="6">
        <v>490.07650000000001</v>
      </c>
      <c r="E5856" s="6">
        <v>566.07169999999996</v>
      </c>
    </row>
    <row r="5857" spans="4:5" x14ac:dyDescent="0.25">
      <c r="D5857" s="6">
        <v>487.91899999999998</v>
      </c>
      <c r="E5857" s="6">
        <v>4484.9189999999999</v>
      </c>
    </row>
    <row r="5858" spans="4:5" x14ac:dyDescent="0.25">
      <c r="D5858" s="6">
        <v>958.45249999999999</v>
      </c>
      <c r="E5858" s="6">
        <v>503.2022</v>
      </c>
    </row>
    <row r="5859" spans="4:5" x14ac:dyDescent="0.25">
      <c r="D5859" s="6">
        <v>1036.395</v>
      </c>
      <c r="E5859" s="6">
        <v>1447.345</v>
      </c>
    </row>
    <row r="5860" spans="4:5" x14ac:dyDescent="0.25">
      <c r="D5860" s="6">
        <v>717.66070000000002</v>
      </c>
      <c r="E5860" s="6">
        <v>783.08130000000006</v>
      </c>
    </row>
    <row r="5861" spans="4:5" x14ac:dyDescent="0.25">
      <c r="D5861" s="6">
        <v>601.53629999999998</v>
      </c>
      <c r="E5861" s="6">
        <v>424.13069999999999</v>
      </c>
    </row>
    <row r="5862" spans="4:5" x14ac:dyDescent="0.25">
      <c r="D5862" s="6">
        <v>915.6549</v>
      </c>
      <c r="E5862" s="6">
        <v>653.07650000000001</v>
      </c>
    </row>
    <row r="5863" spans="4:5" x14ac:dyDescent="0.25">
      <c r="D5863" s="6">
        <v>3669.2620000000002</v>
      </c>
      <c r="E5863" s="6">
        <v>706.51020000000005</v>
      </c>
    </row>
    <row r="5864" spans="4:5" x14ac:dyDescent="0.25">
      <c r="D5864" s="6">
        <v>3132</v>
      </c>
      <c r="E5864" s="6">
        <v>5477.5439999999999</v>
      </c>
    </row>
    <row r="5865" spans="4:5" x14ac:dyDescent="0.25">
      <c r="D5865" s="6">
        <v>5229.8059999999996</v>
      </c>
      <c r="E5865" s="6">
        <v>845</v>
      </c>
    </row>
    <row r="5866" spans="4:5" x14ac:dyDescent="0.25">
      <c r="D5866" s="6">
        <v>513.06790000000001</v>
      </c>
      <c r="E5866" s="6">
        <v>619.31970000000001</v>
      </c>
    </row>
    <row r="5867" spans="4:5" x14ac:dyDescent="0.25">
      <c r="D5867" s="6">
        <v>700.46669999999995</v>
      </c>
      <c r="E5867" s="6">
        <v>617.60140000000001</v>
      </c>
    </row>
    <row r="5868" spans="4:5" x14ac:dyDescent="0.25">
      <c r="D5868" s="6">
        <v>3373.8679999999999</v>
      </c>
      <c r="E5868" s="6">
        <v>537.23310000000004</v>
      </c>
    </row>
    <row r="5869" spans="4:5" x14ac:dyDescent="0.25">
      <c r="D5869" s="6">
        <v>1122.3810000000001</v>
      </c>
      <c r="E5869" s="6">
        <v>4543.75</v>
      </c>
    </row>
    <row r="5870" spans="4:5" x14ac:dyDescent="0.25">
      <c r="D5870" s="6">
        <v>12806.07</v>
      </c>
      <c r="E5870" s="6">
        <v>505.07330000000002</v>
      </c>
    </row>
    <row r="5871" spans="4:5" x14ac:dyDescent="0.25">
      <c r="D5871" s="6">
        <v>886.69799999999998</v>
      </c>
      <c r="E5871" s="6">
        <v>577.12860000000001</v>
      </c>
    </row>
    <row r="5872" spans="4:5" x14ac:dyDescent="0.25">
      <c r="D5872" s="6">
        <v>754.02719999999999</v>
      </c>
      <c r="E5872" s="6">
        <v>785.52300000000002</v>
      </c>
    </row>
    <row r="5873" spans="4:5" x14ac:dyDescent="0.25">
      <c r="D5873" s="6">
        <v>854.62149999999997</v>
      </c>
      <c r="E5873" s="6">
        <v>754.84159999999997</v>
      </c>
    </row>
    <row r="5874" spans="4:5" x14ac:dyDescent="0.25">
      <c r="D5874" s="6">
        <v>1051.55</v>
      </c>
      <c r="E5874" s="6">
        <v>548.89120000000003</v>
      </c>
    </row>
    <row r="5875" spans="4:5" x14ac:dyDescent="0.25">
      <c r="D5875" s="6">
        <v>552.46609999999998</v>
      </c>
      <c r="E5875" s="6">
        <v>655.1694</v>
      </c>
    </row>
    <row r="5876" spans="4:5" x14ac:dyDescent="0.25">
      <c r="D5876" s="6">
        <v>1926.87</v>
      </c>
      <c r="E5876" s="6">
        <v>682.56629999999996</v>
      </c>
    </row>
    <row r="5877" spans="4:5" x14ac:dyDescent="0.25">
      <c r="D5877" s="6">
        <v>1324.595</v>
      </c>
      <c r="E5877" s="6">
        <v>513.96770000000004</v>
      </c>
    </row>
    <row r="5878" spans="4:5" x14ac:dyDescent="0.25">
      <c r="D5878" s="6">
        <v>500.1277</v>
      </c>
      <c r="E5878" s="6">
        <v>563.92610000000002</v>
      </c>
    </row>
    <row r="5879" spans="4:5" x14ac:dyDescent="0.25">
      <c r="D5879" s="6">
        <v>11727.99</v>
      </c>
      <c r="E5879" s="6">
        <v>639.85929999999996</v>
      </c>
    </row>
    <row r="5880" spans="4:5" x14ac:dyDescent="0.25">
      <c r="D5880" s="6">
        <v>599.65530000000001</v>
      </c>
      <c r="E5880" s="6">
        <v>4011.9949999999999</v>
      </c>
    </row>
    <row r="5881" spans="4:5" x14ac:dyDescent="0.25">
      <c r="D5881" s="6">
        <v>3328.69</v>
      </c>
      <c r="E5881" s="6">
        <v>749.58259999999996</v>
      </c>
    </row>
    <row r="5882" spans="4:5" x14ac:dyDescent="0.25">
      <c r="D5882" s="6">
        <v>468.4665</v>
      </c>
      <c r="E5882" s="6">
        <v>523.32389999999998</v>
      </c>
    </row>
    <row r="5883" spans="4:5" x14ac:dyDescent="0.25">
      <c r="D5883" s="6">
        <v>820.86490000000003</v>
      </c>
      <c r="E5883" s="6">
        <v>506.5</v>
      </c>
    </row>
    <row r="5884" spans="4:5" x14ac:dyDescent="0.25">
      <c r="D5884" s="6">
        <v>6780.5</v>
      </c>
      <c r="E5884" s="6">
        <v>509.76920000000001</v>
      </c>
    </row>
    <row r="5885" spans="4:5" x14ac:dyDescent="0.25">
      <c r="D5885" s="6">
        <v>738.2627</v>
      </c>
      <c r="E5885" s="6">
        <v>567.35400000000004</v>
      </c>
    </row>
    <row r="5886" spans="4:5" x14ac:dyDescent="0.25">
      <c r="D5886" s="6">
        <v>1729.7090000000001</v>
      </c>
      <c r="E5886" s="6">
        <v>560.9511</v>
      </c>
    </row>
    <row r="5887" spans="4:5" x14ac:dyDescent="0.25">
      <c r="D5887" s="6">
        <v>2612.0680000000002</v>
      </c>
      <c r="E5887" s="6">
        <v>452.38099999999997</v>
      </c>
    </row>
    <row r="5888" spans="4:5" x14ac:dyDescent="0.25">
      <c r="D5888" s="6">
        <v>860.84960000000001</v>
      </c>
      <c r="E5888" s="6">
        <v>1731.078</v>
      </c>
    </row>
    <row r="5889" spans="4:5" x14ac:dyDescent="0.25">
      <c r="D5889" s="6">
        <v>5684.0510000000004</v>
      </c>
      <c r="E5889" s="6">
        <v>1583.557</v>
      </c>
    </row>
    <row r="5890" spans="4:5" x14ac:dyDescent="0.25">
      <c r="D5890" s="6">
        <v>724.52850000000001</v>
      </c>
      <c r="E5890" s="6">
        <v>798.42229999999995</v>
      </c>
    </row>
    <row r="5891" spans="4:5" x14ac:dyDescent="0.25">
      <c r="D5891" s="6">
        <v>596.25890000000004</v>
      </c>
      <c r="E5891" s="6">
        <v>613.09079999999994</v>
      </c>
    </row>
    <row r="5892" spans="4:5" x14ac:dyDescent="0.25">
      <c r="D5892" s="6">
        <v>1774.5619999999999</v>
      </c>
      <c r="E5892" s="6">
        <v>376</v>
      </c>
    </row>
    <row r="5893" spans="4:5" x14ac:dyDescent="0.25">
      <c r="D5893" s="6">
        <v>4354.3410000000003</v>
      </c>
      <c r="E5893" s="6">
        <v>758.58849999999995</v>
      </c>
    </row>
    <row r="5894" spans="4:5" x14ac:dyDescent="0.25">
      <c r="D5894" s="6">
        <v>1555.1679999999999</v>
      </c>
      <c r="E5894" s="6">
        <v>595.56709999999998</v>
      </c>
    </row>
    <row r="5895" spans="4:5" x14ac:dyDescent="0.25">
      <c r="D5895" s="6">
        <v>5897</v>
      </c>
      <c r="E5895" s="6">
        <v>558.7586</v>
      </c>
    </row>
    <row r="5896" spans="4:5" x14ac:dyDescent="0.25">
      <c r="D5896" s="6">
        <v>10360.6</v>
      </c>
      <c r="E5896" s="6">
        <v>562.84180000000003</v>
      </c>
    </row>
    <row r="5897" spans="4:5" x14ac:dyDescent="0.25">
      <c r="D5897" s="6">
        <v>2199.145</v>
      </c>
      <c r="E5897" s="6">
        <v>4843</v>
      </c>
    </row>
    <row r="5898" spans="4:5" x14ac:dyDescent="0.25">
      <c r="D5898" s="6">
        <v>797.70630000000006</v>
      </c>
      <c r="E5898" s="6">
        <v>889.88969999999995</v>
      </c>
    </row>
    <row r="5899" spans="4:5" x14ac:dyDescent="0.25">
      <c r="D5899" s="6">
        <v>1111.08</v>
      </c>
      <c r="E5899" s="6">
        <v>1082.952</v>
      </c>
    </row>
    <row r="5900" spans="4:5" x14ac:dyDescent="0.25">
      <c r="D5900" s="6">
        <v>957.24149999999997</v>
      </c>
      <c r="E5900" s="6">
        <v>556.38890000000004</v>
      </c>
    </row>
    <row r="5901" spans="4:5" x14ac:dyDescent="0.25">
      <c r="D5901" s="6">
        <v>1431.329</v>
      </c>
      <c r="E5901" s="6">
        <v>591.18619999999999</v>
      </c>
    </row>
    <row r="5902" spans="4:5" x14ac:dyDescent="0.25">
      <c r="D5902" s="6">
        <v>615.22429999999997</v>
      </c>
      <c r="E5902" s="6">
        <v>620.40329999999994</v>
      </c>
    </row>
    <row r="5903" spans="4:5" x14ac:dyDescent="0.25">
      <c r="D5903" s="6">
        <v>9732.357</v>
      </c>
      <c r="E5903" s="6">
        <v>842.8107</v>
      </c>
    </row>
    <row r="5904" spans="4:5" x14ac:dyDescent="0.25">
      <c r="D5904" s="6">
        <v>2082.6</v>
      </c>
      <c r="E5904" s="6">
        <v>557.9434</v>
      </c>
    </row>
    <row r="5905" spans="4:5" x14ac:dyDescent="0.25">
      <c r="D5905" s="6">
        <v>1244.2059999999999</v>
      </c>
      <c r="E5905" s="6">
        <v>665.31029999999998</v>
      </c>
    </row>
    <row r="5906" spans="4:5" x14ac:dyDescent="0.25">
      <c r="D5906" s="6">
        <v>2196.6790000000001</v>
      </c>
      <c r="E5906" s="6">
        <v>3819.3119999999999</v>
      </c>
    </row>
    <row r="5907" spans="4:5" x14ac:dyDescent="0.25">
      <c r="D5907" s="6">
        <v>8679.7990000000009</v>
      </c>
      <c r="E5907" s="6">
        <v>2076.4270000000001</v>
      </c>
    </row>
    <row r="5908" spans="4:5" x14ac:dyDescent="0.25">
      <c r="D5908" s="6">
        <v>742.78980000000001</v>
      </c>
      <c r="E5908" s="6">
        <v>960.73050000000001</v>
      </c>
    </row>
    <row r="5909" spans="4:5" x14ac:dyDescent="0.25">
      <c r="D5909" s="6">
        <v>969.20690000000002</v>
      </c>
      <c r="E5909" s="6">
        <v>1037</v>
      </c>
    </row>
    <row r="5910" spans="4:5" x14ac:dyDescent="0.25">
      <c r="D5910" s="6">
        <v>606.97889999999995</v>
      </c>
      <c r="E5910" s="6">
        <v>1274.6769999999999</v>
      </c>
    </row>
    <row r="5911" spans="4:5" x14ac:dyDescent="0.25">
      <c r="D5911" s="6">
        <v>2536.6669999999999</v>
      </c>
      <c r="E5911" s="6">
        <v>440.6748</v>
      </c>
    </row>
    <row r="5912" spans="4:5" x14ac:dyDescent="0.25">
      <c r="D5912" s="6">
        <v>850.19039999999995</v>
      </c>
      <c r="E5912" s="6">
        <v>5397.0829999999996</v>
      </c>
    </row>
    <row r="5913" spans="4:5" x14ac:dyDescent="0.25">
      <c r="D5913" s="6">
        <v>999.27650000000006</v>
      </c>
      <c r="E5913" s="6">
        <v>1034.6420000000001</v>
      </c>
    </row>
    <row r="5914" spans="4:5" x14ac:dyDescent="0.25">
      <c r="D5914" s="6">
        <v>1569.778</v>
      </c>
      <c r="E5914" s="6">
        <v>736.28930000000003</v>
      </c>
    </row>
    <row r="5915" spans="4:5" x14ac:dyDescent="0.25">
      <c r="D5915" s="6">
        <v>1329.191</v>
      </c>
      <c r="E5915" s="6">
        <v>491.49020000000002</v>
      </c>
    </row>
    <row r="5916" spans="4:5" x14ac:dyDescent="0.25">
      <c r="D5916" s="6">
        <v>554.51869999999997</v>
      </c>
      <c r="E5916" s="6">
        <v>957.63779999999997</v>
      </c>
    </row>
    <row r="5917" spans="4:5" x14ac:dyDescent="0.25">
      <c r="D5917" s="6">
        <v>1022.91</v>
      </c>
      <c r="E5917" s="6">
        <v>1618.1579999999999</v>
      </c>
    </row>
    <row r="5918" spans="4:5" x14ac:dyDescent="0.25">
      <c r="D5918" s="6">
        <v>744.06029999999998</v>
      </c>
      <c r="E5918" s="6">
        <v>558.74429999999995</v>
      </c>
    </row>
    <row r="5919" spans="4:5" x14ac:dyDescent="0.25">
      <c r="D5919" s="6">
        <v>880.14279999999997</v>
      </c>
      <c r="E5919" s="6">
        <v>590.07159999999999</v>
      </c>
    </row>
    <row r="5920" spans="4:5" x14ac:dyDescent="0.25">
      <c r="D5920" s="6">
        <v>746.43719999999996</v>
      </c>
      <c r="E5920" s="6">
        <v>667.04219999999998</v>
      </c>
    </row>
    <row r="5921" spans="4:5" x14ac:dyDescent="0.25">
      <c r="D5921" s="6">
        <v>1475.5609999999999</v>
      </c>
      <c r="E5921" s="6">
        <v>473.1773</v>
      </c>
    </row>
    <row r="5922" spans="4:5" x14ac:dyDescent="0.25">
      <c r="D5922" s="6">
        <v>2280.7249999999999</v>
      </c>
      <c r="E5922" s="6">
        <v>1058.1020000000001</v>
      </c>
    </row>
    <row r="5923" spans="4:5" x14ac:dyDescent="0.25">
      <c r="D5923" s="6">
        <v>11742.6</v>
      </c>
      <c r="E5923" s="6">
        <v>353.13249999999999</v>
      </c>
    </row>
    <row r="5924" spans="4:5" x14ac:dyDescent="0.25">
      <c r="D5924" s="6">
        <v>1005.328</v>
      </c>
      <c r="E5924" s="6">
        <v>505.3768</v>
      </c>
    </row>
    <row r="5925" spans="4:5" x14ac:dyDescent="0.25">
      <c r="D5925" s="6">
        <v>824.73760000000004</v>
      </c>
      <c r="E5925" s="6">
        <v>1039.24</v>
      </c>
    </row>
    <row r="5926" spans="4:5" x14ac:dyDescent="0.25">
      <c r="D5926" s="6">
        <v>862.21379999999999</v>
      </c>
      <c r="E5926" s="6">
        <v>700.09259999999995</v>
      </c>
    </row>
    <row r="5927" spans="4:5" x14ac:dyDescent="0.25">
      <c r="D5927" s="6">
        <v>1758.36</v>
      </c>
      <c r="E5927" s="6">
        <v>875.6662</v>
      </c>
    </row>
    <row r="5928" spans="4:5" x14ac:dyDescent="0.25">
      <c r="D5928" s="6">
        <v>875.11739999999998</v>
      </c>
      <c r="E5928" s="6">
        <v>587.58960000000002</v>
      </c>
    </row>
    <row r="5929" spans="4:5" x14ac:dyDescent="0.25">
      <c r="D5929" s="6">
        <v>4946.1369999999997</v>
      </c>
      <c r="E5929" s="6">
        <v>5870.4840000000004</v>
      </c>
    </row>
    <row r="5930" spans="4:5" x14ac:dyDescent="0.25">
      <c r="D5930" s="6">
        <v>923.72609999999997</v>
      </c>
      <c r="E5930" s="6">
        <v>617.92970000000003</v>
      </c>
    </row>
    <row r="5931" spans="4:5" x14ac:dyDescent="0.25">
      <c r="D5931" s="6">
        <v>656.94110000000001</v>
      </c>
      <c r="E5931" s="6">
        <v>653.04100000000005</v>
      </c>
    </row>
    <row r="5932" spans="4:5" x14ac:dyDescent="0.25">
      <c r="D5932" s="6">
        <v>990.71259999999995</v>
      </c>
      <c r="E5932" s="6">
        <v>578.46889999999996</v>
      </c>
    </row>
    <row r="5933" spans="4:5" x14ac:dyDescent="0.25">
      <c r="D5933" s="6">
        <v>1461.5</v>
      </c>
      <c r="E5933" s="6">
        <v>608.94920000000002</v>
      </c>
    </row>
    <row r="5934" spans="4:5" x14ac:dyDescent="0.25">
      <c r="D5934" s="6">
        <v>542.1771</v>
      </c>
      <c r="E5934" s="6">
        <v>815.31939999999997</v>
      </c>
    </row>
    <row r="5935" spans="4:5" x14ac:dyDescent="0.25">
      <c r="D5935" s="6">
        <v>304.0249</v>
      </c>
      <c r="E5935" s="6">
        <v>796.64430000000004</v>
      </c>
    </row>
    <row r="5936" spans="4:5" x14ac:dyDescent="0.25">
      <c r="D5936" s="6">
        <v>767.01959999999997</v>
      </c>
      <c r="E5936" s="6">
        <v>634.8152</v>
      </c>
    </row>
    <row r="5937" spans="4:5" x14ac:dyDescent="0.25">
      <c r="D5937" s="6">
        <v>5295.35</v>
      </c>
      <c r="E5937" s="6">
        <v>534.23900000000003</v>
      </c>
    </row>
    <row r="5938" spans="4:5" x14ac:dyDescent="0.25">
      <c r="D5938" s="6">
        <v>1411.0619999999999</v>
      </c>
      <c r="E5938" s="6">
        <v>744.77380000000005</v>
      </c>
    </row>
    <row r="5939" spans="4:5" x14ac:dyDescent="0.25">
      <c r="D5939" s="6">
        <v>5160.51</v>
      </c>
      <c r="E5939" s="6">
        <v>725.97479999999996</v>
      </c>
    </row>
    <row r="5940" spans="4:5" x14ac:dyDescent="0.25">
      <c r="D5940" s="6">
        <v>868.58429999999998</v>
      </c>
      <c r="E5940" s="6">
        <v>572.23789999999997</v>
      </c>
    </row>
    <row r="5941" spans="4:5" x14ac:dyDescent="0.25">
      <c r="D5941" s="6">
        <v>7016.3360000000002</v>
      </c>
      <c r="E5941" s="6">
        <v>1116.1400000000001</v>
      </c>
    </row>
    <row r="5942" spans="4:5" x14ac:dyDescent="0.25">
      <c r="D5942" s="6">
        <v>1395.731</v>
      </c>
      <c r="E5942" s="6">
        <v>1396.0250000000001</v>
      </c>
    </row>
    <row r="5943" spans="4:5" x14ac:dyDescent="0.25">
      <c r="D5943" s="6">
        <v>813.92759999999998</v>
      </c>
      <c r="E5943" s="6">
        <v>749.22630000000004</v>
      </c>
    </row>
    <row r="5944" spans="4:5" x14ac:dyDescent="0.25">
      <c r="D5944" s="6">
        <v>1314</v>
      </c>
      <c r="E5944" s="6">
        <v>727.5222</v>
      </c>
    </row>
    <row r="5945" spans="4:5" x14ac:dyDescent="0.25">
      <c r="D5945" s="6">
        <v>1670.2339999999999</v>
      </c>
      <c r="E5945" s="6">
        <v>756.45500000000004</v>
      </c>
    </row>
    <row r="5946" spans="4:5" x14ac:dyDescent="0.25">
      <c r="D5946" s="6">
        <v>982.94510000000002</v>
      </c>
      <c r="E5946" s="6">
        <v>464.33330000000001</v>
      </c>
    </row>
    <row r="5947" spans="4:5" x14ac:dyDescent="0.25">
      <c r="D5947" s="6">
        <v>2185.91</v>
      </c>
      <c r="E5947" s="6">
        <v>848.28210000000001</v>
      </c>
    </row>
    <row r="5948" spans="4:5" x14ac:dyDescent="0.25">
      <c r="D5948" s="6">
        <v>1762.538</v>
      </c>
      <c r="E5948" s="6">
        <v>453.82330000000002</v>
      </c>
    </row>
    <row r="5949" spans="4:5" x14ac:dyDescent="0.25">
      <c r="D5949" s="6">
        <v>504.255</v>
      </c>
      <c r="E5949" s="6">
        <v>587.22140000000002</v>
      </c>
    </row>
    <row r="5950" spans="4:5" x14ac:dyDescent="0.25">
      <c r="D5950" s="6">
        <v>11520.11</v>
      </c>
      <c r="E5950" s="6">
        <v>609.89869999999996</v>
      </c>
    </row>
    <row r="5951" spans="4:5" x14ac:dyDescent="0.25">
      <c r="D5951" s="6">
        <v>724.15710000000001</v>
      </c>
      <c r="E5951" s="6">
        <v>586.78949999999998</v>
      </c>
    </row>
    <row r="5952" spans="4:5" x14ac:dyDescent="0.25">
      <c r="D5952" s="6">
        <v>1077.1489999999999</v>
      </c>
      <c r="E5952" s="6">
        <v>572.66229999999996</v>
      </c>
    </row>
    <row r="5953" spans="4:5" x14ac:dyDescent="0.25">
      <c r="D5953" s="6">
        <v>766.36950000000002</v>
      </c>
      <c r="E5953" s="6">
        <v>685.82410000000004</v>
      </c>
    </row>
    <row r="5954" spans="4:5" x14ac:dyDescent="0.25">
      <c r="D5954" s="6">
        <v>1237</v>
      </c>
      <c r="E5954" s="6">
        <v>511.1377</v>
      </c>
    </row>
    <row r="5955" spans="4:5" x14ac:dyDescent="0.25">
      <c r="D5955" s="6">
        <v>719.02679999999998</v>
      </c>
      <c r="E5955" s="6">
        <v>764.7672</v>
      </c>
    </row>
    <row r="5956" spans="4:5" x14ac:dyDescent="0.25">
      <c r="D5956" s="6">
        <v>891.41420000000005</v>
      </c>
      <c r="E5956" s="6">
        <v>1678.5340000000001</v>
      </c>
    </row>
    <row r="5957" spans="4:5" x14ac:dyDescent="0.25">
      <c r="D5957" s="6">
        <v>905.9932</v>
      </c>
      <c r="E5957" s="6">
        <v>962.07659999999998</v>
      </c>
    </row>
    <row r="5958" spans="4:5" x14ac:dyDescent="0.25">
      <c r="D5958" s="6">
        <v>875.64469999999994</v>
      </c>
      <c r="E5958" s="6">
        <v>786.33270000000005</v>
      </c>
    </row>
    <row r="5959" spans="4:5" x14ac:dyDescent="0.25">
      <c r="D5959" s="6">
        <v>2202.5680000000002</v>
      </c>
      <c r="E5959" s="6">
        <v>766.3261</v>
      </c>
    </row>
    <row r="5960" spans="4:5" x14ac:dyDescent="0.25">
      <c r="D5960" s="6">
        <v>2351.5549999999998</v>
      </c>
      <c r="E5960" s="6">
        <v>521.83849999999995</v>
      </c>
    </row>
    <row r="5961" spans="4:5" x14ac:dyDescent="0.25">
      <c r="D5961" s="6">
        <v>1999.693</v>
      </c>
      <c r="E5961" s="6">
        <v>504.0299</v>
      </c>
    </row>
    <row r="5962" spans="4:5" x14ac:dyDescent="0.25">
      <c r="D5962" s="6">
        <v>486.09350000000001</v>
      </c>
      <c r="E5962" s="6">
        <v>542.01229999999998</v>
      </c>
    </row>
    <row r="5963" spans="4:5" x14ac:dyDescent="0.25">
      <c r="D5963" s="6">
        <v>639.40480000000002</v>
      </c>
      <c r="E5963" s="6">
        <v>527.54549999999995</v>
      </c>
    </row>
    <row r="5964" spans="4:5" x14ac:dyDescent="0.25">
      <c r="D5964" s="6">
        <v>732.90909999999997</v>
      </c>
      <c r="E5964" s="6">
        <v>744.74120000000005</v>
      </c>
    </row>
    <row r="5965" spans="4:5" x14ac:dyDescent="0.25">
      <c r="D5965" s="6">
        <v>669.66790000000003</v>
      </c>
      <c r="E5965" s="6">
        <v>2578.154</v>
      </c>
    </row>
    <row r="5966" spans="4:5" x14ac:dyDescent="0.25">
      <c r="D5966" s="6">
        <v>926.61429999999996</v>
      </c>
      <c r="E5966" s="6">
        <v>1074.1990000000001</v>
      </c>
    </row>
    <row r="5967" spans="4:5" x14ac:dyDescent="0.25">
      <c r="D5967" s="6">
        <v>875.30020000000002</v>
      </c>
      <c r="E5967" s="6">
        <v>652.07830000000001</v>
      </c>
    </row>
    <row r="5968" spans="4:5" x14ac:dyDescent="0.25">
      <c r="D5968" s="6">
        <v>1499.4169999999999</v>
      </c>
      <c r="E5968" s="6">
        <v>4349</v>
      </c>
    </row>
    <row r="5969" spans="4:5" x14ac:dyDescent="0.25">
      <c r="D5969" s="6">
        <v>1517.595</v>
      </c>
      <c r="E5969" s="6">
        <v>552.21339999999998</v>
      </c>
    </row>
    <row r="5970" spans="4:5" x14ac:dyDescent="0.25">
      <c r="D5970" s="6">
        <v>9522.3330000000005</v>
      </c>
      <c r="E5970" s="6">
        <v>584.58820000000003</v>
      </c>
    </row>
    <row r="5971" spans="4:5" x14ac:dyDescent="0.25">
      <c r="D5971" s="6">
        <v>3885.067</v>
      </c>
      <c r="E5971" s="6">
        <v>800.24789999999996</v>
      </c>
    </row>
    <row r="5972" spans="4:5" x14ac:dyDescent="0.25">
      <c r="D5972" s="6">
        <v>3545.5349999999999</v>
      </c>
      <c r="E5972" s="6">
        <v>7730.8029999999999</v>
      </c>
    </row>
    <row r="5973" spans="4:5" x14ac:dyDescent="0.25">
      <c r="D5973" s="6">
        <v>2027.9949999999999</v>
      </c>
      <c r="E5973" s="6">
        <v>603.23699999999997</v>
      </c>
    </row>
    <row r="5974" spans="4:5" x14ac:dyDescent="0.25">
      <c r="D5974" s="6">
        <v>1142.626</v>
      </c>
      <c r="E5974" s="6">
        <v>1302.692</v>
      </c>
    </row>
    <row r="5975" spans="4:5" x14ac:dyDescent="0.25">
      <c r="D5975" s="6">
        <v>1855.5540000000001</v>
      </c>
      <c r="E5975" s="6">
        <v>618.63570000000004</v>
      </c>
    </row>
    <row r="5976" spans="4:5" x14ac:dyDescent="0.25">
      <c r="D5976" s="6">
        <v>397.24020000000002</v>
      </c>
      <c r="E5976" s="6">
        <v>599.77869999999996</v>
      </c>
    </row>
    <row r="5977" spans="4:5" x14ac:dyDescent="0.25">
      <c r="D5977" s="6">
        <v>2435.366</v>
      </c>
      <c r="E5977" s="6">
        <v>6800</v>
      </c>
    </row>
    <row r="5978" spans="4:5" x14ac:dyDescent="0.25">
      <c r="D5978" s="6">
        <v>900.46299999999997</v>
      </c>
      <c r="E5978" s="6">
        <v>456.71440000000001</v>
      </c>
    </row>
    <row r="5979" spans="4:5" x14ac:dyDescent="0.25">
      <c r="D5979" s="6">
        <v>583.4325</v>
      </c>
      <c r="E5979" s="6">
        <v>4385.4690000000001</v>
      </c>
    </row>
    <row r="5980" spans="4:5" x14ac:dyDescent="0.25">
      <c r="D5980" s="6">
        <v>637.81219999999996</v>
      </c>
      <c r="E5980" s="6">
        <v>469.02609999999999</v>
      </c>
    </row>
    <row r="5981" spans="4:5" x14ac:dyDescent="0.25">
      <c r="D5981" s="6">
        <v>748.83799999999997</v>
      </c>
      <c r="E5981" s="6">
        <v>754.54949999999997</v>
      </c>
    </row>
    <row r="5982" spans="4:5" x14ac:dyDescent="0.25">
      <c r="D5982" s="6">
        <v>7764.2089999999998</v>
      </c>
      <c r="E5982" s="6">
        <v>1006.398</v>
      </c>
    </row>
    <row r="5983" spans="4:5" x14ac:dyDescent="0.25">
      <c r="D5983" s="6">
        <v>636.779</v>
      </c>
      <c r="E5983" s="6">
        <v>1333.6669999999999</v>
      </c>
    </row>
    <row r="5984" spans="4:5" x14ac:dyDescent="0.25">
      <c r="D5984" s="6">
        <v>507.47500000000002</v>
      </c>
      <c r="E5984" s="6">
        <v>4736.6239999999998</v>
      </c>
    </row>
    <row r="5985" spans="4:5" x14ac:dyDescent="0.25">
      <c r="D5985" s="6">
        <v>964.14009999999996</v>
      </c>
      <c r="E5985" s="6">
        <v>1283.0219999999999</v>
      </c>
    </row>
    <row r="5986" spans="4:5" x14ac:dyDescent="0.25">
      <c r="D5986" s="6">
        <v>727.81330000000003</v>
      </c>
      <c r="E5986" s="6">
        <v>1102.989</v>
      </c>
    </row>
    <row r="5987" spans="4:5" x14ac:dyDescent="0.25">
      <c r="D5987" s="6">
        <v>1359.6610000000001</v>
      </c>
      <c r="E5987" s="6">
        <v>657.68060000000003</v>
      </c>
    </row>
    <row r="5988" spans="4:5" x14ac:dyDescent="0.25">
      <c r="D5988" s="6">
        <v>972.89250000000004</v>
      </c>
      <c r="E5988" s="6">
        <v>769.1902</v>
      </c>
    </row>
    <row r="5989" spans="4:5" x14ac:dyDescent="0.25">
      <c r="D5989" s="6">
        <v>795.18219999999997</v>
      </c>
      <c r="E5989" s="6">
        <v>708.33010000000002</v>
      </c>
    </row>
    <row r="5990" spans="4:5" x14ac:dyDescent="0.25">
      <c r="D5990" s="6">
        <v>1236.5260000000001</v>
      </c>
      <c r="E5990" s="6">
        <v>554.65610000000004</v>
      </c>
    </row>
    <row r="5991" spans="4:5" x14ac:dyDescent="0.25">
      <c r="D5991" s="6">
        <v>7690.3389999999999</v>
      </c>
      <c r="E5991" s="6">
        <v>1606.1130000000001</v>
      </c>
    </row>
    <row r="5992" spans="4:5" x14ac:dyDescent="0.25">
      <c r="D5992" s="6">
        <v>1196.923</v>
      </c>
      <c r="E5992" s="6">
        <v>640.76549999999997</v>
      </c>
    </row>
    <row r="5993" spans="4:5" x14ac:dyDescent="0.25">
      <c r="D5993" s="6">
        <v>3117.17</v>
      </c>
      <c r="E5993" s="6">
        <v>622.06849999999997</v>
      </c>
    </row>
    <row r="5994" spans="4:5" x14ac:dyDescent="0.25">
      <c r="D5994" s="6">
        <v>5960.8440000000001</v>
      </c>
      <c r="E5994" s="6">
        <v>1761.5050000000001</v>
      </c>
    </row>
    <row r="5995" spans="4:5" x14ac:dyDescent="0.25">
      <c r="D5995" s="6">
        <v>1797.2529999999999</v>
      </c>
      <c r="E5995" s="6">
        <v>538.11019999999996</v>
      </c>
    </row>
    <row r="5996" spans="4:5" x14ac:dyDescent="0.25">
      <c r="D5996" s="6">
        <v>5080.7790000000005</v>
      </c>
      <c r="E5996" s="6">
        <v>630.75940000000003</v>
      </c>
    </row>
    <row r="5997" spans="4:5" x14ac:dyDescent="0.25">
      <c r="D5997" s="6">
        <v>605.50289999999995</v>
      </c>
      <c r="E5997" s="6">
        <v>1590.144</v>
      </c>
    </row>
    <row r="5998" spans="4:5" x14ac:dyDescent="0.25">
      <c r="D5998" s="6">
        <v>4176.5</v>
      </c>
      <c r="E5998" s="6">
        <v>763.23030000000006</v>
      </c>
    </row>
    <row r="5999" spans="4:5" x14ac:dyDescent="0.25">
      <c r="D5999" s="6">
        <v>5390</v>
      </c>
      <c r="E5999" s="6">
        <v>8129</v>
      </c>
    </row>
    <row r="6000" spans="4:5" x14ac:dyDescent="0.25">
      <c r="D6000" s="6">
        <v>781.73699999999997</v>
      </c>
      <c r="E6000" s="6">
        <v>772.5</v>
      </c>
    </row>
    <row r="6001" spans="4:5" x14ac:dyDescent="0.25">
      <c r="D6001" s="6">
        <v>588.91719999999998</v>
      </c>
      <c r="E6001" s="6">
        <v>1843.46</v>
      </c>
    </row>
    <row r="6002" spans="4:5" x14ac:dyDescent="0.25">
      <c r="D6002" s="6">
        <v>5266.5659999999998</v>
      </c>
      <c r="E6002" s="6">
        <v>505.33629999999999</v>
      </c>
    </row>
    <row r="6003" spans="4:5" x14ac:dyDescent="0.25">
      <c r="D6003" s="6">
        <v>9651.991</v>
      </c>
      <c r="E6003" s="6">
        <v>727.74749999999995</v>
      </c>
    </row>
    <row r="6004" spans="4:5" x14ac:dyDescent="0.25">
      <c r="D6004" s="6">
        <v>9075.4169999999995</v>
      </c>
      <c r="E6004" s="6">
        <v>1092.3800000000001</v>
      </c>
    </row>
    <row r="6005" spans="4:5" x14ac:dyDescent="0.25">
      <c r="D6005" s="6">
        <v>547.31280000000004</v>
      </c>
      <c r="E6005" s="6">
        <v>540.06150000000002</v>
      </c>
    </row>
    <row r="6006" spans="4:5" x14ac:dyDescent="0.25">
      <c r="D6006" s="6">
        <v>861.24220000000003</v>
      </c>
      <c r="E6006" s="6">
        <v>828.23199999999997</v>
      </c>
    </row>
    <row r="6007" spans="4:5" x14ac:dyDescent="0.25">
      <c r="D6007" s="6">
        <v>556.39919999999995</v>
      </c>
      <c r="E6007" s="6">
        <v>622.00149999999996</v>
      </c>
    </row>
    <row r="6008" spans="4:5" x14ac:dyDescent="0.25">
      <c r="D6008" s="6">
        <v>5393.75</v>
      </c>
      <c r="E6008" s="6">
        <v>752.47979999999995</v>
      </c>
    </row>
    <row r="6009" spans="4:5" x14ac:dyDescent="0.25">
      <c r="D6009" s="6">
        <v>930.33330000000001</v>
      </c>
      <c r="E6009" s="6">
        <v>931.5</v>
      </c>
    </row>
    <row r="6010" spans="4:5" x14ac:dyDescent="0.25">
      <c r="D6010" s="6">
        <v>720.31230000000005</v>
      </c>
      <c r="E6010" s="6">
        <v>827.35609999999997</v>
      </c>
    </row>
    <row r="6011" spans="4:5" x14ac:dyDescent="0.25">
      <c r="D6011" s="6">
        <v>593.10050000000001</v>
      </c>
      <c r="E6011" s="6">
        <v>1886.3910000000001</v>
      </c>
    </row>
    <row r="6012" spans="4:5" x14ac:dyDescent="0.25">
      <c r="D6012" s="6">
        <v>2421.221</v>
      </c>
      <c r="E6012" s="6">
        <v>536.798</v>
      </c>
    </row>
    <row r="6013" spans="4:5" x14ac:dyDescent="0.25">
      <c r="D6013" s="6">
        <v>399.34930000000003</v>
      </c>
      <c r="E6013" s="6">
        <v>552.34270000000004</v>
      </c>
    </row>
    <row r="6014" spans="4:5" x14ac:dyDescent="0.25">
      <c r="D6014" s="6">
        <v>737.15309999999999</v>
      </c>
      <c r="E6014" s="6">
        <v>11188.21</v>
      </c>
    </row>
    <row r="6015" spans="4:5" x14ac:dyDescent="0.25">
      <c r="D6015" s="6">
        <v>562.64739999999995</v>
      </c>
      <c r="E6015" s="6">
        <v>976.93140000000005</v>
      </c>
    </row>
    <row r="6016" spans="4:5" x14ac:dyDescent="0.25">
      <c r="D6016" s="6">
        <v>976.58680000000004</v>
      </c>
      <c r="E6016" s="6">
        <v>403</v>
      </c>
    </row>
    <row r="6017" spans="4:5" x14ac:dyDescent="0.25">
      <c r="D6017" s="6">
        <v>838.28729999999996</v>
      </c>
      <c r="E6017" s="6">
        <v>3570.7550000000001</v>
      </c>
    </row>
    <row r="6018" spans="4:5" x14ac:dyDescent="0.25">
      <c r="D6018" s="6">
        <v>557.24170000000004</v>
      </c>
      <c r="E6018" s="6">
        <v>562.85220000000004</v>
      </c>
    </row>
    <row r="6019" spans="4:5" x14ac:dyDescent="0.25">
      <c r="D6019" s="6">
        <v>602.25</v>
      </c>
      <c r="E6019" s="6">
        <v>842.87729999999999</v>
      </c>
    </row>
    <row r="6020" spans="4:5" x14ac:dyDescent="0.25">
      <c r="D6020" s="6">
        <v>828.04349999999999</v>
      </c>
      <c r="E6020" s="6">
        <v>618.00959999999998</v>
      </c>
    </row>
    <row r="6021" spans="4:5" x14ac:dyDescent="0.25">
      <c r="D6021" s="6">
        <v>577.60270000000003</v>
      </c>
      <c r="E6021" s="6">
        <v>460.09589999999997</v>
      </c>
    </row>
    <row r="6022" spans="4:5" x14ac:dyDescent="0.25">
      <c r="D6022" s="6">
        <v>2439.4639999999999</v>
      </c>
      <c r="E6022" s="6">
        <v>721.40170000000001</v>
      </c>
    </row>
    <row r="6023" spans="4:5" x14ac:dyDescent="0.25">
      <c r="D6023" s="6">
        <v>753.35440000000006</v>
      </c>
      <c r="E6023" s="6">
        <v>1421.491</v>
      </c>
    </row>
    <row r="6024" spans="4:5" x14ac:dyDescent="0.25">
      <c r="D6024" s="6">
        <v>530.65120000000002</v>
      </c>
      <c r="E6024" s="6">
        <v>518.64290000000005</v>
      </c>
    </row>
    <row r="6025" spans="4:5" x14ac:dyDescent="0.25">
      <c r="D6025" s="6">
        <v>6914.375</v>
      </c>
      <c r="E6025" s="6">
        <v>786.4538</v>
      </c>
    </row>
    <row r="6026" spans="4:5" x14ac:dyDescent="0.25">
      <c r="D6026" s="6">
        <v>1046.6559999999999</v>
      </c>
      <c r="E6026" s="6">
        <v>523.66020000000003</v>
      </c>
    </row>
    <row r="6027" spans="4:5" x14ac:dyDescent="0.25">
      <c r="D6027" s="6">
        <v>1906.732</v>
      </c>
      <c r="E6027" s="6">
        <v>1038.923</v>
      </c>
    </row>
    <row r="6028" spans="4:5" x14ac:dyDescent="0.25">
      <c r="D6028" s="6">
        <v>3245.6689999999999</v>
      </c>
      <c r="E6028" s="6">
        <v>4638.8010000000004</v>
      </c>
    </row>
    <row r="6029" spans="4:5" x14ac:dyDescent="0.25">
      <c r="D6029" s="6">
        <v>840.88229999999999</v>
      </c>
      <c r="E6029" s="6">
        <v>1475.25</v>
      </c>
    </row>
    <row r="6030" spans="4:5" x14ac:dyDescent="0.25">
      <c r="D6030" s="6">
        <v>579.90049999999997</v>
      </c>
      <c r="E6030" s="6">
        <v>450.6</v>
      </c>
    </row>
    <row r="6031" spans="4:5" x14ac:dyDescent="0.25">
      <c r="D6031" s="6">
        <v>640.67740000000003</v>
      </c>
      <c r="E6031" s="6">
        <v>4321.9719999999998</v>
      </c>
    </row>
    <row r="6032" spans="4:5" x14ac:dyDescent="0.25">
      <c r="D6032" s="6">
        <v>684.23209999999995</v>
      </c>
      <c r="E6032" s="6">
        <v>1469.75</v>
      </c>
    </row>
    <row r="6033" spans="4:5" x14ac:dyDescent="0.25">
      <c r="D6033" s="6">
        <v>470.63639999999998</v>
      </c>
      <c r="E6033" s="6">
        <v>439.05259999999998</v>
      </c>
    </row>
    <row r="6034" spans="4:5" x14ac:dyDescent="0.25">
      <c r="D6034" s="6">
        <v>1183.134</v>
      </c>
      <c r="E6034" s="6">
        <v>640.23069999999996</v>
      </c>
    </row>
    <row r="6035" spans="4:5" x14ac:dyDescent="0.25">
      <c r="D6035" s="6">
        <v>850.65309999999999</v>
      </c>
      <c r="E6035" s="6">
        <v>665.89779999999996</v>
      </c>
    </row>
    <row r="6036" spans="4:5" x14ac:dyDescent="0.25">
      <c r="D6036" s="6">
        <v>390</v>
      </c>
      <c r="E6036" s="6">
        <v>510.43950000000001</v>
      </c>
    </row>
    <row r="6037" spans="4:5" x14ac:dyDescent="0.25">
      <c r="D6037" s="6">
        <v>1564.5940000000001</v>
      </c>
      <c r="E6037" s="6">
        <v>694.12980000000005</v>
      </c>
    </row>
    <row r="6038" spans="4:5" x14ac:dyDescent="0.25">
      <c r="D6038" s="6">
        <v>581.5</v>
      </c>
      <c r="E6038" s="6">
        <v>772.99850000000004</v>
      </c>
    </row>
    <row r="6039" spans="4:5" x14ac:dyDescent="0.25">
      <c r="D6039" s="6">
        <v>926.56200000000001</v>
      </c>
      <c r="E6039" s="6">
        <v>682.28380000000004</v>
      </c>
    </row>
    <row r="6040" spans="4:5" x14ac:dyDescent="0.25">
      <c r="D6040" s="6">
        <v>546.14419999999996</v>
      </c>
      <c r="E6040" s="6">
        <v>728.25789999999995</v>
      </c>
    </row>
    <row r="6041" spans="4:5" x14ac:dyDescent="0.25">
      <c r="D6041" s="6">
        <v>780.47090000000003</v>
      </c>
      <c r="E6041" s="6">
        <v>1112.171</v>
      </c>
    </row>
    <row r="6042" spans="4:5" x14ac:dyDescent="0.25">
      <c r="D6042" s="6">
        <v>531.37519999999995</v>
      </c>
      <c r="E6042" s="6">
        <v>1581.5</v>
      </c>
    </row>
    <row r="6043" spans="4:5" x14ac:dyDescent="0.25">
      <c r="D6043" s="6">
        <v>761.41290000000004</v>
      </c>
      <c r="E6043" s="6">
        <v>663.755</v>
      </c>
    </row>
    <row r="6044" spans="4:5" x14ac:dyDescent="0.25">
      <c r="D6044" s="6">
        <v>1492.7280000000001</v>
      </c>
      <c r="E6044" s="6">
        <v>484.21480000000003</v>
      </c>
    </row>
    <row r="6045" spans="4:5" x14ac:dyDescent="0.25">
      <c r="D6045" s="6">
        <v>669.35879999999997</v>
      </c>
      <c r="E6045" s="6">
        <v>754.14469999999994</v>
      </c>
    </row>
    <row r="6046" spans="4:5" x14ac:dyDescent="0.25">
      <c r="D6046" s="6">
        <v>949</v>
      </c>
      <c r="E6046" s="6">
        <v>650.77980000000002</v>
      </c>
    </row>
    <row r="6047" spans="4:5" x14ac:dyDescent="0.25">
      <c r="D6047" s="6">
        <v>1018.482</v>
      </c>
      <c r="E6047" s="6">
        <v>780.04349999999999</v>
      </c>
    </row>
    <row r="6048" spans="4:5" x14ac:dyDescent="0.25">
      <c r="D6048" s="6">
        <v>5951.232</v>
      </c>
      <c r="E6048" s="6">
        <v>946.66840000000002</v>
      </c>
    </row>
    <row r="6049" spans="4:5" x14ac:dyDescent="0.25">
      <c r="D6049" s="6">
        <v>987.17489999999998</v>
      </c>
      <c r="E6049" s="6">
        <v>575.66669999999999</v>
      </c>
    </row>
    <row r="6050" spans="4:5" x14ac:dyDescent="0.25">
      <c r="D6050" s="6">
        <v>566.35299999999995</v>
      </c>
      <c r="E6050" s="6">
        <v>450.5</v>
      </c>
    </row>
    <row r="6051" spans="4:5" x14ac:dyDescent="0.25">
      <c r="D6051" s="6">
        <v>2093.6289999999999</v>
      </c>
      <c r="E6051" s="6">
        <v>642.5462</v>
      </c>
    </row>
    <row r="6052" spans="4:5" x14ac:dyDescent="0.25">
      <c r="D6052" s="6">
        <v>1010.899</v>
      </c>
      <c r="E6052" s="6">
        <v>532.66290000000004</v>
      </c>
    </row>
    <row r="6053" spans="4:5" x14ac:dyDescent="0.25">
      <c r="D6053" s="6">
        <v>691.87869999999998</v>
      </c>
      <c r="E6053" s="6">
        <v>565.87800000000004</v>
      </c>
    </row>
    <row r="6054" spans="4:5" x14ac:dyDescent="0.25">
      <c r="D6054" s="6">
        <v>573.18809999999996</v>
      </c>
      <c r="E6054" s="6">
        <v>1158.6690000000001</v>
      </c>
    </row>
    <row r="6055" spans="4:5" x14ac:dyDescent="0.25">
      <c r="D6055" s="6">
        <v>522.33199999999999</v>
      </c>
      <c r="E6055" s="6">
        <v>641.69949999999994</v>
      </c>
    </row>
    <row r="6056" spans="4:5" x14ac:dyDescent="0.25">
      <c r="D6056" s="6">
        <v>839.87620000000004</v>
      </c>
      <c r="E6056" s="6">
        <v>705.23260000000005</v>
      </c>
    </row>
    <row r="6057" spans="4:5" x14ac:dyDescent="0.25">
      <c r="D6057" s="6">
        <v>864.04319999999996</v>
      </c>
      <c r="E6057" s="6">
        <v>1364.4179999999999</v>
      </c>
    </row>
    <row r="6058" spans="4:5" x14ac:dyDescent="0.25">
      <c r="D6058" s="6">
        <v>1041.317</v>
      </c>
      <c r="E6058" s="6">
        <v>532.27660000000003</v>
      </c>
    </row>
    <row r="6059" spans="4:5" x14ac:dyDescent="0.25">
      <c r="D6059" s="6">
        <v>693.94119999999998</v>
      </c>
      <c r="E6059" s="6">
        <v>619.14380000000006</v>
      </c>
    </row>
    <row r="6060" spans="4:5" x14ac:dyDescent="0.25">
      <c r="D6060" s="6">
        <v>7353.9290000000001</v>
      </c>
      <c r="E6060" s="6">
        <v>556.54930000000002</v>
      </c>
    </row>
    <row r="6061" spans="4:5" x14ac:dyDescent="0.25">
      <c r="D6061" s="6">
        <v>1057.904</v>
      </c>
      <c r="E6061" s="6">
        <v>580.52890000000002</v>
      </c>
    </row>
    <row r="6062" spans="4:5" x14ac:dyDescent="0.25">
      <c r="D6062" s="6">
        <v>6485.9290000000001</v>
      </c>
      <c r="E6062" s="6">
        <v>526.85329999999999</v>
      </c>
    </row>
    <row r="6063" spans="4:5" x14ac:dyDescent="0.25">
      <c r="D6063" s="6">
        <v>1441.7370000000001</v>
      </c>
      <c r="E6063" s="6">
        <v>1428.6</v>
      </c>
    </row>
    <row r="6064" spans="4:5" x14ac:dyDescent="0.25">
      <c r="D6064" s="6">
        <v>714.72730000000001</v>
      </c>
      <c r="E6064" s="6">
        <v>4164.2060000000001</v>
      </c>
    </row>
    <row r="6065" spans="4:5" x14ac:dyDescent="0.25">
      <c r="D6065" s="6">
        <v>944.98320000000001</v>
      </c>
      <c r="E6065" s="6">
        <v>581.125</v>
      </c>
    </row>
    <row r="6066" spans="4:5" x14ac:dyDescent="0.25">
      <c r="D6066" s="6">
        <v>974.63760000000002</v>
      </c>
      <c r="E6066" s="6">
        <v>678.14340000000004</v>
      </c>
    </row>
    <row r="6067" spans="4:5" x14ac:dyDescent="0.25">
      <c r="D6067" s="6">
        <v>489.27679999999998</v>
      </c>
      <c r="E6067" s="6">
        <v>944.16930000000002</v>
      </c>
    </row>
    <row r="6068" spans="4:5" x14ac:dyDescent="0.25">
      <c r="D6068" s="6">
        <v>1009.261</v>
      </c>
      <c r="E6068" s="6">
        <v>637.56539999999995</v>
      </c>
    </row>
    <row r="6069" spans="4:5" x14ac:dyDescent="0.25">
      <c r="D6069" s="6">
        <v>4936.1710000000003</v>
      </c>
      <c r="E6069" s="6">
        <v>662.05319999999995</v>
      </c>
    </row>
    <row r="6070" spans="4:5" x14ac:dyDescent="0.25">
      <c r="D6070" s="6">
        <v>930.30079999999998</v>
      </c>
      <c r="E6070" s="6">
        <v>813.005</v>
      </c>
    </row>
    <row r="6071" spans="4:5" x14ac:dyDescent="0.25">
      <c r="D6071" s="6">
        <v>588.2269</v>
      </c>
      <c r="E6071" s="6">
        <v>1013.1130000000001</v>
      </c>
    </row>
    <row r="6072" spans="4:5" x14ac:dyDescent="0.25">
      <c r="D6072" s="6">
        <v>813.19389999999999</v>
      </c>
      <c r="E6072" s="6">
        <v>804.67420000000004</v>
      </c>
    </row>
    <row r="6073" spans="4:5" x14ac:dyDescent="0.25">
      <c r="D6073" s="6">
        <v>1128.0640000000001</v>
      </c>
      <c r="E6073" s="6">
        <v>685.16449999999998</v>
      </c>
    </row>
    <row r="6074" spans="4:5" x14ac:dyDescent="0.25">
      <c r="D6074" s="6">
        <v>1136.944</v>
      </c>
      <c r="E6074" s="6">
        <v>659.28</v>
      </c>
    </row>
    <row r="6075" spans="4:5" x14ac:dyDescent="0.25">
      <c r="D6075" s="6">
        <v>4087.7060000000001</v>
      </c>
      <c r="E6075" s="6">
        <v>667.34289999999999</v>
      </c>
    </row>
    <row r="6076" spans="4:5" x14ac:dyDescent="0.25">
      <c r="D6076" s="6">
        <v>737.46849999999995</v>
      </c>
      <c r="E6076" s="6">
        <v>459.68119999999999</v>
      </c>
    </row>
    <row r="6077" spans="4:5" x14ac:dyDescent="0.25">
      <c r="D6077" s="6">
        <v>388.827</v>
      </c>
      <c r="E6077" s="6">
        <v>514.62829999999997</v>
      </c>
    </row>
    <row r="6078" spans="4:5" x14ac:dyDescent="0.25">
      <c r="D6078" s="6">
        <v>4620.0209999999997</v>
      </c>
      <c r="E6078" s="6">
        <v>461.54969999999997</v>
      </c>
    </row>
    <row r="6079" spans="4:5" x14ac:dyDescent="0.25">
      <c r="D6079" s="6">
        <v>503.2457</v>
      </c>
      <c r="E6079" s="6">
        <v>5112.7669999999998</v>
      </c>
    </row>
    <row r="6080" spans="4:5" x14ac:dyDescent="0.25">
      <c r="D6080" s="6">
        <v>571.18359999999996</v>
      </c>
      <c r="E6080" s="6">
        <v>568.75379999999996</v>
      </c>
    </row>
    <row r="6081" spans="4:5" x14ac:dyDescent="0.25">
      <c r="D6081" s="6">
        <v>868.22400000000005</v>
      </c>
      <c r="E6081" s="6">
        <v>646.50620000000004</v>
      </c>
    </row>
    <row r="6082" spans="4:5" x14ac:dyDescent="0.25">
      <c r="D6082" s="6">
        <v>794.60900000000004</v>
      </c>
      <c r="E6082" s="6">
        <v>1062.25</v>
      </c>
    </row>
    <row r="6083" spans="4:5" x14ac:dyDescent="0.25">
      <c r="D6083" s="6">
        <v>1392.634</v>
      </c>
      <c r="E6083" s="6">
        <v>741.83259999999996</v>
      </c>
    </row>
    <row r="6084" spans="4:5" x14ac:dyDescent="0.25">
      <c r="D6084" s="6">
        <v>689.76400000000001</v>
      </c>
      <c r="E6084" s="6">
        <v>2049.6129999999998</v>
      </c>
    </row>
    <row r="6085" spans="4:5" x14ac:dyDescent="0.25">
      <c r="D6085" s="6">
        <v>11467</v>
      </c>
      <c r="E6085" s="6">
        <v>429.91559999999998</v>
      </c>
    </row>
    <row r="6086" spans="4:5" x14ac:dyDescent="0.25">
      <c r="D6086" s="6">
        <v>10758.97</v>
      </c>
      <c r="E6086" s="6">
        <v>527.99069999999995</v>
      </c>
    </row>
    <row r="6087" spans="4:5" x14ac:dyDescent="0.25">
      <c r="D6087" s="6">
        <v>612.98</v>
      </c>
      <c r="E6087" s="6">
        <v>697.55669999999998</v>
      </c>
    </row>
    <row r="6088" spans="4:5" x14ac:dyDescent="0.25">
      <c r="D6088" s="6">
        <v>1063.6949999999999</v>
      </c>
      <c r="E6088" s="6">
        <v>1336.25</v>
      </c>
    </row>
    <row r="6089" spans="4:5" x14ac:dyDescent="0.25">
      <c r="D6089" s="6">
        <v>664.678</v>
      </c>
      <c r="E6089" s="6">
        <v>622.7835</v>
      </c>
    </row>
    <row r="6090" spans="4:5" x14ac:dyDescent="0.25">
      <c r="D6090" s="6">
        <v>4388.4110000000001</v>
      </c>
      <c r="E6090" s="6">
        <v>830.01099999999997</v>
      </c>
    </row>
    <row r="6091" spans="4:5" x14ac:dyDescent="0.25">
      <c r="D6091" s="6">
        <v>838.1327</v>
      </c>
      <c r="E6091" s="6">
        <v>441.77359999999999</v>
      </c>
    </row>
    <row r="6092" spans="4:5" x14ac:dyDescent="0.25">
      <c r="D6092" s="6">
        <v>688</v>
      </c>
      <c r="E6092" s="6">
        <v>888.91539999999998</v>
      </c>
    </row>
    <row r="6093" spans="4:5" x14ac:dyDescent="0.25">
      <c r="D6093" s="6">
        <v>1015.128</v>
      </c>
      <c r="E6093" s="6">
        <v>1024.0889999999999</v>
      </c>
    </row>
    <row r="6094" spans="4:5" x14ac:dyDescent="0.25">
      <c r="D6094" s="6">
        <v>624.77390000000003</v>
      </c>
      <c r="E6094" s="6">
        <v>7286.5</v>
      </c>
    </row>
    <row r="6095" spans="4:5" x14ac:dyDescent="0.25">
      <c r="D6095" s="6">
        <v>1081.6890000000001</v>
      </c>
      <c r="E6095" s="6">
        <v>411.0788</v>
      </c>
    </row>
    <row r="6096" spans="4:5" x14ac:dyDescent="0.25">
      <c r="D6096" s="6">
        <v>3075.0250000000001</v>
      </c>
      <c r="E6096" s="6">
        <v>534.94150000000002</v>
      </c>
    </row>
    <row r="6097" spans="4:5" x14ac:dyDescent="0.25">
      <c r="D6097" s="6">
        <v>519.10450000000003</v>
      </c>
      <c r="E6097" s="6">
        <v>641.24220000000003</v>
      </c>
    </row>
    <row r="6098" spans="4:5" x14ac:dyDescent="0.25">
      <c r="D6098" s="6">
        <v>2129.087</v>
      </c>
      <c r="E6098" s="6">
        <v>572.79970000000003</v>
      </c>
    </row>
    <row r="6099" spans="4:5" x14ac:dyDescent="0.25">
      <c r="D6099" s="6">
        <v>821.68169999999998</v>
      </c>
      <c r="E6099" s="6">
        <v>512.35130000000004</v>
      </c>
    </row>
    <row r="6100" spans="4:5" x14ac:dyDescent="0.25">
      <c r="D6100" s="6">
        <v>535.21429999999998</v>
      </c>
      <c r="E6100" s="6">
        <v>5175.8680000000004</v>
      </c>
    </row>
    <row r="6101" spans="4:5" x14ac:dyDescent="0.25">
      <c r="D6101" s="6">
        <v>748.93399999999997</v>
      </c>
      <c r="E6101" s="6">
        <v>737.48479999999995</v>
      </c>
    </row>
    <row r="6102" spans="4:5" x14ac:dyDescent="0.25">
      <c r="D6102" s="6">
        <v>675.1739</v>
      </c>
      <c r="E6102" s="6">
        <v>563.83349999999996</v>
      </c>
    </row>
    <row r="6103" spans="4:5" x14ac:dyDescent="0.25">
      <c r="D6103" s="6">
        <v>6904.6</v>
      </c>
      <c r="E6103" s="6">
        <v>1032.028</v>
      </c>
    </row>
    <row r="6104" spans="4:5" x14ac:dyDescent="0.25">
      <c r="D6104" s="6">
        <v>452.57690000000002</v>
      </c>
      <c r="E6104" s="6">
        <v>466</v>
      </c>
    </row>
    <row r="6105" spans="4:5" x14ac:dyDescent="0.25">
      <c r="D6105" s="6">
        <v>1724.58</v>
      </c>
      <c r="E6105" s="6">
        <v>5302.9830000000002</v>
      </c>
    </row>
    <row r="6106" spans="4:5" x14ac:dyDescent="0.25">
      <c r="D6106" s="6">
        <v>712.66340000000002</v>
      </c>
      <c r="E6106" s="6">
        <v>2922.0770000000002</v>
      </c>
    </row>
    <row r="6107" spans="4:5" x14ac:dyDescent="0.25">
      <c r="D6107" s="6">
        <v>7485.335</v>
      </c>
      <c r="E6107" s="6">
        <v>467.06639999999999</v>
      </c>
    </row>
    <row r="6108" spans="4:5" x14ac:dyDescent="0.25">
      <c r="D6108" s="6">
        <v>1227.51</v>
      </c>
      <c r="E6108" s="6">
        <v>623.18619999999999</v>
      </c>
    </row>
    <row r="6109" spans="4:5" x14ac:dyDescent="0.25">
      <c r="D6109" s="6">
        <v>734.98220000000003</v>
      </c>
      <c r="E6109" s="6">
        <v>556.0521</v>
      </c>
    </row>
    <row r="6110" spans="4:5" x14ac:dyDescent="0.25">
      <c r="D6110" s="6">
        <v>412.24</v>
      </c>
      <c r="E6110" s="6">
        <v>581.88220000000001</v>
      </c>
    </row>
    <row r="6111" spans="4:5" x14ac:dyDescent="0.25">
      <c r="D6111" s="6">
        <v>213.85900000000001</v>
      </c>
      <c r="E6111" s="6">
        <v>663.35199999999998</v>
      </c>
    </row>
    <row r="6112" spans="4:5" x14ac:dyDescent="0.25">
      <c r="D6112" s="6">
        <v>698.86879999999996</v>
      </c>
      <c r="E6112" s="6">
        <v>5015.4009999999998</v>
      </c>
    </row>
    <row r="6113" spans="4:5" x14ac:dyDescent="0.25">
      <c r="D6113" s="6">
        <v>544.79250000000002</v>
      </c>
      <c r="E6113" s="6">
        <v>440.6515</v>
      </c>
    </row>
    <row r="6114" spans="4:5" x14ac:dyDescent="0.25">
      <c r="D6114" s="6">
        <v>1932.39</v>
      </c>
      <c r="E6114" s="6">
        <v>859.35059999999999</v>
      </c>
    </row>
    <row r="6115" spans="4:5" x14ac:dyDescent="0.25">
      <c r="D6115" s="6">
        <v>1089.67</v>
      </c>
      <c r="E6115" s="6">
        <v>569.43200000000002</v>
      </c>
    </row>
    <row r="6116" spans="4:5" x14ac:dyDescent="0.25">
      <c r="D6116" s="6">
        <v>1345.317</v>
      </c>
      <c r="E6116" s="6">
        <v>796.11130000000003</v>
      </c>
    </row>
    <row r="6117" spans="4:5" x14ac:dyDescent="0.25">
      <c r="D6117" s="6">
        <v>2114.2820000000002</v>
      </c>
      <c r="E6117" s="6">
        <v>646.72760000000005</v>
      </c>
    </row>
    <row r="6118" spans="4:5" x14ac:dyDescent="0.25">
      <c r="D6118" s="6">
        <v>1905.45</v>
      </c>
      <c r="E6118" s="6">
        <v>771.24180000000001</v>
      </c>
    </row>
    <row r="6119" spans="4:5" x14ac:dyDescent="0.25">
      <c r="D6119" s="6">
        <v>8078</v>
      </c>
      <c r="E6119" s="6">
        <v>4713.1480000000001</v>
      </c>
    </row>
    <row r="6120" spans="4:5" x14ac:dyDescent="0.25">
      <c r="D6120" s="6">
        <v>6025</v>
      </c>
      <c r="E6120" s="6">
        <v>574.21590000000003</v>
      </c>
    </row>
    <row r="6121" spans="4:5" x14ac:dyDescent="0.25">
      <c r="D6121" s="6">
        <v>2028.2260000000001</v>
      </c>
      <c r="E6121" s="6">
        <v>776.16049999999996</v>
      </c>
    </row>
    <row r="6122" spans="4:5" x14ac:dyDescent="0.25">
      <c r="D6122" s="6">
        <v>844.71950000000004</v>
      </c>
      <c r="E6122" s="6">
        <v>1193.2650000000001</v>
      </c>
    </row>
    <row r="6123" spans="4:5" x14ac:dyDescent="0.25">
      <c r="D6123" s="6">
        <v>1484.4870000000001</v>
      </c>
      <c r="E6123" s="6">
        <v>4769.9790000000003</v>
      </c>
    </row>
    <row r="6124" spans="4:5" x14ac:dyDescent="0.25">
      <c r="D6124" s="6">
        <v>701.59349999999995</v>
      </c>
      <c r="E6124" s="6">
        <v>1872.19</v>
      </c>
    </row>
    <row r="6125" spans="4:5" x14ac:dyDescent="0.25">
      <c r="D6125" s="6">
        <v>7801.5879999999997</v>
      </c>
      <c r="E6125" s="6">
        <v>3854.2260000000001</v>
      </c>
    </row>
    <row r="6126" spans="4:5" x14ac:dyDescent="0.25">
      <c r="D6126" s="6">
        <v>911.84429999999998</v>
      </c>
      <c r="E6126" s="6">
        <v>498.11860000000001</v>
      </c>
    </row>
    <row r="6127" spans="4:5" x14ac:dyDescent="0.25">
      <c r="D6127" s="6">
        <v>1324.4090000000001</v>
      </c>
      <c r="E6127" s="6">
        <v>504.41050000000001</v>
      </c>
    </row>
    <row r="6128" spans="4:5" x14ac:dyDescent="0.25">
      <c r="D6128" s="6">
        <v>5578.9750000000004</v>
      </c>
      <c r="E6128" s="6">
        <v>636.99120000000005</v>
      </c>
    </row>
    <row r="6129" spans="4:5" x14ac:dyDescent="0.25">
      <c r="D6129" s="6">
        <v>729.20320000000004</v>
      </c>
      <c r="E6129" s="6">
        <v>1175.1790000000001</v>
      </c>
    </row>
    <row r="6130" spans="4:5" x14ac:dyDescent="0.25">
      <c r="D6130" s="6">
        <v>1670.566</v>
      </c>
      <c r="E6130" s="6">
        <v>1197.6420000000001</v>
      </c>
    </row>
    <row r="6131" spans="4:5" x14ac:dyDescent="0.25">
      <c r="D6131" s="6">
        <v>815.07690000000002</v>
      </c>
      <c r="E6131" s="6">
        <v>1268</v>
      </c>
    </row>
    <row r="6132" spans="4:5" x14ac:dyDescent="0.25">
      <c r="D6132" s="6">
        <v>7998.7809999999999</v>
      </c>
      <c r="E6132" s="6">
        <v>714.25890000000004</v>
      </c>
    </row>
    <row r="6133" spans="4:5" x14ac:dyDescent="0.25">
      <c r="D6133" s="6">
        <v>1259.4459999999999</v>
      </c>
      <c r="E6133" s="6">
        <v>1246.0319999999999</v>
      </c>
    </row>
    <row r="6134" spans="4:5" x14ac:dyDescent="0.25">
      <c r="D6134" s="6">
        <v>3006.1750000000002</v>
      </c>
      <c r="E6134" s="6">
        <v>1210.038</v>
      </c>
    </row>
    <row r="6135" spans="4:5" x14ac:dyDescent="0.25">
      <c r="D6135" s="6">
        <v>452.72250000000003</v>
      </c>
      <c r="E6135" s="6">
        <v>600.97439999999995</v>
      </c>
    </row>
    <row r="6136" spans="4:5" x14ac:dyDescent="0.25">
      <c r="D6136" s="6">
        <v>616.92629999999997</v>
      </c>
      <c r="E6136" s="6">
        <v>778.69929999999999</v>
      </c>
    </row>
    <row r="6137" spans="4:5" x14ac:dyDescent="0.25">
      <c r="D6137" s="6">
        <v>266.4366</v>
      </c>
      <c r="E6137" s="6">
        <v>558.44140000000004</v>
      </c>
    </row>
    <row r="6138" spans="4:5" x14ac:dyDescent="0.25">
      <c r="D6138" s="6">
        <v>3565.7710000000002</v>
      </c>
      <c r="E6138" s="6">
        <v>484.5018</v>
      </c>
    </row>
    <row r="6139" spans="4:5" x14ac:dyDescent="0.25">
      <c r="D6139" s="6">
        <v>2275.9470000000001</v>
      </c>
      <c r="E6139" s="6">
        <v>537.01059999999995</v>
      </c>
    </row>
    <row r="6140" spans="4:5" x14ac:dyDescent="0.25">
      <c r="D6140" s="6">
        <v>1260.587</v>
      </c>
      <c r="E6140" s="6">
        <v>568.7355</v>
      </c>
    </row>
    <row r="6141" spans="4:5" x14ac:dyDescent="0.25">
      <c r="D6141" s="6">
        <v>668.8107</v>
      </c>
      <c r="E6141" s="6">
        <v>755.38570000000004</v>
      </c>
    </row>
    <row r="6142" spans="4:5" x14ac:dyDescent="0.25">
      <c r="D6142" s="6">
        <v>3242.6840000000002</v>
      </c>
      <c r="E6142" s="6">
        <v>749.5394</v>
      </c>
    </row>
    <row r="6143" spans="4:5" x14ac:dyDescent="0.25">
      <c r="D6143" s="6">
        <v>417.94029999999998</v>
      </c>
      <c r="E6143" s="6">
        <v>748.51049999999998</v>
      </c>
    </row>
    <row r="6144" spans="4:5" x14ac:dyDescent="0.25">
      <c r="D6144" s="6">
        <v>2350.7779999999998</v>
      </c>
      <c r="E6144" s="6">
        <v>605.38599999999997</v>
      </c>
    </row>
    <row r="6145" spans="4:5" x14ac:dyDescent="0.25">
      <c r="D6145" s="6">
        <v>625.31079999999997</v>
      </c>
      <c r="E6145" s="6">
        <v>543.59059999999999</v>
      </c>
    </row>
    <row r="6146" spans="4:5" x14ac:dyDescent="0.25">
      <c r="D6146" s="6">
        <v>1224.306</v>
      </c>
      <c r="E6146" s="6">
        <v>1116.0820000000001</v>
      </c>
    </row>
    <row r="6147" spans="4:5" x14ac:dyDescent="0.25">
      <c r="D6147" s="6">
        <v>3684.1550000000002</v>
      </c>
      <c r="E6147" s="6">
        <v>698.95129999999995</v>
      </c>
    </row>
    <row r="6148" spans="4:5" x14ac:dyDescent="0.25">
      <c r="D6148" s="6">
        <v>890.62490000000003</v>
      </c>
      <c r="E6148" s="6">
        <v>576</v>
      </c>
    </row>
    <row r="6149" spans="4:5" x14ac:dyDescent="0.25">
      <c r="D6149" s="6">
        <v>664.77329999999995</v>
      </c>
      <c r="E6149" s="6">
        <v>536.45090000000005</v>
      </c>
    </row>
    <row r="6150" spans="4:5" x14ac:dyDescent="0.25">
      <c r="D6150" s="6">
        <v>2890.1909999999998</v>
      </c>
      <c r="E6150" s="6">
        <v>869.87879999999996</v>
      </c>
    </row>
    <row r="6151" spans="4:5" x14ac:dyDescent="0.25">
      <c r="D6151" s="6">
        <v>1309.645</v>
      </c>
      <c r="E6151" s="6">
        <v>589</v>
      </c>
    </row>
    <row r="6152" spans="4:5" x14ac:dyDescent="0.25">
      <c r="D6152" s="6">
        <v>2127.7170000000001</v>
      </c>
      <c r="E6152" s="6">
        <v>651.65329999999994</v>
      </c>
    </row>
    <row r="6153" spans="4:5" x14ac:dyDescent="0.25">
      <c r="D6153" s="6">
        <v>5957.4380000000001</v>
      </c>
      <c r="E6153" s="6">
        <v>855.1028</v>
      </c>
    </row>
    <row r="6154" spans="4:5" x14ac:dyDescent="0.25">
      <c r="D6154" s="6">
        <v>496.67700000000002</v>
      </c>
      <c r="E6154" s="6">
        <v>459.75</v>
      </c>
    </row>
    <row r="6155" spans="4:5" x14ac:dyDescent="0.25">
      <c r="D6155" s="6">
        <v>758.91600000000005</v>
      </c>
      <c r="E6155" s="6">
        <v>705.86379999999997</v>
      </c>
    </row>
    <row r="6156" spans="4:5" x14ac:dyDescent="0.25">
      <c r="D6156" s="6">
        <v>552.6875</v>
      </c>
      <c r="E6156" s="6">
        <v>588.26490000000001</v>
      </c>
    </row>
    <row r="6157" spans="4:5" x14ac:dyDescent="0.25">
      <c r="D6157" s="6">
        <v>607.88120000000004</v>
      </c>
      <c r="E6157" s="6">
        <v>541.35649999999998</v>
      </c>
    </row>
    <row r="6158" spans="4:5" x14ac:dyDescent="0.25">
      <c r="D6158" s="6">
        <v>557.85289999999998</v>
      </c>
      <c r="E6158" s="6">
        <v>528.15210000000002</v>
      </c>
    </row>
    <row r="6159" spans="4:5" x14ac:dyDescent="0.25">
      <c r="D6159" s="6">
        <v>8270.4750000000004</v>
      </c>
      <c r="E6159" s="6">
        <v>1229.3910000000001</v>
      </c>
    </row>
    <row r="6160" spans="4:5" x14ac:dyDescent="0.25">
      <c r="D6160" s="6">
        <v>525.8836</v>
      </c>
      <c r="E6160" s="6">
        <v>1381.3330000000001</v>
      </c>
    </row>
    <row r="6161" spans="4:5" x14ac:dyDescent="0.25">
      <c r="D6161" s="6">
        <v>588.44479999999999</v>
      </c>
      <c r="E6161" s="6">
        <v>550.42920000000004</v>
      </c>
    </row>
    <row r="6162" spans="4:5" x14ac:dyDescent="0.25">
      <c r="D6162" s="6">
        <v>7950.7430000000004</v>
      </c>
      <c r="E6162" s="6">
        <v>463.65219999999999</v>
      </c>
    </row>
    <row r="6163" spans="4:5" x14ac:dyDescent="0.25">
      <c r="D6163" s="6">
        <v>4364.0889999999999</v>
      </c>
      <c r="E6163" s="6">
        <v>772.55669999999998</v>
      </c>
    </row>
    <row r="6164" spans="4:5" x14ac:dyDescent="0.25">
      <c r="D6164" s="6">
        <v>533.83140000000003</v>
      </c>
      <c r="E6164" s="6">
        <v>920.30380000000002</v>
      </c>
    </row>
    <row r="6165" spans="4:5" x14ac:dyDescent="0.25">
      <c r="D6165" s="6">
        <v>573.42100000000005</v>
      </c>
      <c r="E6165" s="6">
        <v>785.8442</v>
      </c>
    </row>
    <row r="6166" spans="4:5" x14ac:dyDescent="0.25">
      <c r="D6166" s="6">
        <v>260.32839999999999</v>
      </c>
      <c r="E6166" s="6">
        <v>5106.3270000000002</v>
      </c>
    </row>
    <row r="6167" spans="4:5" x14ac:dyDescent="0.25">
      <c r="D6167" s="6">
        <v>1351.7760000000001</v>
      </c>
      <c r="E6167" s="6">
        <v>4905.1750000000002</v>
      </c>
    </row>
    <row r="6168" spans="4:5" x14ac:dyDescent="0.25">
      <c r="D6168" s="6">
        <v>15661</v>
      </c>
      <c r="E6168" s="6">
        <v>736.75879999999995</v>
      </c>
    </row>
    <row r="6169" spans="4:5" x14ac:dyDescent="0.25">
      <c r="D6169" s="6">
        <v>1267.5129999999999</v>
      </c>
      <c r="E6169" s="6">
        <v>528.6087</v>
      </c>
    </row>
    <row r="6170" spans="4:5" x14ac:dyDescent="0.25">
      <c r="D6170" s="6">
        <v>480.42720000000003</v>
      </c>
      <c r="E6170" s="6">
        <v>1733.502</v>
      </c>
    </row>
    <row r="6171" spans="4:5" x14ac:dyDescent="0.25">
      <c r="D6171" s="6">
        <v>3724.2559999999999</v>
      </c>
      <c r="E6171" s="6">
        <v>610.45169999999996</v>
      </c>
    </row>
    <row r="6172" spans="4:5" x14ac:dyDescent="0.25">
      <c r="D6172" s="6">
        <v>930.72130000000004</v>
      </c>
      <c r="E6172" s="6">
        <v>781.8877</v>
      </c>
    </row>
    <row r="6173" spans="4:5" x14ac:dyDescent="0.25">
      <c r="D6173" s="6">
        <v>6835.9549999999999</v>
      </c>
      <c r="E6173" s="6">
        <v>572.00739999999996</v>
      </c>
    </row>
    <row r="6174" spans="4:5" x14ac:dyDescent="0.25">
      <c r="D6174" s="6">
        <v>604.61959999999999</v>
      </c>
      <c r="E6174" s="6">
        <v>3267.4749999999999</v>
      </c>
    </row>
    <row r="6175" spans="4:5" x14ac:dyDescent="0.25">
      <c r="D6175" s="6">
        <v>1065.819</v>
      </c>
      <c r="E6175" s="6">
        <v>704.04489999999998</v>
      </c>
    </row>
    <row r="6176" spans="4:5" x14ac:dyDescent="0.25">
      <c r="D6176" s="6">
        <v>828.54629999999997</v>
      </c>
      <c r="E6176" s="6">
        <v>897.91210000000001</v>
      </c>
    </row>
    <row r="6177" spans="4:5" x14ac:dyDescent="0.25">
      <c r="D6177" s="6">
        <v>443.20639999999997</v>
      </c>
      <c r="E6177" s="6">
        <v>488.51909999999998</v>
      </c>
    </row>
    <row r="6178" spans="4:5" x14ac:dyDescent="0.25">
      <c r="D6178" s="6">
        <v>658.28909999999996</v>
      </c>
      <c r="E6178" s="6">
        <v>497.4787</v>
      </c>
    </row>
    <row r="6179" spans="4:5" x14ac:dyDescent="0.25">
      <c r="D6179" s="6">
        <v>1350.213</v>
      </c>
      <c r="E6179" s="6">
        <v>852.94460000000004</v>
      </c>
    </row>
    <row r="6180" spans="4:5" x14ac:dyDescent="0.25">
      <c r="D6180" s="6">
        <v>518.48810000000003</v>
      </c>
      <c r="E6180" s="6">
        <v>714.53650000000005</v>
      </c>
    </row>
    <row r="6181" spans="4:5" x14ac:dyDescent="0.25">
      <c r="D6181" s="6">
        <v>5921.8710000000001</v>
      </c>
      <c r="E6181" s="6">
        <v>623.60119999999995</v>
      </c>
    </row>
    <row r="6182" spans="4:5" x14ac:dyDescent="0.25">
      <c r="D6182" s="6">
        <v>305.05189999999999</v>
      </c>
      <c r="E6182" s="6">
        <v>3950.3539999999998</v>
      </c>
    </row>
    <row r="6183" spans="4:5" x14ac:dyDescent="0.25">
      <c r="D6183" s="6">
        <v>646.55840000000001</v>
      </c>
      <c r="E6183" s="6">
        <v>516.51340000000005</v>
      </c>
    </row>
    <row r="6184" spans="4:5" x14ac:dyDescent="0.25">
      <c r="D6184" s="6">
        <v>826.94119999999998</v>
      </c>
      <c r="E6184" s="6">
        <v>587.37149999999997</v>
      </c>
    </row>
    <row r="6185" spans="4:5" x14ac:dyDescent="0.25">
      <c r="D6185" s="6">
        <v>3088.145</v>
      </c>
      <c r="E6185" s="6">
        <v>594.8614</v>
      </c>
    </row>
    <row r="6186" spans="4:5" x14ac:dyDescent="0.25">
      <c r="D6186" s="6">
        <v>3390.1129999999998</v>
      </c>
      <c r="E6186" s="6">
        <v>1946.3820000000001</v>
      </c>
    </row>
    <row r="6187" spans="4:5" x14ac:dyDescent="0.25">
      <c r="D6187" s="6">
        <v>2097.5</v>
      </c>
      <c r="E6187" s="6">
        <v>742.78750000000002</v>
      </c>
    </row>
    <row r="6188" spans="4:5" x14ac:dyDescent="0.25">
      <c r="D6188" s="6">
        <v>656.6748</v>
      </c>
      <c r="E6188" s="6">
        <v>5167.4139999999998</v>
      </c>
    </row>
    <row r="6189" spans="4:5" x14ac:dyDescent="0.25">
      <c r="D6189" s="6">
        <v>12798.8</v>
      </c>
      <c r="E6189" s="6">
        <v>1207.672</v>
      </c>
    </row>
    <row r="6190" spans="4:5" x14ac:dyDescent="0.25">
      <c r="D6190" s="6">
        <v>1124.2539999999999</v>
      </c>
      <c r="E6190" s="6">
        <v>637.5</v>
      </c>
    </row>
    <row r="6191" spans="4:5" x14ac:dyDescent="0.25">
      <c r="D6191" s="6">
        <v>967.64419999999996</v>
      </c>
      <c r="E6191" s="6">
        <v>558.32659999999998</v>
      </c>
    </row>
    <row r="6192" spans="4:5" x14ac:dyDescent="0.25">
      <c r="D6192" s="6">
        <v>447.88889999999998</v>
      </c>
      <c r="E6192" s="6">
        <v>3788.7779999999998</v>
      </c>
    </row>
    <row r="6193" spans="4:5" x14ac:dyDescent="0.25">
      <c r="D6193" s="6">
        <v>523.43060000000003</v>
      </c>
      <c r="E6193" s="6">
        <v>6025.7650000000003</v>
      </c>
    </row>
    <row r="6194" spans="4:5" x14ac:dyDescent="0.25">
      <c r="D6194" s="6">
        <v>451.26760000000002</v>
      </c>
      <c r="E6194" s="6">
        <v>1298.338</v>
      </c>
    </row>
    <row r="6195" spans="4:5" x14ac:dyDescent="0.25">
      <c r="D6195" s="6">
        <v>4194.067</v>
      </c>
      <c r="E6195" s="6">
        <v>698.2414</v>
      </c>
    </row>
    <row r="6196" spans="4:5" x14ac:dyDescent="0.25">
      <c r="D6196" s="6">
        <v>3770.741</v>
      </c>
      <c r="E6196" s="6">
        <v>485.22399999999999</v>
      </c>
    </row>
    <row r="6197" spans="4:5" x14ac:dyDescent="0.25">
      <c r="D6197" s="6">
        <v>1267.9880000000001</v>
      </c>
      <c r="E6197" s="6">
        <v>4997.4459999999999</v>
      </c>
    </row>
    <row r="6198" spans="4:5" x14ac:dyDescent="0.25">
      <c r="D6198" s="6">
        <v>3033.3330000000001</v>
      </c>
      <c r="E6198" s="6">
        <v>987.17840000000001</v>
      </c>
    </row>
    <row r="6199" spans="4:5" x14ac:dyDescent="0.25">
      <c r="D6199" s="6">
        <v>813.48180000000002</v>
      </c>
      <c r="E6199" s="6">
        <v>8459.2919999999995</v>
      </c>
    </row>
    <row r="6200" spans="4:5" x14ac:dyDescent="0.25">
      <c r="D6200" s="6">
        <v>932.71339999999998</v>
      </c>
      <c r="E6200" s="6">
        <v>584.77179999999998</v>
      </c>
    </row>
    <row r="6201" spans="4:5" x14ac:dyDescent="0.25">
      <c r="D6201" s="6">
        <v>414.50959999999998</v>
      </c>
      <c r="E6201" s="6">
        <v>634.30780000000004</v>
      </c>
    </row>
    <row r="6202" spans="4:5" x14ac:dyDescent="0.25">
      <c r="D6202" s="6">
        <v>629.67510000000004</v>
      </c>
      <c r="E6202" s="6">
        <v>1037.375</v>
      </c>
    </row>
    <row r="6203" spans="4:5" x14ac:dyDescent="0.25">
      <c r="D6203" s="6">
        <v>3430.4520000000002</v>
      </c>
      <c r="E6203" s="6">
        <v>954</v>
      </c>
    </row>
    <row r="6204" spans="4:5" x14ac:dyDescent="0.25">
      <c r="D6204" s="6">
        <v>3056.0419999999999</v>
      </c>
      <c r="E6204" s="6">
        <v>444.77350000000001</v>
      </c>
    </row>
    <row r="6205" spans="4:5" x14ac:dyDescent="0.25">
      <c r="D6205" s="6">
        <v>561.46019999999999</v>
      </c>
      <c r="E6205" s="6">
        <v>808.05840000000001</v>
      </c>
    </row>
    <row r="6206" spans="4:5" x14ac:dyDescent="0.25">
      <c r="D6206" s="6">
        <v>753.15710000000001</v>
      </c>
      <c r="E6206" s="6">
        <v>462.82029999999997</v>
      </c>
    </row>
    <row r="6207" spans="4:5" x14ac:dyDescent="0.25">
      <c r="D6207" s="6">
        <v>1544.625</v>
      </c>
      <c r="E6207" s="6">
        <v>533.98500000000001</v>
      </c>
    </row>
    <row r="6208" spans="4:5" x14ac:dyDescent="0.25">
      <c r="D6208" s="6">
        <v>1410.0060000000001</v>
      </c>
      <c r="E6208" s="6">
        <v>6457.4030000000002</v>
      </c>
    </row>
    <row r="6209" spans="4:5" x14ac:dyDescent="0.25">
      <c r="D6209" s="6">
        <v>608.65160000000003</v>
      </c>
      <c r="E6209" s="6">
        <v>673.19590000000005</v>
      </c>
    </row>
    <row r="6210" spans="4:5" x14ac:dyDescent="0.25">
      <c r="D6210" s="6">
        <v>578.95280000000002</v>
      </c>
      <c r="E6210" s="6">
        <v>717.90629999999999</v>
      </c>
    </row>
    <row r="6211" spans="4:5" x14ac:dyDescent="0.25">
      <c r="D6211" s="6">
        <v>593.45460000000003</v>
      </c>
      <c r="E6211" s="6">
        <v>2155.5880000000002</v>
      </c>
    </row>
    <row r="6212" spans="4:5" x14ac:dyDescent="0.25">
      <c r="D6212" s="6">
        <v>1183.364</v>
      </c>
      <c r="E6212" s="6">
        <v>641.23320000000001</v>
      </c>
    </row>
    <row r="6213" spans="4:5" x14ac:dyDescent="0.25">
      <c r="D6213" s="6">
        <v>808.29600000000005</v>
      </c>
      <c r="E6213" s="6">
        <v>584.29259999999999</v>
      </c>
    </row>
    <row r="6214" spans="4:5" x14ac:dyDescent="0.25">
      <c r="D6214" s="6">
        <v>559.8931</v>
      </c>
      <c r="E6214" s="6">
        <v>8039.7740000000003</v>
      </c>
    </row>
    <row r="6215" spans="4:5" x14ac:dyDescent="0.25">
      <c r="D6215" s="6">
        <v>3613.098</v>
      </c>
      <c r="E6215" s="6">
        <v>675.35149999999999</v>
      </c>
    </row>
    <row r="6216" spans="4:5" x14ac:dyDescent="0.25">
      <c r="D6216" s="6">
        <v>3089.1019999999999</v>
      </c>
      <c r="E6216" s="6">
        <v>613.59979999999996</v>
      </c>
    </row>
    <row r="6217" spans="4:5" x14ac:dyDescent="0.25">
      <c r="D6217" s="6">
        <v>854.20820000000003</v>
      </c>
      <c r="E6217" s="6">
        <v>613.40740000000005</v>
      </c>
    </row>
    <row r="6218" spans="4:5" x14ac:dyDescent="0.25">
      <c r="D6218" s="6">
        <v>1218.4860000000001</v>
      </c>
      <c r="E6218" s="6">
        <v>771.51949999999999</v>
      </c>
    </row>
    <row r="6219" spans="4:5" x14ac:dyDescent="0.25">
      <c r="D6219" s="6">
        <v>1110.0309999999999</v>
      </c>
      <c r="E6219" s="6">
        <v>837</v>
      </c>
    </row>
    <row r="6220" spans="4:5" x14ac:dyDescent="0.25">
      <c r="D6220" s="6">
        <v>457.46960000000001</v>
      </c>
      <c r="E6220" s="6">
        <v>667.46730000000002</v>
      </c>
    </row>
    <row r="6221" spans="4:5" x14ac:dyDescent="0.25">
      <c r="D6221" s="6">
        <v>1227.3030000000001</v>
      </c>
      <c r="E6221" s="6">
        <v>726.72</v>
      </c>
    </row>
    <row r="6222" spans="4:5" x14ac:dyDescent="0.25">
      <c r="D6222" s="6">
        <v>669.33019999999999</v>
      </c>
      <c r="E6222" s="6">
        <v>494.09089999999998</v>
      </c>
    </row>
    <row r="6223" spans="4:5" x14ac:dyDescent="0.25">
      <c r="D6223" s="6">
        <v>7372.5</v>
      </c>
      <c r="E6223" s="6">
        <v>5855.5129999999999</v>
      </c>
    </row>
    <row r="6224" spans="4:5" x14ac:dyDescent="0.25">
      <c r="D6224" s="6">
        <v>8303.8649999999998</v>
      </c>
      <c r="E6224" s="6">
        <v>462.66500000000002</v>
      </c>
    </row>
    <row r="6225" spans="4:5" x14ac:dyDescent="0.25">
      <c r="D6225" s="6">
        <v>923.12469999999996</v>
      </c>
      <c r="E6225" s="6">
        <v>760.48230000000001</v>
      </c>
    </row>
    <row r="6226" spans="4:5" x14ac:dyDescent="0.25">
      <c r="D6226" s="6">
        <v>671.91890000000001</v>
      </c>
      <c r="E6226" s="6">
        <v>519.2867</v>
      </c>
    </row>
    <row r="6227" spans="4:5" x14ac:dyDescent="0.25">
      <c r="D6227" s="6">
        <v>888.96460000000002</v>
      </c>
      <c r="E6227" s="6">
        <v>610.83429999999998</v>
      </c>
    </row>
    <row r="6228" spans="4:5" x14ac:dyDescent="0.25">
      <c r="D6228" s="6">
        <v>1920.1289999999999</v>
      </c>
      <c r="E6228" s="6">
        <v>704.82860000000005</v>
      </c>
    </row>
    <row r="6229" spans="4:5" x14ac:dyDescent="0.25">
      <c r="D6229" s="6">
        <v>8680.4410000000007</v>
      </c>
      <c r="E6229" s="6">
        <v>6639.5990000000002</v>
      </c>
    </row>
    <row r="6230" spans="4:5" x14ac:dyDescent="0.25">
      <c r="D6230" s="6">
        <v>2452.3890000000001</v>
      </c>
      <c r="E6230" s="6">
        <v>525.54669999999999</v>
      </c>
    </row>
    <row r="6231" spans="4:5" x14ac:dyDescent="0.25">
      <c r="D6231" s="6">
        <v>1961.6610000000001</v>
      </c>
      <c r="E6231" s="6">
        <v>896.09720000000004</v>
      </c>
    </row>
    <row r="6232" spans="4:5" x14ac:dyDescent="0.25">
      <c r="D6232" s="6">
        <v>3305.7179999999998</v>
      </c>
      <c r="E6232" s="6">
        <v>509.21609999999998</v>
      </c>
    </row>
    <row r="6233" spans="4:5" x14ac:dyDescent="0.25">
      <c r="D6233" s="6">
        <v>542.20489999999995</v>
      </c>
      <c r="E6233" s="6">
        <v>521.41070000000002</v>
      </c>
    </row>
    <row r="6234" spans="4:5" x14ac:dyDescent="0.25">
      <c r="D6234" s="6">
        <v>373.59410000000003</v>
      </c>
      <c r="E6234" s="6">
        <v>688.45150000000001</v>
      </c>
    </row>
    <row r="6235" spans="4:5" x14ac:dyDescent="0.25">
      <c r="D6235" s="6">
        <v>6513.6890000000003</v>
      </c>
      <c r="E6235" s="6">
        <v>3676.8180000000002</v>
      </c>
    </row>
    <row r="6236" spans="4:5" x14ac:dyDescent="0.25">
      <c r="D6236" s="6">
        <v>797.20100000000002</v>
      </c>
      <c r="E6236" s="6">
        <v>710.81309999999996</v>
      </c>
    </row>
    <row r="6237" spans="4:5" x14ac:dyDescent="0.25">
      <c r="D6237" s="6">
        <v>1224.9870000000001</v>
      </c>
      <c r="E6237" s="6">
        <v>5975.4690000000001</v>
      </c>
    </row>
    <row r="6238" spans="4:5" x14ac:dyDescent="0.25">
      <c r="D6238" s="6">
        <v>1280.7919999999999</v>
      </c>
      <c r="E6238" s="6">
        <v>1676.615</v>
      </c>
    </row>
    <row r="6239" spans="4:5" x14ac:dyDescent="0.25">
      <c r="D6239" s="6">
        <v>1334.222</v>
      </c>
      <c r="E6239" s="6">
        <v>539.93520000000001</v>
      </c>
    </row>
    <row r="6240" spans="4:5" x14ac:dyDescent="0.25">
      <c r="D6240" s="6">
        <v>605.65269999999998</v>
      </c>
      <c r="E6240" s="6">
        <v>862.2604</v>
      </c>
    </row>
    <row r="6241" spans="4:5" x14ac:dyDescent="0.25">
      <c r="D6241" s="6">
        <v>4044.03</v>
      </c>
      <c r="E6241" s="6">
        <v>448.27659999999997</v>
      </c>
    </row>
    <row r="6242" spans="4:5" x14ac:dyDescent="0.25">
      <c r="D6242" s="6">
        <v>2632</v>
      </c>
      <c r="E6242" s="6">
        <v>536.12509999999997</v>
      </c>
    </row>
    <row r="6243" spans="4:5" x14ac:dyDescent="0.25">
      <c r="D6243" s="6">
        <v>7195.1090000000004</v>
      </c>
      <c r="E6243" s="6">
        <v>792.05970000000002</v>
      </c>
    </row>
    <row r="6244" spans="4:5" x14ac:dyDescent="0.25">
      <c r="D6244" s="6">
        <v>3782.6669999999999</v>
      </c>
      <c r="E6244" s="6">
        <v>504.74250000000001</v>
      </c>
    </row>
    <row r="6245" spans="4:5" x14ac:dyDescent="0.25">
      <c r="D6245" s="6">
        <v>975.96510000000001</v>
      </c>
      <c r="E6245" s="6">
        <v>659.46180000000004</v>
      </c>
    </row>
    <row r="6246" spans="4:5" x14ac:dyDescent="0.25">
      <c r="D6246" s="6">
        <v>738.43240000000003</v>
      </c>
      <c r="E6246" s="6">
        <v>623.97770000000003</v>
      </c>
    </row>
    <row r="6247" spans="4:5" x14ac:dyDescent="0.25">
      <c r="D6247" s="6">
        <v>1598.922</v>
      </c>
      <c r="E6247" s="6">
        <v>1765.31</v>
      </c>
    </row>
    <row r="6248" spans="4:5" x14ac:dyDescent="0.25">
      <c r="D6248" s="6">
        <v>3629.857</v>
      </c>
      <c r="E6248" s="6">
        <v>683.73410000000001</v>
      </c>
    </row>
    <row r="6249" spans="4:5" x14ac:dyDescent="0.25">
      <c r="D6249" s="6">
        <v>228.19880000000001</v>
      </c>
      <c r="E6249" s="6">
        <v>1112</v>
      </c>
    </row>
    <row r="6250" spans="4:5" x14ac:dyDescent="0.25">
      <c r="D6250" s="6">
        <v>816.65629999999999</v>
      </c>
      <c r="E6250" s="6">
        <v>343.5</v>
      </c>
    </row>
    <row r="6251" spans="4:5" x14ac:dyDescent="0.25">
      <c r="D6251" s="6">
        <v>1111.384</v>
      </c>
      <c r="E6251" s="6">
        <v>2448.6469999999999</v>
      </c>
    </row>
    <row r="6252" spans="4:5" x14ac:dyDescent="0.25">
      <c r="D6252" s="6">
        <v>551.77049999999997</v>
      </c>
      <c r="E6252" s="6">
        <v>530.61429999999996</v>
      </c>
    </row>
    <row r="6253" spans="4:5" x14ac:dyDescent="0.25">
      <c r="D6253" s="6">
        <v>14867.31</v>
      </c>
      <c r="E6253" s="6">
        <v>1758.5350000000001</v>
      </c>
    </row>
    <row r="6254" spans="4:5" x14ac:dyDescent="0.25">
      <c r="D6254" s="6">
        <v>628.00329999999997</v>
      </c>
      <c r="E6254" s="6">
        <v>613.92439999999999</v>
      </c>
    </row>
    <row r="6255" spans="4:5" x14ac:dyDescent="0.25">
      <c r="D6255" s="6">
        <v>3267.9470000000001</v>
      </c>
      <c r="E6255" s="6">
        <v>487.21749999999997</v>
      </c>
    </row>
    <row r="6256" spans="4:5" x14ac:dyDescent="0.25">
      <c r="D6256" s="6">
        <v>2555.3560000000002</v>
      </c>
      <c r="E6256" s="6">
        <v>679.27419999999995</v>
      </c>
    </row>
    <row r="6257" spans="4:5" x14ac:dyDescent="0.25">
      <c r="D6257" s="6">
        <v>667.38699999999994</v>
      </c>
      <c r="E6257" s="6">
        <v>558.84820000000002</v>
      </c>
    </row>
    <row r="6258" spans="4:5" x14ac:dyDescent="0.25">
      <c r="D6258" s="6">
        <v>1188.5</v>
      </c>
      <c r="E6258" s="6">
        <v>1499.0329999999999</v>
      </c>
    </row>
    <row r="6259" spans="4:5" x14ac:dyDescent="0.25">
      <c r="D6259" s="6">
        <v>942.71439999999996</v>
      </c>
      <c r="E6259" s="6">
        <v>594.40060000000005</v>
      </c>
    </row>
    <row r="6260" spans="4:5" x14ac:dyDescent="0.25">
      <c r="D6260" s="6">
        <v>632.58839999999998</v>
      </c>
      <c r="E6260" s="6">
        <v>467.02</v>
      </c>
    </row>
    <row r="6261" spans="4:5" x14ac:dyDescent="0.25">
      <c r="D6261" s="6">
        <v>650.09289999999999</v>
      </c>
      <c r="E6261" s="6">
        <v>697.4239</v>
      </c>
    </row>
    <row r="6262" spans="4:5" x14ac:dyDescent="0.25">
      <c r="D6262" s="6">
        <v>2976.029</v>
      </c>
      <c r="E6262" s="6">
        <v>672.11670000000004</v>
      </c>
    </row>
    <row r="6263" spans="4:5" x14ac:dyDescent="0.25">
      <c r="D6263" s="6">
        <v>6638.8710000000001</v>
      </c>
      <c r="E6263" s="6">
        <v>939.399</v>
      </c>
    </row>
    <row r="6264" spans="4:5" x14ac:dyDescent="0.25">
      <c r="D6264" s="6">
        <v>1850.5160000000001</v>
      </c>
      <c r="E6264" s="6">
        <v>596.69090000000006</v>
      </c>
    </row>
    <row r="6265" spans="4:5" x14ac:dyDescent="0.25">
      <c r="D6265" s="6">
        <v>691.01099999999997</v>
      </c>
      <c r="E6265" s="6">
        <v>1848.5</v>
      </c>
    </row>
    <row r="6266" spans="4:5" x14ac:dyDescent="0.25">
      <c r="D6266" s="6">
        <v>444</v>
      </c>
      <c r="E6266" s="6">
        <v>723.36440000000005</v>
      </c>
    </row>
    <row r="6267" spans="4:5" x14ac:dyDescent="0.25">
      <c r="D6267" s="6">
        <v>441</v>
      </c>
      <c r="E6267" s="6">
        <v>658.02700000000004</v>
      </c>
    </row>
    <row r="6268" spans="4:5" x14ac:dyDescent="0.25">
      <c r="D6268" s="6">
        <v>8270.1309999999994</v>
      </c>
      <c r="E6268" s="6">
        <v>578.84410000000003</v>
      </c>
    </row>
    <row r="6269" spans="4:5" x14ac:dyDescent="0.25">
      <c r="D6269" s="6">
        <v>185.386</v>
      </c>
      <c r="E6269" s="6">
        <v>666.47299999999996</v>
      </c>
    </row>
    <row r="6270" spans="4:5" x14ac:dyDescent="0.25">
      <c r="D6270" s="6">
        <v>1908.5440000000001</v>
      </c>
      <c r="E6270" s="6">
        <v>2022.1089999999999</v>
      </c>
    </row>
    <row r="6271" spans="4:5" x14ac:dyDescent="0.25">
      <c r="D6271" s="6">
        <v>599.34799999999996</v>
      </c>
      <c r="E6271" s="6">
        <v>580.95550000000003</v>
      </c>
    </row>
    <row r="6272" spans="4:5" x14ac:dyDescent="0.25">
      <c r="D6272" s="6">
        <v>983.23810000000003</v>
      </c>
      <c r="E6272" s="6">
        <v>582.94039999999995</v>
      </c>
    </row>
    <row r="6273" spans="4:5" x14ac:dyDescent="0.25">
      <c r="D6273" s="6">
        <v>779.0779</v>
      </c>
      <c r="E6273" s="6">
        <v>617.46759999999995</v>
      </c>
    </row>
    <row r="6274" spans="4:5" x14ac:dyDescent="0.25">
      <c r="D6274" s="6">
        <v>5198.6610000000001</v>
      </c>
      <c r="E6274" s="6">
        <v>1676.451</v>
      </c>
    </row>
    <row r="6275" spans="4:5" x14ac:dyDescent="0.25">
      <c r="D6275" s="6">
        <v>682.67849999999999</v>
      </c>
      <c r="E6275" s="6">
        <v>748.57500000000005</v>
      </c>
    </row>
    <row r="6276" spans="4:5" x14ac:dyDescent="0.25">
      <c r="D6276" s="6">
        <v>8085</v>
      </c>
      <c r="E6276" s="6">
        <v>667.85569999999996</v>
      </c>
    </row>
    <row r="6277" spans="4:5" x14ac:dyDescent="0.25">
      <c r="D6277" s="6">
        <v>824.31179999999995</v>
      </c>
      <c r="E6277" s="6">
        <v>883.28589999999997</v>
      </c>
    </row>
    <row r="6278" spans="4:5" x14ac:dyDescent="0.25">
      <c r="D6278" s="6">
        <v>327.09050000000002</v>
      </c>
      <c r="E6278" s="6">
        <v>792.88549999999998</v>
      </c>
    </row>
    <row r="6279" spans="4:5" x14ac:dyDescent="0.25">
      <c r="D6279" s="6">
        <v>882.64750000000004</v>
      </c>
      <c r="E6279" s="6">
        <v>630.34810000000004</v>
      </c>
    </row>
    <row r="6280" spans="4:5" x14ac:dyDescent="0.25">
      <c r="D6280" s="6">
        <v>839.33669999999995</v>
      </c>
      <c r="E6280" s="6">
        <v>858.77980000000002</v>
      </c>
    </row>
    <row r="6281" spans="4:5" x14ac:dyDescent="0.25">
      <c r="D6281" s="6">
        <v>554.21079999999995</v>
      </c>
      <c r="E6281" s="6">
        <v>226.95349999999999</v>
      </c>
    </row>
    <row r="6282" spans="4:5" x14ac:dyDescent="0.25">
      <c r="D6282" s="6">
        <v>726.19209999999998</v>
      </c>
      <c r="E6282" s="6">
        <v>757.99519999999995</v>
      </c>
    </row>
    <row r="6283" spans="4:5" x14ac:dyDescent="0.25">
      <c r="D6283" s="6">
        <v>1694.2639999999999</v>
      </c>
      <c r="E6283" s="6">
        <v>715.80349999999999</v>
      </c>
    </row>
    <row r="6284" spans="4:5" x14ac:dyDescent="0.25">
      <c r="D6284" s="6">
        <v>9751.6669999999995</v>
      </c>
      <c r="E6284" s="6">
        <v>665.88440000000003</v>
      </c>
    </row>
    <row r="6285" spans="4:5" x14ac:dyDescent="0.25">
      <c r="D6285" s="6">
        <v>497.41030000000001</v>
      </c>
      <c r="E6285" s="6">
        <v>823.22820000000002</v>
      </c>
    </row>
    <row r="6286" spans="4:5" x14ac:dyDescent="0.25">
      <c r="D6286" s="6">
        <v>737.77509999999995</v>
      </c>
      <c r="E6286" s="6">
        <v>688.72730000000001</v>
      </c>
    </row>
    <row r="6287" spans="4:5" x14ac:dyDescent="0.25">
      <c r="D6287" s="6">
        <v>1467.8340000000001</v>
      </c>
      <c r="E6287" s="6">
        <v>880</v>
      </c>
    </row>
    <row r="6288" spans="4:5" x14ac:dyDescent="0.25">
      <c r="D6288" s="6">
        <v>4512.7730000000001</v>
      </c>
      <c r="E6288" s="6">
        <v>656.17740000000003</v>
      </c>
    </row>
    <row r="6289" spans="4:5" x14ac:dyDescent="0.25">
      <c r="D6289" s="6">
        <v>697.24829999999997</v>
      </c>
      <c r="E6289" s="6">
        <v>821.92370000000005</v>
      </c>
    </row>
    <row r="6290" spans="4:5" x14ac:dyDescent="0.25">
      <c r="D6290" s="6">
        <v>2082.5</v>
      </c>
      <c r="E6290" s="6">
        <v>559.5</v>
      </c>
    </row>
    <row r="6291" spans="4:5" x14ac:dyDescent="0.25">
      <c r="D6291" s="6">
        <v>2112.9490000000001</v>
      </c>
      <c r="E6291" s="6">
        <v>1241.7850000000001</v>
      </c>
    </row>
    <row r="6292" spans="4:5" x14ac:dyDescent="0.25">
      <c r="D6292" s="6">
        <v>4348.4290000000001</v>
      </c>
      <c r="E6292" s="6">
        <v>539.33169999999996</v>
      </c>
    </row>
    <row r="6293" spans="4:5" x14ac:dyDescent="0.25">
      <c r="D6293" s="6">
        <v>462.53840000000002</v>
      </c>
      <c r="E6293" s="6">
        <v>558.14909999999998</v>
      </c>
    </row>
    <row r="6294" spans="4:5" x14ac:dyDescent="0.25">
      <c r="D6294" s="6">
        <v>3068</v>
      </c>
      <c r="E6294" s="6">
        <v>496.9332</v>
      </c>
    </row>
    <row r="6295" spans="4:5" x14ac:dyDescent="0.25">
      <c r="D6295" s="6">
        <v>11963.66</v>
      </c>
      <c r="E6295" s="6">
        <v>561.84159999999997</v>
      </c>
    </row>
    <row r="6296" spans="4:5" x14ac:dyDescent="0.25">
      <c r="D6296" s="6">
        <v>712.8</v>
      </c>
      <c r="E6296" s="6">
        <v>660.03700000000003</v>
      </c>
    </row>
    <row r="6297" spans="4:5" x14ac:dyDescent="0.25">
      <c r="D6297" s="6">
        <v>960.07010000000002</v>
      </c>
      <c r="E6297" s="6">
        <v>1201.9090000000001</v>
      </c>
    </row>
    <row r="6298" spans="4:5" x14ac:dyDescent="0.25">
      <c r="D6298" s="6">
        <v>760.70650000000001</v>
      </c>
      <c r="E6298" s="6">
        <v>601.70219999999995</v>
      </c>
    </row>
    <row r="6299" spans="4:5" x14ac:dyDescent="0.25">
      <c r="D6299" s="6">
        <v>2181.2339999999999</v>
      </c>
      <c r="E6299" s="6">
        <v>409.6284</v>
      </c>
    </row>
    <row r="6300" spans="4:5" x14ac:dyDescent="0.25">
      <c r="D6300" s="6">
        <v>366.86860000000001</v>
      </c>
      <c r="E6300" s="6">
        <v>1827.4169999999999</v>
      </c>
    </row>
    <row r="6301" spans="4:5" x14ac:dyDescent="0.25">
      <c r="D6301" s="6">
        <v>2823.15</v>
      </c>
      <c r="E6301" s="6">
        <v>623.88610000000006</v>
      </c>
    </row>
    <row r="6302" spans="4:5" x14ac:dyDescent="0.25">
      <c r="D6302" s="6">
        <v>630.06119999999999</v>
      </c>
      <c r="E6302" s="6">
        <v>707.15499999999997</v>
      </c>
    </row>
    <row r="6303" spans="4:5" x14ac:dyDescent="0.25">
      <c r="D6303" s="6">
        <v>1026.152</v>
      </c>
      <c r="E6303" s="6">
        <v>1035.75</v>
      </c>
    </row>
    <row r="6304" spans="4:5" x14ac:dyDescent="0.25">
      <c r="D6304" s="6">
        <v>3285.4169999999999</v>
      </c>
      <c r="E6304" s="6">
        <v>610.83569999999997</v>
      </c>
    </row>
    <row r="6305" spans="4:5" x14ac:dyDescent="0.25">
      <c r="D6305" s="6">
        <v>431.6037</v>
      </c>
      <c r="E6305" s="6">
        <v>1468.925</v>
      </c>
    </row>
    <row r="6306" spans="4:5" x14ac:dyDescent="0.25">
      <c r="D6306" s="6">
        <v>901.03650000000005</v>
      </c>
      <c r="E6306" s="6">
        <v>720.96529999999996</v>
      </c>
    </row>
    <row r="6307" spans="4:5" x14ac:dyDescent="0.25">
      <c r="D6307" s="6">
        <v>438.61180000000002</v>
      </c>
      <c r="E6307" s="6">
        <v>551.24440000000004</v>
      </c>
    </row>
    <row r="6308" spans="4:5" x14ac:dyDescent="0.25">
      <c r="D6308" s="6">
        <v>4958.0469999999996</v>
      </c>
      <c r="E6308" s="6">
        <v>490.85879999999997</v>
      </c>
    </row>
    <row r="6309" spans="4:5" x14ac:dyDescent="0.25">
      <c r="D6309" s="6">
        <v>494.49250000000001</v>
      </c>
      <c r="E6309" s="6">
        <v>947.8152</v>
      </c>
    </row>
    <row r="6310" spans="4:5" x14ac:dyDescent="0.25">
      <c r="D6310" s="6">
        <v>652.33240000000001</v>
      </c>
      <c r="E6310" s="6">
        <v>450.12310000000002</v>
      </c>
    </row>
    <row r="6311" spans="4:5" x14ac:dyDescent="0.25">
      <c r="D6311" s="6">
        <v>947.17309999999998</v>
      </c>
      <c r="E6311" s="6">
        <v>475.08789999999999</v>
      </c>
    </row>
    <row r="6312" spans="4:5" x14ac:dyDescent="0.25">
      <c r="D6312" s="6">
        <v>2514.0830000000001</v>
      </c>
      <c r="E6312" s="6">
        <v>1846.22</v>
      </c>
    </row>
    <row r="6313" spans="4:5" x14ac:dyDescent="0.25">
      <c r="D6313" s="6">
        <v>803.64750000000004</v>
      </c>
      <c r="E6313" s="6">
        <v>497.12509999999997</v>
      </c>
    </row>
    <row r="6314" spans="4:5" x14ac:dyDescent="0.25">
      <c r="D6314" s="6">
        <v>542.07650000000001</v>
      </c>
      <c r="E6314" s="6">
        <v>3318.0770000000002</v>
      </c>
    </row>
    <row r="6315" spans="4:5" x14ac:dyDescent="0.25">
      <c r="D6315" s="6">
        <v>699.39769999999999</v>
      </c>
      <c r="E6315" s="6">
        <v>589.90790000000004</v>
      </c>
    </row>
    <row r="6316" spans="4:5" x14ac:dyDescent="0.25">
      <c r="D6316" s="6">
        <v>1648.961</v>
      </c>
      <c r="E6316" s="6">
        <v>666.52869999999996</v>
      </c>
    </row>
    <row r="6317" spans="4:5" x14ac:dyDescent="0.25">
      <c r="D6317" s="6">
        <v>659.38720000000001</v>
      </c>
      <c r="E6317" s="6">
        <v>529.72919999999999</v>
      </c>
    </row>
    <row r="6318" spans="4:5" x14ac:dyDescent="0.25">
      <c r="D6318" s="6">
        <v>3155.6320000000001</v>
      </c>
      <c r="E6318" s="6">
        <v>831.70870000000002</v>
      </c>
    </row>
    <row r="6319" spans="4:5" x14ac:dyDescent="0.25">
      <c r="D6319" s="6">
        <v>196.1618</v>
      </c>
      <c r="E6319" s="6">
        <v>604.66560000000004</v>
      </c>
    </row>
    <row r="6320" spans="4:5" x14ac:dyDescent="0.25">
      <c r="D6320" s="6">
        <v>1416.9110000000001</v>
      </c>
      <c r="E6320" s="6">
        <v>4948.3050000000003</v>
      </c>
    </row>
    <row r="6321" spans="4:5" x14ac:dyDescent="0.25">
      <c r="D6321" s="6">
        <v>769.65620000000001</v>
      </c>
      <c r="E6321" s="6">
        <v>718.13199999999995</v>
      </c>
    </row>
    <row r="6322" spans="4:5" x14ac:dyDescent="0.25">
      <c r="D6322" s="6">
        <v>554.73910000000001</v>
      </c>
      <c r="E6322" s="6">
        <v>617.18370000000004</v>
      </c>
    </row>
    <row r="6323" spans="4:5" x14ac:dyDescent="0.25">
      <c r="D6323" s="6">
        <v>603.15620000000001</v>
      </c>
      <c r="E6323" s="6">
        <v>529.6422</v>
      </c>
    </row>
    <row r="6324" spans="4:5" x14ac:dyDescent="0.25">
      <c r="D6324" s="6">
        <v>268.28570000000002</v>
      </c>
      <c r="E6324" s="6">
        <v>594.44349999999997</v>
      </c>
    </row>
    <row r="6325" spans="4:5" x14ac:dyDescent="0.25">
      <c r="D6325" s="6">
        <v>4877.8879999999999</v>
      </c>
      <c r="E6325" s="6">
        <v>548.69290000000001</v>
      </c>
    </row>
    <row r="6326" spans="4:5" x14ac:dyDescent="0.25">
      <c r="D6326" s="6">
        <v>749.4624</v>
      </c>
      <c r="E6326" s="6">
        <v>417.9717</v>
      </c>
    </row>
    <row r="6327" spans="4:5" x14ac:dyDescent="0.25">
      <c r="D6327" s="6">
        <v>759.88490000000002</v>
      </c>
      <c r="E6327" s="6">
        <v>4172.21</v>
      </c>
    </row>
    <row r="6328" spans="4:5" x14ac:dyDescent="0.25">
      <c r="D6328" s="6">
        <v>4245.0829999999996</v>
      </c>
      <c r="E6328" s="6">
        <v>3771.3809999999999</v>
      </c>
    </row>
    <row r="6329" spans="4:5" x14ac:dyDescent="0.25">
      <c r="D6329" s="6">
        <v>1532.491</v>
      </c>
      <c r="E6329" s="6">
        <v>1112.6420000000001</v>
      </c>
    </row>
    <row r="6330" spans="4:5" x14ac:dyDescent="0.25">
      <c r="D6330" s="6">
        <v>708.43240000000003</v>
      </c>
      <c r="E6330" s="6">
        <v>648.58370000000002</v>
      </c>
    </row>
    <row r="6331" spans="4:5" x14ac:dyDescent="0.25">
      <c r="D6331" s="6">
        <v>764.01880000000006</v>
      </c>
      <c r="E6331" s="6">
        <v>566.78949999999998</v>
      </c>
    </row>
    <row r="6332" spans="4:5" x14ac:dyDescent="0.25">
      <c r="D6332" s="6">
        <v>374.29570000000001</v>
      </c>
      <c r="E6332" s="6">
        <v>659.4787</v>
      </c>
    </row>
    <row r="6333" spans="4:5" x14ac:dyDescent="0.25">
      <c r="D6333" s="6">
        <v>1271.04</v>
      </c>
      <c r="E6333" s="6">
        <v>1116.4380000000001</v>
      </c>
    </row>
    <row r="6334" spans="4:5" x14ac:dyDescent="0.25">
      <c r="D6334" s="6">
        <v>339.13330000000002</v>
      </c>
      <c r="E6334" s="6">
        <v>3202.0619999999999</v>
      </c>
    </row>
    <row r="6335" spans="4:5" x14ac:dyDescent="0.25">
      <c r="D6335" s="6">
        <v>696.71849999999995</v>
      </c>
      <c r="E6335" s="6">
        <v>3937.6880000000001</v>
      </c>
    </row>
    <row r="6336" spans="4:5" x14ac:dyDescent="0.25">
      <c r="D6336" s="6">
        <v>636.41690000000006</v>
      </c>
      <c r="E6336" s="6">
        <v>512.31849999999997</v>
      </c>
    </row>
    <row r="6337" spans="4:5" x14ac:dyDescent="0.25">
      <c r="D6337" s="6">
        <v>573.26679999999999</v>
      </c>
      <c r="E6337" s="6">
        <v>503.01069999999999</v>
      </c>
    </row>
    <row r="6338" spans="4:5" x14ac:dyDescent="0.25">
      <c r="D6338" s="6">
        <v>1414.721</v>
      </c>
      <c r="E6338" s="6">
        <v>5589.8990000000003</v>
      </c>
    </row>
    <row r="6339" spans="4:5" x14ac:dyDescent="0.25">
      <c r="D6339" s="6">
        <v>593.7441</v>
      </c>
      <c r="E6339" s="6">
        <v>522.03189999999995</v>
      </c>
    </row>
    <row r="6340" spans="4:5" x14ac:dyDescent="0.25">
      <c r="D6340" s="6">
        <v>652.42669999999998</v>
      </c>
      <c r="E6340" s="6">
        <v>1124.873</v>
      </c>
    </row>
    <row r="6341" spans="4:5" x14ac:dyDescent="0.25">
      <c r="D6341" s="6">
        <v>1292.2819999999999</v>
      </c>
      <c r="E6341" s="6">
        <v>1818.6669999999999</v>
      </c>
    </row>
    <row r="6342" spans="4:5" x14ac:dyDescent="0.25">
      <c r="D6342" s="6">
        <v>384.53089999999997</v>
      </c>
      <c r="E6342" s="6">
        <v>772.62199999999996</v>
      </c>
    </row>
    <row r="6343" spans="4:5" x14ac:dyDescent="0.25">
      <c r="D6343" s="6">
        <v>483.20859999999999</v>
      </c>
      <c r="E6343" s="6">
        <v>676.95450000000005</v>
      </c>
    </row>
    <row r="6344" spans="4:5" x14ac:dyDescent="0.25">
      <c r="D6344" s="6">
        <v>706.2364</v>
      </c>
      <c r="E6344" s="6">
        <v>889.3261</v>
      </c>
    </row>
    <row r="6345" spans="4:5" x14ac:dyDescent="0.25">
      <c r="D6345" s="6">
        <v>458.45679999999999</v>
      </c>
      <c r="E6345" s="6">
        <v>1267.2170000000001</v>
      </c>
    </row>
    <row r="6346" spans="4:5" x14ac:dyDescent="0.25">
      <c r="D6346" s="6">
        <v>1342.9259999999999</v>
      </c>
      <c r="E6346" s="6">
        <v>543.47329999999999</v>
      </c>
    </row>
    <row r="6347" spans="4:5" x14ac:dyDescent="0.25">
      <c r="D6347" s="6">
        <v>2671.2779999999998</v>
      </c>
      <c r="E6347" s="6">
        <v>672.48339999999996</v>
      </c>
    </row>
    <row r="6348" spans="4:5" x14ac:dyDescent="0.25">
      <c r="D6348" s="6">
        <v>963.32270000000005</v>
      </c>
      <c r="E6348" s="6">
        <v>829</v>
      </c>
    </row>
    <row r="6349" spans="4:5" x14ac:dyDescent="0.25">
      <c r="D6349" s="6">
        <v>1499</v>
      </c>
      <c r="E6349" s="6">
        <v>629.53980000000001</v>
      </c>
    </row>
    <row r="6350" spans="4:5" x14ac:dyDescent="0.25">
      <c r="D6350" s="6">
        <v>598.83140000000003</v>
      </c>
      <c r="E6350" s="6">
        <v>605.94219999999996</v>
      </c>
    </row>
    <row r="6351" spans="4:5" x14ac:dyDescent="0.25">
      <c r="D6351" s="6">
        <v>624.07330000000002</v>
      </c>
      <c r="E6351" s="6">
        <v>510.65339999999998</v>
      </c>
    </row>
    <row r="6352" spans="4:5" x14ac:dyDescent="0.25">
      <c r="D6352" s="6">
        <v>869.89400000000001</v>
      </c>
      <c r="E6352" s="6">
        <v>530.47370000000001</v>
      </c>
    </row>
    <row r="6353" spans="4:5" x14ac:dyDescent="0.25">
      <c r="D6353" s="6">
        <v>1281.296</v>
      </c>
      <c r="E6353" s="6">
        <v>595.05079999999998</v>
      </c>
    </row>
    <row r="6354" spans="4:5" x14ac:dyDescent="0.25">
      <c r="D6354" s="6">
        <v>603.23680000000002</v>
      </c>
      <c r="E6354" s="6">
        <v>571.14779999999996</v>
      </c>
    </row>
    <row r="6355" spans="4:5" x14ac:dyDescent="0.25">
      <c r="D6355" s="6">
        <v>508.87459999999999</v>
      </c>
      <c r="E6355" s="6">
        <v>698.91989999999998</v>
      </c>
    </row>
    <row r="6356" spans="4:5" x14ac:dyDescent="0.25">
      <c r="D6356" s="6">
        <v>1436.7729999999999</v>
      </c>
      <c r="E6356" s="6">
        <v>636.36170000000004</v>
      </c>
    </row>
    <row r="6357" spans="4:5" x14ac:dyDescent="0.25">
      <c r="D6357" s="6">
        <v>1037.8910000000001</v>
      </c>
      <c r="E6357" s="6">
        <v>418.75049999999999</v>
      </c>
    </row>
    <row r="6358" spans="4:5" x14ac:dyDescent="0.25">
      <c r="D6358" s="6">
        <v>268.1748</v>
      </c>
      <c r="E6358" s="6">
        <v>425.9522</v>
      </c>
    </row>
    <row r="6359" spans="4:5" x14ac:dyDescent="0.25">
      <c r="D6359" s="6">
        <v>3886</v>
      </c>
      <c r="E6359" s="6">
        <v>5311.558</v>
      </c>
    </row>
    <row r="6360" spans="4:5" x14ac:dyDescent="0.25">
      <c r="D6360" s="6">
        <v>1539.703</v>
      </c>
      <c r="E6360" s="6">
        <v>752.87070000000006</v>
      </c>
    </row>
    <row r="6361" spans="4:5" x14ac:dyDescent="0.25">
      <c r="D6361" s="6">
        <v>839.6241</v>
      </c>
      <c r="E6361" s="6">
        <v>716.13520000000005</v>
      </c>
    </row>
    <row r="6362" spans="4:5" x14ac:dyDescent="0.25">
      <c r="D6362" s="6">
        <v>1582.3969999999999</v>
      </c>
      <c r="E6362" s="6">
        <v>566.43259999999998</v>
      </c>
    </row>
    <row r="6363" spans="4:5" x14ac:dyDescent="0.25">
      <c r="D6363" s="6">
        <v>768.59649999999999</v>
      </c>
      <c r="E6363" s="6">
        <v>609.68700000000001</v>
      </c>
    </row>
    <row r="6364" spans="4:5" x14ac:dyDescent="0.25">
      <c r="D6364" s="6">
        <v>929.98479999999995</v>
      </c>
      <c r="E6364" s="6">
        <v>861.35119999999995</v>
      </c>
    </row>
    <row r="6365" spans="4:5" x14ac:dyDescent="0.25">
      <c r="D6365" s="6">
        <v>3157.1109999999999</v>
      </c>
      <c r="E6365" s="6">
        <v>1921.038</v>
      </c>
    </row>
    <row r="6366" spans="4:5" x14ac:dyDescent="0.25">
      <c r="D6366" s="6">
        <v>634.59180000000003</v>
      </c>
      <c r="E6366" s="6">
        <v>497.54689999999999</v>
      </c>
    </row>
    <row r="6367" spans="4:5" x14ac:dyDescent="0.25">
      <c r="D6367" s="6">
        <v>903.19780000000003</v>
      </c>
      <c r="E6367" s="6">
        <v>815.67110000000002</v>
      </c>
    </row>
    <row r="6368" spans="4:5" x14ac:dyDescent="0.25">
      <c r="D6368" s="6">
        <v>616.25</v>
      </c>
      <c r="E6368" s="6">
        <v>877.78769999999997</v>
      </c>
    </row>
    <row r="6369" spans="4:5" x14ac:dyDescent="0.25">
      <c r="D6369" s="6">
        <v>857.84209999999996</v>
      </c>
      <c r="E6369" s="6">
        <v>642.17460000000005</v>
      </c>
    </row>
    <row r="6370" spans="4:5" x14ac:dyDescent="0.25">
      <c r="D6370" s="6">
        <v>266.28429999999997</v>
      </c>
      <c r="E6370" s="6">
        <v>1002.349</v>
      </c>
    </row>
    <row r="6371" spans="4:5" x14ac:dyDescent="0.25">
      <c r="D6371" s="6">
        <v>1133.5909999999999</v>
      </c>
      <c r="E6371" s="6">
        <v>838.62099999999998</v>
      </c>
    </row>
    <row r="6372" spans="4:5" x14ac:dyDescent="0.25">
      <c r="D6372" s="6">
        <v>442.86410000000001</v>
      </c>
      <c r="E6372" s="6">
        <v>591.05550000000005</v>
      </c>
    </row>
    <row r="6373" spans="4:5" x14ac:dyDescent="0.25">
      <c r="D6373" s="6">
        <v>6536.87</v>
      </c>
      <c r="E6373" s="6">
        <v>911.89099999999996</v>
      </c>
    </row>
    <row r="6374" spans="4:5" x14ac:dyDescent="0.25">
      <c r="D6374" s="6">
        <v>315.34109999999998</v>
      </c>
      <c r="E6374" s="6">
        <v>651.23929999999996</v>
      </c>
    </row>
    <row r="6375" spans="4:5" x14ac:dyDescent="0.25">
      <c r="D6375" s="6">
        <v>3837.6669999999999</v>
      </c>
      <c r="E6375" s="6">
        <v>497.20080000000002</v>
      </c>
    </row>
    <row r="6376" spans="4:5" x14ac:dyDescent="0.25">
      <c r="D6376" s="6">
        <v>251.0917</v>
      </c>
      <c r="E6376" s="6">
        <v>644.55920000000003</v>
      </c>
    </row>
    <row r="6377" spans="4:5" x14ac:dyDescent="0.25">
      <c r="D6377" s="6">
        <v>524.94349999999997</v>
      </c>
      <c r="E6377" s="6">
        <v>575.82780000000002</v>
      </c>
    </row>
    <row r="6378" spans="4:5" x14ac:dyDescent="0.25">
      <c r="D6378" s="6">
        <v>730.38390000000004</v>
      </c>
      <c r="E6378" s="6">
        <v>642.30730000000005</v>
      </c>
    </row>
    <row r="6379" spans="4:5" x14ac:dyDescent="0.25">
      <c r="D6379" s="6">
        <v>16383</v>
      </c>
      <c r="E6379" s="6">
        <v>739</v>
      </c>
    </row>
    <row r="6380" spans="4:5" x14ac:dyDescent="0.25">
      <c r="D6380" s="6">
        <v>666.31690000000003</v>
      </c>
      <c r="E6380" s="6">
        <v>1210.3910000000001</v>
      </c>
    </row>
    <row r="6381" spans="4:5" x14ac:dyDescent="0.25">
      <c r="D6381" s="6">
        <v>686.25879999999995</v>
      </c>
      <c r="E6381" s="6">
        <v>499.59109999999998</v>
      </c>
    </row>
    <row r="6382" spans="4:5" x14ac:dyDescent="0.25">
      <c r="D6382" s="6">
        <v>1569.5</v>
      </c>
      <c r="E6382" s="6">
        <v>835.07979999999998</v>
      </c>
    </row>
    <row r="6383" spans="4:5" x14ac:dyDescent="0.25">
      <c r="D6383" s="6">
        <v>395.61810000000003</v>
      </c>
      <c r="E6383" s="6">
        <v>515.13469999999995</v>
      </c>
    </row>
    <row r="6384" spans="4:5" x14ac:dyDescent="0.25">
      <c r="D6384" s="6">
        <v>407.24209999999999</v>
      </c>
      <c r="E6384" s="6">
        <v>578.63459999999998</v>
      </c>
    </row>
    <row r="6385" spans="4:5" x14ac:dyDescent="0.25">
      <c r="D6385" s="6">
        <v>684.35029999999995</v>
      </c>
      <c r="E6385" s="6">
        <v>565.57299999999998</v>
      </c>
    </row>
    <row r="6386" spans="4:5" x14ac:dyDescent="0.25">
      <c r="D6386" s="6">
        <v>3298.7559999999999</v>
      </c>
      <c r="E6386" s="6">
        <v>465.37630000000001</v>
      </c>
    </row>
    <row r="6387" spans="4:5" x14ac:dyDescent="0.25">
      <c r="D6387" s="6">
        <v>2228.6039999999998</v>
      </c>
      <c r="E6387" s="6">
        <v>654.51689999999996</v>
      </c>
    </row>
    <row r="6388" spans="4:5" x14ac:dyDescent="0.25">
      <c r="D6388" s="6">
        <v>733.11069999999995</v>
      </c>
      <c r="E6388" s="6">
        <v>1064.0920000000001</v>
      </c>
    </row>
    <row r="6389" spans="4:5" x14ac:dyDescent="0.25">
      <c r="D6389" s="6">
        <v>567.88070000000005</v>
      </c>
      <c r="E6389" s="6">
        <v>865.49090000000001</v>
      </c>
    </row>
    <row r="6390" spans="4:5" x14ac:dyDescent="0.25">
      <c r="D6390" s="6">
        <v>3651.1019999999999</v>
      </c>
      <c r="E6390" s="6">
        <v>490.75099999999998</v>
      </c>
    </row>
    <row r="6391" spans="4:5" x14ac:dyDescent="0.25">
      <c r="D6391" s="6">
        <v>491.66079999999999</v>
      </c>
      <c r="E6391" s="6">
        <v>572.30989999999997</v>
      </c>
    </row>
    <row r="6392" spans="4:5" x14ac:dyDescent="0.25">
      <c r="D6392" s="6">
        <v>412.95310000000001</v>
      </c>
      <c r="E6392" s="6">
        <v>650.58130000000006</v>
      </c>
    </row>
    <row r="6393" spans="4:5" x14ac:dyDescent="0.25">
      <c r="D6393" s="6">
        <v>615.16340000000002</v>
      </c>
      <c r="E6393" s="6">
        <v>858.28570000000002</v>
      </c>
    </row>
    <row r="6394" spans="4:5" x14ac:dyDescent="0.25">
      <c r="D6394" s="6">
        <v>649.43529999999998</v>
      </c>
      <c r="E6394" s="6">
        <v>479.25</v>
      </c>
    </row>
    <row r="6395" spans="4:5" x14ac:dyDescent="0.25">
      <c r="D6395" s="6">
        <v>613.25940000000003</v>
      </c>
      <c r="E6395" s="6">
        <v>526.15629999999999</v>
      </c>
    </row>
    <row r="6396" spans="4:5" x14ac:dyDescent="0.25">
      <c r="D6396" s="6">
        <v>1835.075</v>
      </c>
      <c r="E6396" s="6">
        <v>1169.4570000000001</v>
      </c>
    </row>
    <row r="6397" spans="4:5" x14ac:dyDescent="0.25">
      <c r="D6397" s="6">
        <v>199.0763</v>
      </c>
      <c r="E6397" s="6">
        <v>5007.9110000000001</v>
      </c>
    </row>
    <row r="6398" spans="4:5" x14ac:dyDescent="0.25">
      <c r="D6398" s="6">
        <v>509.6909</v>
      </c>
      <c r="E6398" s="6">
        <v>577.20150000000001</v>
      </c>
    </row>
    <row r="6399" spans="4:5" x14ac:dyDescent="0.25">
      <c r="D6399" s="6">
        <v>774.98580000000004</v>
      </c>
      <c r="E6399" s="6">
        <v>3139.2429999999999</v>
      </c>
    </row>
    <row r="6400" spans="4:5" x14ac:dyDescent="0.25">
      <c r="D6400" s="6">
        <v>1236.875</v>
      </c>
      <c r="E6400" s="6">
        <v>1036.73</v>
      </c>
    </row>
    <row r="6401" spans="4:5" x14ac:dyDescent="0.25">
      <c r="D6401" s="6">
        <v>533.29250000000002</v>
      </c>
      <c r="E6401" s="6">
        <v>4808.4480000000003</v>
      </c>
    </row>
    <row r="6402" spans="4:5" x14ac:dyDescent="0.25">
      <c r="D6402" s="6">
        <v>4811.3329999999996</v>
      </c>
      <c r="E6402" s="6">
        <v>832.31299999999999</v>
      </c>
    </row>
    <row r="6403" spans="4:5" x14ac:dyDescent="0.25">
      <c r="D6403" s="6">
        <v>6938</v>
      </c>
      <c r="E6403" s="6">
        <v>499.8</v>
      </c>
    </row>
    <row r="6404" spans="4:5" x14ac:dyDescent="0.25">
      <c r="D6404" s="6">
        <v>158.34460000000001</v>
      </c>
      <c r="E6404" s="6">
        <v>4338.2860000000001</v>
      </c>
    </row>
    <row r="6405" spans="4:5" x14ac:dyDescent="0.25">
      <c r="D6405" s="6">
        <v>804.46699999999998</v>
      </c>
      <c r="E6405" s="6">
        <v>1018.097</v>
      </c>
    </row>
    <row r="6406" spans="4:5" x14ac:dyDescent="0.25">
      <c r="D6406" s="6">
        <v>2902</v>
      </c>
      <c r="E6406" s="6">
        <v>590.17859999999996</v>
      </c>
    </row>
    <row r="6407" spans="4:5" x14ac:dyDescent="0.25">
      <c r="D6407" s="6">
        <v>944.96990000000005</v>
      </c>
      <c r="E6407" s="6">
        <v>1196.1590000000001</v>
      </c>
    </row>
    <row r="6408" spans="4:5" x14ac:dyDescent="0.25">
      <c r="D6408" s="6">
        <v>2161.788</v>
      </c>
      <c r="E6408" s="6">
        <v>2641.433</v>
      </c>
    </row>
    <row r="6409" spans="4:5" x14ac:dyDescent="0.25">
      <c r="D6409" s="6">
        <v>328.09129999999999</v>
      </c>
      <c r="E6409" s="6">
        <v>665.79420000000005</v>
      </c>
    </row>
    <row r="6410" spans="4:5" x14ac:dyDescent="0.25">
      <c r="D6410" s="6">
        <v>4126.7430000000004</v>
      </c>
      <c r="E6410" s="6">
        <v>424</v>
      </c>
    </row>
    <row r="6411" spans="4:5" x14ac:dyDescent="0.25">
      <c r="D6411" s="6">
        <v>650.59270000000004</v>
      </c>
      <c r="E6411" s="6">
        <v>734.47249999999997</v>
      </c>
    </row>
    <row r="6412" spans="4:5" x14ac:dyDescent="0.25">
      <c r="D6412" s="6">
        <v>730.99900000000002</v>
      </c>
      <c r="E6412" s="6">
        <v>650.16869999999994</v>
      </c>
    </row>
    <row r="6413" spans="4:5" x14ac:dyDescent="0.25">
      <c r="D6413" s="6">
        <v>3807.5</v>
      </c>
      <c r="E6413" s="6">
        <v>1765.136</v>
      </c>
    </row>
    <row r="6414" spans="4:5" x14ac:dyDescent="0.25">
      <c r="D6414" s="6">
        <v>9921</v>
      </c>
      <c r="E6414" s="6">
        <v>3728.3330000000001</v>
      </c>
    </row>
    <row r="6415" spans="4:5" x14ac:dyDescent="0.25">
      <c r="D6415" s="6">
        <v>1867.5730000000001</v>
      </c>
      <c r="E6415" s="6">
        <v>3031.7689999999998</v>
      </c>
    </row>
    <row r="6416" spans="4:5" x14ac:dyDescent="0.25">
      <c r="D6416" s="6">
        <v>211.01929999999999</v>
      </c>
      <c r="E6416" s="6">
        <v>2431.0320000000002</v>
      </c>
    </row>
    <row r="6417" spans="4:5" x14ac:dyDescent="0.25">
      <c r="D6417" s="6">
        <v>501.91919999999999</v>
      </c>
      <c r="E6417" s="6">
        <v>880.88509999999997</v>
      </c>
    </row>
    <row r="6418" spans="4:5" x14ac:dyDescent="0.25">
      <c r="D6418" s="6">
        <v>594.69539999999995</v>
      </c>
      <c r="E6418" s="6">
        <v>927.65710000000001</v>
      </c>
    </row>
    <row r="6419" spans="4:5" x14ac:dyDescent="0.25">
      <c r="D6419" s="6">
        <v>716.63679999999999</v>
      </c>
      <c r="E6419" s="6">
        <v>2323.2159999999999</v>
      </c>
    </row>
    <row r="6420" spans="4:5" x14ac:dyDescent="0.25">
      <c r="D6420" s="6">
        <v>381.9008</v>
      </c>
      <c r="E6420" s="6">
        <v>472.2398</v>
      </c>
    </row>
    <row r="6421" spans="4:5" x14ac:dyDescent="0.25">
      <c r="D6421" s="6">
        <v>630.59479999999996</v>
      </c>
      <c r="E6421" s="6">
        <v>537.76149999999996</v>
      </c>
    </row>
    <row r="6422" spans="4:5" x14ac:dyDescent="0.25">
      <c r="D6422" s="6">
        <v>3571</v>
      </c>
      <c r="E6422" s="6">
        <v>547.77620000000002</v>
      </c>
    </row>
    <row r="6423" spans="4:5" x14ac:dyDescent="0.25">
      <c r="D6423" s="6">
        <v>579.3143</v>
      </c>
      <c r="E6423" s="6">
        <v>644.34079999999994</v>
      </c>
    </row>
    <row r="6424" spans="4:5" x14ac:dyDescent="0.25">
      <c r="D6424" s="6">
        <v>714.72799999999995</v>
      </c>
      <c r="E6424" s="6">
        <v>490.10849999999999</v>
      </c>
    </row>
    <row r="6425" spans="4:5" x14ac:dyDescent="0.25">
      <c r="D6425" s="6">
        <v>4013.337</v>
      </c>
      <c r="E6425" s="6">
        <v>659.14769999999999</v>
      </c>
    </row>
    <row r="6426" spans="4:5" x14ac:dyDescent="0.25">
      <c r="D6426" s="6">
        <v>692.94219999999996</v>
      </c>
      <c r="E6426" s="6">
        <v>600.94989999999996</v>
      </c>
    </row>
    <row r="6427" spans="4:5" x14ac:dyDescent="0.25">
      <c r="D6427" s="6">
        <v>559.31439999999998</v>
      </c>
      <c r="E6427" s="6">
        <v>870.46339999999998</v>
      </c>
    </row>
    <row r="6428" spans="4:5" x14ac:dyDescent="0.25">
      <c r="D6428" s="6">
        <v>272.35930000000002</v>
      </c>
      <c r="E6428" s="6">
        <v>2309.9720000000002</v>
      </c>
    </row>
    <row r="6429" spans="4:5" x14ac:dyDescent="0.25">
      <c r="D6429" s="6">
        <v>619.66669999999999</v>
      </c>
      <c r="E6429" s="6">
        <v>2200</v>
      </c>
    </row>
    <row r="6430" spans="4:5" x14ac:dyDescent="0.25">
      <c r="D6430" s="6">
        <v>11014.44</v>
      </c>
      <c r="E6430" s="6">
        <v>730.41060000000004</v>
      </c>
    </row>
    <row r="6431" spans="4:5" x14ac:dyDescent="0.25">
      <c r="D6431" s="6">
        <v>224.2824</v>
      </c>
      <c r="E6431" s="6">
        <v>706.84749999999997</v>
      </c>
    </row>
    <row r="6432" spans="4:5" x14ac:dyDescent="0.25">
      <c r="D6432" s="6">
        <v>779.08450000000005</v>
      </c>
      <c r="E6432" s="6">
        <v>411.82350000000002</v>
      </c>
    </row>
    <row r="6433" spans="4:5" x14ac:dyDescent="0.25">
      <c r="D6433" s="6">
        <v>367.92559999999997</v>
      </c>
      <c r="E6433" s="6">
        <v>514.68060000000003</v>
      </c>
    </row>
    <row r="6434" spans="4:5" x14ac:dyDescent="0.25">
      <c r="D6434" s="6">
        <v>2867.4479999999999</v>
      </c>
      <c r="E6434" s="6">
        <v>532.13530000000003</v>
      </c>
    </row>
    <row r="6435" spans="4:5" x14ac:dyDescent="0.25">
      <c r="D6435" s="6">
        <v>641.17920000000004</v>
      </c>
      <c r="E6435" s="6">
        <v>1628.857</v>
      </c>
    </row>
    <row r="6436" spans="4:5" x14ac:dyDescent="0.25">
      <c r="D6436" s="6">
        <v>616.39250000000004</v>
      </c>
      <c r="E6436" s="6">
        <v>1893.47</v>
      </c>
    </row>
    <row r="6437" spans="4:5" x14ac:dyDescent="0.25">
      <c r="D6437" s="6">
        <v>1031.3969999999999</v>
      </c>
      <c r="E6437" s="6">
        <v>544.33420000000001</v>
      </c>
    </row>
    <row r="6438" spans="4:5" x14ac:dyDescent="0.25">
      <c r="D6438" s="6">
        <v>1124.778</v>
      </c>
      <c r="E6438" s="6">
        <v>4392.7920000000004</v>
      </c>
    </row>
    <row r="6439" spans="4:5" x14ac:dyDescent="0.25">
      <c r="D6439" s="6">
        <v>209.35159999999999</v>
      </c>
      <c r="E6439" s="6">
        <v>3617.05</v>
      </c>
    </row>
    <row r="6440" spans="4:5" x14ac:dyDescent="0.25">
      <c r="D6440" s="6">
        <v>2301.252</v>
      </c>
      <c r="E6440" s="6">
        <v>1373.2080000000001</v>
      </c>
    </row>
    <row r="6441" spans="4:5" x14ac:dyDescent="0.25">
      <c r="D6441" s="6">
        <v>3967</v>
      </c>
      <c r="E6441" s="6">
        <v>703.95749999999998</v>
      </c>
    </row>
    <row r="6442" spans="4:5" x14ac:dyDescent="0.25">
      <c r="D6442" s="6">
        <v>799.01829999999995</v>
      </c>
      <c r="E6442" s="6">
        <v>4841.2309999999998</v>
      </c>
    </row>
    <row r="6443" spans="4:5" x14ac:dyDescent="0.25">
      <c r="D6443" s="6">
        <v>1395.8420000000001</v>
      </c>
      <c r="E6443" s="6">
        <v>5900.5110000000004</v>
      </c>
    </row>
    <row r="6444" spans="4:5" x14ac:dyDescent="0.25">
      <c r="D6444" s="6">
        <v>3443.6350000000002</v>
      </c>
      <c r="E6444" s="6">
        <v>3628.2510000000002</v>
      </c>
    </row>
    <row r="6445" spans="4:5" x14ac:dyDescent="0.25">
      <c r="D6445" s="6">
        <v>1038.7719999999999</v>
      </c>
      <c r="E6445" s="6">
        <v>574.41110000000003</v>
      </c>
    </row>
    <row r="6446" spans="4:5" x14ac:dyDescent="0.25">
      <c r="D6446" s="6">
        <v>341.96600000000001</v>
      </c>
      <c r="E6446" s="6">
        <v>481.74720000000002</v>
      </c>
    </row>
    <row r="6447" spans="4:5" x14ac:dyDescent="0.25">
      <c r="D6447" s="6">
        <v>466.94760000000002</v>
      </c>
      <c r="E6447" s="6">
        <v>482.92309999999998</v>
      </c>
    </row>
    <row r="6448" spans="4:5" x14ac:dyDescent="0.25">
      <c r="D6448" s="6">
        <v>221.44210000000001</v>
      </c>
      <c r="E6448" s="6">
        <v>661.91840000000002</v>
      </c>
    </row>
    <row r="6449" spans="4:5" x14ac:dyDescent="0.25">
      <c r="D6449" s="6">
        <v>1991.825</v>
      </c>
      <c r="E6449" s="6">
        <v>800</v>
      </c>
    </row>
    <row r="6450" spans="4:5" x14ac:dyDescent="0.25">
      <c r="D6450" s="6">
        <v>775.95069999999998</v>
      </c>
      <c r="E6450" s="6">
        <v>806.19730000000004</v>
      </c>
    </row>
    <row r="6451" spans="4:5" x14ac:dyDescent="0.25">
      <c r="D6451" s="6">
        <v>879.69399999999996</v>
      </c>
      <c r="E6451" s="6">
        <v>1524.3489999999999</v>
      </c>
    </row>
    <row r="6452" spans="4:5" x14ac:dyDescent="0.25">
      <c r="D6452" s="6">
        <v>316.88760000000002</v>
      </c>
      <c r="E6452" s="6">
        <v>593.96759999999995</v>
      </c>
    </row>
    <row r="6453" spans="4:5" x14ac:dyDescent="0.25">
      <c r="D6453" s="6">
        <v>1372.1420000000001</v>
      </c>
      <c r="E6453" s="6">
        <v>566.62869999999998</v>
      </c>
    </row>
    <row r="6454" spans="4:5" x14ac:dyDescent="0.25">
      <c r="D6454" s="6">
        <v>6383.2939999999999</v>
      </c>
      <c r="E6454" s="6">
        <v>1420.364</v>
      </c>
    </row>
    <row r="6455" spans="4:5" x14ac:dyDescent="0.25">
      <c r="D6455" s="6">
        <v>2618.5720000000001</v>
      </c>
      <c r="E6455" s="6">
        <v>592.15520000000004</v>
      </c>
    </row>
    <row r="6456" spans="4:5" x14ac:dyDescent="0.25">
      <c r="D6456" s="6">
        <v>965.77779999999996</v>
      </c>
      <c r="E6456" s="6">
        <v>1155.654</v>
      </c>
    </row>
    <row r="6457" spans="4:5" x14ac:dyDescent="0.25">
      <c r="D6457" s="6">
        <v>449.91860000000003</v>
      </c>
      <c r="E6457" s="6">
        <v>779.99199999999996</v>
      </c>
    </row>
    <row r="6458" spans="4:5" x14ac:dyDescent="0.25">
      <c r="D6458" s="6">
        <v>868.36009999999999</v>
      </c>
      <c r="E6458" s="6">
        <v>3350.7190000000001</v>
      </c>
    </row>
    <row r="6459" spans="4:5" x14ac:dyDescent="0.25">
      <c r="D6459" s="6">
        <v>597.77599999999995</v>
      </c>
      <c r="E6459" s="6">
        <v>4640.335</v>
      </c>
    </row>
    <row r="6460" spans="4:5" x14ac:dyDescent="0.25">
      <c r="D6460" s="6">
        <v>1702.1690000000001</v>
      </c>
      <c r="E6460" s="6">
        <v>540.51869999999997</v>
      </c>
    </row>
    <row r="6461" spans="4:5" x14ac:dyDescent="0.25">
      <c r="D6461" s="6">
        <v>1023.519</v>
      </c>
      <c r="E6461" s="6">
        <v>1328</v>
      </c>
    </row>
    <row r="6462" spans="4:5" x14ac:dyDescent="0.25">
      <c r="D6462" s="6">
        <v>901.79780000000005</v>
      </c>
      <c r="E6462" s="6">
        <v>460.2</v>
      </c>
    </row>
    <row r="6463" spans="4:5" x14ac:dyDescent="0.25">
      <c r="D6463" s="6">
        <v>217.0445</v>
      </c>
      <c r="E6463" s="6">
        <v>487.44</v>
      </c>
    </row>
    <row r="6464" spans="4:5" x14ac:dyDescent="0.25">
      <c r="D6464" s="6">
        <v>373.2346</v>
      </c>
      <c r="E6464" s="6">
        <v>782.63160000000005</v>
      </c>
    </row>
    <row r="6465" spans="4:5" x14ac:dyDescent="0.25">
      <c r="D6465" s="6">
        <v>4863.7</v>
      </c>
      <c r="E6465" s="6">
        <v>737.3261</v>
      </c>
    </row>
    <row r="6466" spans="4:5" x14ac:dyDescent="0.25">
      <c r="D6466" s="6">
        <v>847.08979999999997</v>
      </c>
      <c r="E6466" s="6">
        <v>737.33010000000002</v>
      </c>
    </row>
    <row r="6467" spans="4:5" x14ac:dyDescent="0.25">
      <c r="D6467" s="6">
        <v>467.81709999999998</v>
      </c>
      <c r="E6467" s="6">
        <v>5019.098</v>
      </c>
    </row>
    <row r="6468" spans="4:5" x14ac:dyDescent="0.25">
      <c r="D6468" s="6">
        <v>731.30949999999996</v>
      </c>
      <c r="E6468" s="6">
        <v>509.26749999999998</v>
      </c>
    </row>
    <row r="6469" spans="4:5" x14ac:dyDescent="0.25">
      <c r="D6469" s="6">
        <v>486.35520000000002</v>
      </c>
      <c r="E6469" s="6">
        <v>596.42589999999996</v>
      </c>
    </row>
    <row r="6470" spans="4:5" x14ac:dyDescent="0.25">
      <c r="D6470" s="6">
        <v>189.69489999999999</v>
      </c>
      <c r="E6470" s="6">
        <v>2987.654</v>
      </c>
    </row>
    <row r="6471" spans="4:5" x14ac:dyDescent="0.25">
      <c r="D6471" s="6">
        <v>179.7039</v>
      </c>
      <c r="E6471" s="6">
        <v>716.79930000000002</v>
      </c>
    </row>
    <row r="6472" spans="4:5" x14ac:dyDescent="0.25">
      <c r="D6472" s="6">
        <v>2601.672</v>
      </c>
      <c r="E6472" s="6">
        <v>619.12670000000003</v>
      </c>
    </row>
    <row r="6473" spans="4:5" x14ac:dyDescent="0.25">
      <c r="D6473" s="6">
        <v>439.89429999999999</v>
      </c>
      <c r="E6473" s="6">
        <v>1106.643</v>
      </c>
    </row>
    <row r="6474" spans="4:5" x14ac:dyDescent="0.25">
      <c r="D6474" s="6">
        <v>916.56029999999998</v>
      </c>
      <c r="E6474" s="6">
        <v>3884.7370000000001</v>
      </c>
    </row>
    <row r="6475" spans="4:5" x14ac:dyDescent="0.25">
      <c r="D6475" s="6">
        <v>362.41149999999999</v>
      </c>
      <c r="E6475" s="6">
        <v>3928.7890000000002</v>
      </c>
    </row>
    <row r="6476" spans="4:5" x14ac:dyDescent="0.25">
      <c r="D6476" s="6">
        <v>2791.8719999999998</v>
      </c>
      <c r="E6476" s="6">
        <v>638.10220000000004</v>
      </c>
    </row>
    <row r="6477" spans="4:5" x14ac:dyDescent="0.25">
      <c r="D6477" s="6">
        <v>198.108</v>
      </c>
      <c r="E6477" s="6">
        <v>497.24689999999998</v>
      </c>
    </row>
    <row r="6478" spans="4:5" x14ac:dyDescent="0.25">
      <c r="D6478" s="6">
        <v>4896.3500000000004</v>
      </c>
      <c r="E6478" s="6">
        <v>686.87580000000003</v>
      </c>
    </row>
    <row r="6479" spans="4:5" x14ac:dyDescent="0.25">
      <c r="D6479" s="6">
        <v>337.33030000000002</v>
      </c>
      <c r="E6479" s="6">
        <v>12353.41</v>
      </c>
    </row>
    <row r="6480" spans="4:5" x14ac:dyDescent="0.25">
      <c r="D6480" s="6">
        <v>1954.152</v>
      </c>
      <c r="E6480" s="6">
        <v>735.51969999999994</v>
      </c>
    </row>
    <row r="6481" spans="4:5" x14ac:dyDescent="0.25">
      <c r="D6481" s="6">
        <v>603.79340000000002</v>
      </c>
      <c r="E6481" s="6">
        <v>474.91230000000002</v>
      </c>
    </row>
    <row r="6482" spans="4:5" x14ac:dyDescent="0.25">
      <c r="D6482" s="6">
        <v>645.50630000000001</v>
      </c>
      <c r="E6482" s="6">
        <v>575.66179999999997</v>
      </c>
    </row>
    <row r="6483" spans="4:5" x14ac:dyDescent="0.25">
      <c r="D6483" s="6">
        <v>1537.0029999999999</v>
      </c>
      <c r="E6483" s="6">
        <v>1207</v>
      </c>
    </row>
    <row r="6484" spans="4:5" x14ac:dyDescent="0.25">
      <c r="D6484" s="6">
        <v>420.18040000000002</v>
      </c>
      <c r="E6484" s="6">
        <v>523.92169999999999</v>
      </c>
    </row>
    <row r="6485" spans="4:5" x14ac:dyDescent="0.25">
      <c r="D6485" s="6">
        <v>457.35550000000001</v>
      </c>
      <c r="E6485" s="6">
        <v>671.60419999999999</v>
      </c>
    </row>
    <row r="6486" spans="4:5" x14ac:dyDescent="0.25">
      <c r="D6486" s="6">
        <v>396.14409999999998</v>
      </c>
      <c r="E6486" s="6">
        <v>3531.7629999999999</v>
      </c>
    </row>
    <row r="6487" spans="4:5" x14ac:dyDescent="0.25">
      <c r="D6487" s="6">
        <v>540.73379999999997</v>
      </c>
      <c r="E6487" s="6">
        <v>866.51700000000005</v>
      </c>
    </row>
    <row r="6488" spans="4:5" x14ac:dyDescent="0.25">
      <c r="D6488" s="6">
        <v>321.05700000000002</v>
      </c>
      <c r="E6488" s="6">
        <v>4674.1869999999999</v>
      </c>
    </row>
    <row r="6489" spans="4:5" x14ac:dyDescent="0.25">
      <c r="D6489" s="6">
        <v>745.24329999999998</v>
      </c>
      <c r="E6489" s="6">
        <v>3708.0309999999999</v>
      </c>
    </row>
    <row r="6490" spans="4:5" x14ac:dyDescent="0.25">
      <c r="D6490" s="6">
        <v>914</v>
      </c>
      <c r="E6490" s="6">
        <v>5610.2169999999996</v>
      </c>
    </row>
    <row r="6491" spans="4:5" x14ac:dyDescent="0.25">
      <c r="D6491" s="6">
        <v>350.35700000000003</v>
      </c>
      <c r="E6491" s="6">
        <v>567.39409999999998</v>
      </c>
    </row>
    <row r="6492" spans="4:5" x14ac:dyDescent="0.25">
      <c r="D6492" s="6">
        <v>478.15600000000001</v>
      </c>
      <c r="E6492" s="6">
        <v>2355.201</v>
      </c>
    </row>
    <row r="6493" spans="4:5" x14ac:dyDescent="0.25">
      <c r="D6493" s="6">
        <v>272.83859999999999</v>
      </c>
      <c r="E6493" s="6">
        <v>531.95010000000002</v>
      </c>
    </row>
    <row r="6494" spans="4:5" x14ac:dyDescent="0.25">
      <c r="D6494" s="6">
        <v>807.4067</v>
      </c>
      <c r="E6494" s="6">
        <v>2018.7</v>
      </c>
    </row>
    <row r="6495" spans="4:5" x14ac:dyDescent="0.25">
      <c r="D6495" s="6">
        <v>2400.91</v>
      </c>
      <c r="E6495" s="6">
        <v>590.46979999999996</v>
      </c>
    </row>
    <row r="6496" spans="4:5" x14ac:dyDescent="0.25">
      <c r="D6496" s="6">
        <v>740.40150000000006</v>
      </c>
      <c r="E6496" s="6">
        <v>1112.133</v>
      </c>
    </row>
    <row r="6497" spans="4:5" x14ac:dyDescent="0.25">
      <c r="D6497" s="6">
        <v>5247.0309999999999</v>
      </c>
      <c r="E6497" s="6">
        <v>965.85680000000002</v>
      </c>
    </row>
    <row r="6498" spans="4:5" x14ac:dyDescent="0.25">
      <c r="D6498" s="6">
        <v>6981</v>
      </c>
      <c r="E6498" s="6">
        <v>581.45309999999995</v>
      </c>
    </row>
    <row r="6499" spans="4:5" x14ac:dyDescent="0.25">
      <c r="D6499" s="6">
        <v>435</v>
      </c>
      <c r="E6499" s="6">
        <v>5639.5649999999996</v>
      </c>
    </row>
    <row r="6500" spans="4:5" x14ac:dyDescent="0.25">
      <c r="D6500" s="6">
        <v>4360.5</v>
      </c>
      <c r="E6500" s="6">
        <v>708.89020000000005</v>
      </c>
    </row>
    <row r="6501" spans="4:5" x14ac:dyDescent="0.25">
      <c r="D6501" s="6">
        <v>745.27080000000001</v>
      </c>
      <c r="E6501" s="6">
        <v>731.87530000000004</v>
      </c>
    </row>
    <row r="6502" spans="4:5" x14ac:dyDescent="0.25">
      <c r="D6502" s="6">
        <v>691.29989999999998</v>
      </c>
      <c r="E6502" s="6">
        <v>608.56780000000003</v>
      </c>
    </row>
    <row r="6503" spans="4:5" x14ac:dyDescent="0.25">
      <c r="D6503" s="6">
        <v>894.86670000000004</v>
      </c>
      <c r="E6503" s="6">
        <v>1864.183</v>
      </c>
    </row>
    <row r="6504" spans="4:5" x14ac:dyDescent="0.25">
      <c r="D6504" s="6">
        <v>1429.222</v>
      </c>
      <c r="E6504" s="6">
        <v>600.93190000000004</v>
      </c>
    </row>
    <row r="6505" spans="4:5" x14ac:dyDescent="0.25">
      <c r="D6505" s="6">
        <v>1956.4290000000001</v>
      </c>
      <c r="E6505" s="6">
        <v>893.26710000000003</v>
      </c>
    </row>
    <row r="6506" spans="4:5" x14ac:dyDescent="0.25">
      <c r="D6506" s="6">
        <v>260.1721</v>
      </c>
      <c r="E6506" s="6">
        <v>546.68200000000002</v>
      </c>
    </row>
    <row r="6507" spans="4:5" x14ac:dyDescent="0.25">
      <c r="D6507" s="6">
        <v>423.47329999999999</v>
      </c>
      <c r="E6507" s="6">
        <v>588.70479999999998</v>
      </c>
    </row>
    <row r="6508" spans="4:5" x14ac:dyDescent="0.25">
      <c r="D6508" s="6">
        <v>624.35990000000004</v>
      </c>
      <c r="E6508" s="6">
        <v>587.9008</v>
      </c>
    </row>
    <row r="6509" spans="4:5" x14ac:dyDescent="0.25">
      <c r="D6509" s="6">
        <v>354.71539999999999</v>
      </c>
      <c r="E6509" s="6">
        <v>5694.5450000000001</v>
      </c>
    </row>
    <row r="6510" spans="4:5" x14ac:dyDescent="0.25">
      <c r="D6510" s="6">
        <v>453.44200000000001</v>
      </c>
      <c r="E6510" s="6">
        <v>916.55340000000001</v>
      </c>
    </row>
    <row r="6511" spans="4:5" x14ac:dyDescent="0.25">
      <c r="D6511" s="6">
        <v>366.17790000000002</v>
      </c>
      <c r="E6511" s="6">
        <v>555.27629999999999</v>
      </c>
    </row>
    <row r="6512" spans="4:5" x14ac:dyDescent="0.25">
      <c r="D6512" s="6">
        <v>454.65929999999997</v>
      </c>
      <c r="E6512" s="6">
        <v>2350.8319999999999</v>
      </c>
    </row>
    <row r="6513" spans="4:5" x14ac:dyDescent="0.25">
      <c r="D6513" s="6">
        <v>464.74630000000002</v>
      </c>
      <c r="E6513" s="6">
        <v>701.24080000000004</v>
      </c>
    </row>
    <row r="6514" spans="4:5" x14ac:dyDescent="0.25">
      <c r="D6514" s="6">
        <v>761.4511</v>
      </c>
      <c r="E6514" s="6">
        <v>734.07320000000004</v>
      </c>
    </row>
    <row r="6515" spans="4:5" x14ac:dyDescent="0.25">
      <c r="D6515" s="6">
        <v>382.35410000000002</v>
      </c>
      <c r="E6515" s="6">
        <v>3698.857</v>
      </c>
    </row>
    <row r="6516" spans="4:5" x14ac:dyDescent="0.25">
      <c r="D6516" s="6">
        <v>589.39229999999998</v>
      </c>
      <c r="E6516" s="6">
        <v>6372.3040000000001</v>
      </c>
    </row>
    <row r="6517" spans="4:5" x14ac:dyDescent="0.25">
      <c r="D6517" s="6">
        <v>785.26319999999998</v>
      </c>
      <c r="E6517" s="6">
        <v>507.71019999999999</v>
      </c>
    </row>
    <row r="6518" spans="4:5" x14ac:dyDescent="0.25">
      <c r="D6518" s="6">
        <v>472.91160000000002</v>
      </c>
      <c r="E6518" s="6">
        <v>676.21680000000003</v>
      </c>
    </row>
    <row r="6519" spans="4:5" x14ac:dyDescent="0.25">
      <c r="D6519" s="6">
        <v>1513.9280000000001</v>
      </c>
      <c r="E6519" s="6">
        <v>1178.6600000000001</v>
      </c>
    </row>
    <row r="6520" spans="4:5" x14ac:dyDescent="0.25">
      <c r="D6520" s="6">
        <v>182.30080000000001</v>
      </c>
      <c r="E6520" s="6">
        <v>959.07190000000003</v>
      </c>
    </row>
    <row r="6521" spans="4:5" x14ac:dyDescent="0.25">
      <c r="D6521" s="6">
        <v>570</v>
      </c>
      <c r="E6521" s="6">
        <v>2483.009</v>
      </c>
    </row>
    <row r="6522" spans="4:5" x14ac:dyDescent="0.25">
      <c r="D6522" s="6">
        <v>603.49800000000005</v>
      </c>
      <c r="E6522" s="6">
        <v>4017.5830000000001</v>
      </c>
    </row>
    <row r="6523" spans="4:5" x14ac:dyDescent="0.25">
      <c r="D6523" s="6">
        <v>170.37280000000001</v>
      </c>
      <c r="E6523" s="6">
        <v>515.83510000000001</v>
      </c>
    </row>
    <row r="6524" spans="4:5" x14ac:dyDescent="0.25">
      <c r="D6524" s="6">
        <v>3913.9169999999999</v>
      </c>
      <c r="E6524" s="6">
        <v>1847.5409999999999</v>
      </c>
    </row>
    <row r="6525" spans="4:5" x14ac:dyDescent="0.25">
      <c r="D6525" s="6">
        <v>660.00760000000002</v>
      </c>
      <c r="E6525" s="6">
        <v>405.5</v>
      </c>
    </row>
    <row r="6526" spans="4:5" x14ac:dyDescent="0.25">
      <c r="D6526" s="6">
        <v>669.81290000000001</v>
      </c>
      <c r="E6526" s="6">
        <v>5712.5</v>
      </c>
    </row>
    <row r="6527" spans="4:5" x14ac:dyDescent="0.25">
      <c r="D6527" s="6">
        <v>319.72320000000002</v>
      </c>
      <c r="E6527" s="6">
        <v>536.49680000000001</v>
      </c>
    </row>
    <row r="6528" spans="4:5" x14ac:dyDescent="0.25">
      <c r="D6528" s="6">
        <v>421.26420000000002</v>
      </c>
      <c r="E6528" s="6">
        <v>613.26750000000004</v>
      </c>
    </row>
    <row r="6529" spans="4:5" x14ac:dyDescent="0.25">
      <c r="D6529" s="6">
        <v>511.50189999999998</v>
      </c>
      <c r="E6529" s="6">
        <v>738.09900000000005</v>
      </c>
    </row>
    <row r="6530" spans="4:5" x14ac:dyDescent="0.25">
      <c r="D6530" s="6">
        <v>666.03930000000003</v>
      </c>
      <c r="E6530" s="6">
        <v>500.5333</v>
      </c>
    </row>
    <row r="6531" spans="4:5" x14ac:dyDescent="0.25">
      <c r="D6531" s="6">
        <v>522.81259999999997</v>
      </c>
      <c r="E6531" s="6">
        <v>952.10829999999999</v>
      </c>
    </row>
    <row r="6532" spans="4:5" x14ac:dyDescent="0.25">
      <c r="D6532" s="6">
        <v>391.35809999999998</v>
      </c>
      <c r="E6532" s="6">
        <v>577.23770000000002</v>
      </c>
    </row>
    <row r="6533" spans="4:5" x14ac:dyDescent="0.25">
      <c r="D6533" s="6">
        <v>189.5214</v>
      </c>
      <c r="E6533" s="6">
        <v>442.47370000000001</v>
      </c>
    </row>
    <row r="6534" spans="4:5" x14ac:dyDescent="0.25">
      <c r="D6534" s="6">
        <v>439.2149</v>
      </c>
      <c r="E6534" s="6">
        <v>481.78949999999998</v>
      </c>
    </row>
    <row r="6535" spans="4:5" x14ac:dyDescent="0.25">
      <c r="D6535" s="6">
        <v>1918.84</v>
      </c>
      <c r="E6535" s="6">
        <v>1813.2249999999999</v>
      </c>
    </row>
    <row r="6536" spans="4:5" x14ac:dyDescent="0.25">
      <c r="D6536" s="6">
        <v>510.48020000000002</v>
      </c>
      <c r="E6536" s="6">
        <v>616.4502</v>
      </c>
    </row>
    <row r="6537" spans="4:5" x14ac:dyDescent="0.25">
      <c r="D6537" s="6">
        <v>191.2319</v>
      </c>
      <c r="E6537" s="6">
        <v>1198.9880000000001</v>
      </c>
    </row>
    <row r="6538" spans="4:5" x14ac:dyDescent="0.25">
      <c r="D6538" s="6">
        <v>770.77480000000003</v>
      </c>
      <c r="E6538" s="6">
        <v>1129.2860000000001</v>
      </c>
    </row>
    <row r="6539" spans="4:5" x14ac:dyDescent="0.25">
      <c r="D6539" s="6">
        <v>392.90480000000002</v>
      </c>
      <c r="E6539" s="6">
        <v>527.7903</v>
      </c>
    </row>
    <row r="6540" spans="4:5" x14ac:dyDescent="0.25">
      <c r="D6540" s="6">
        <v>976.88520000000005</v>
      </c>
      <c r="E6540" s="6">
        <v>978.38620000000003</v>
      </c>
    </row>
    <row r="6541" spans="4:5" x14ac:dyDescent="0.25">
      <c r="D6541" s="6">
        <v>912.31259999999997</v>
      </c>
      <c r="E6541" s="6">
        <v>799.78800000000001</v>
      </c>
    </row>
    <row r="6542" spans="4:5" x14ac:dyDescent="0.25">
      <c r="D6542" s="6">
        <v>727.54200000000003</v>
      </c>
      <c r="E6542" s="6">
        <v>6333.817</v>
      </c>
    </row>
    <row r="6543" spans="4:5" x14ac:dyDescent="0.25">
      <c r="D6543" s="6">
        <v>443.70979999999997</v>
      </c>
      <c r="E6543" s="6">
        <v>994</v>
      </c>
    </row>
    <row r="6544" spans="4:5" x14ac:dyDescent="0.25">
      <c r="D6544" s="6">
        <v>3000.8789999999999</v>
      </c>
      <c r="E6544" s="6">
        <v>668.99009999999998</v>
      </c>
    </row>
    <row r="6545" spans="4:5" x14ac:dyDescent="0.25">
      <c r="D6545" s="6">
        <v>500.74239999999998</v>
      </c>
      <c r="E6545" s="6">
        <v>788.83810000000005</v>
      </c>
    </row>
    <row r="6546" spans="4:5" x14ac:dyDescent="0.25">
      <c r="D6546" s="6">
        <v>599.68989999999997</v>
      </c>
      <c r="E6546" s="6">
        <v>574.79639999999995</v>
      </c>
    </row>
    <row r="6547" spans="4:5" x14ac:dyDescent="0.25">
      <c r="D6547" s="6">
        <v>367.09629999999999</v>
      </c>
      <c r="E6547" s="6">
        <v>409.13060000000002</v>
      </c>
    </row>
    <row r="6548" spans="4:5" x14ac:dyDescent="0.25">
      <c r="D6548" s="6">
        <v>305.59230000000002</v>
      </c>
      <c r="E6548" s="6">
        <v>533.55650000000003</v>
      </c>
    </row>
    <row r="6549" spans="4:5" x14ac:dyDescent="0.25">
      <c r="D6549" s="6">
        <v>415.52659999999997</v>
      </c>
      <c r="E6549" s="6">
        <v>598.99919999999997</v>
      </c>
    </row>
    <row r="6550" spans="4:5" x14ac:dyDescent="0.25">
      <c r="D6550" s="6">
        <v>1880.3610000000001</v>
      </c>
      <c r="E6550" s="6">
        <v>573.44320000000005</v>
      </c>
    </row>
    <row r="6551" spans="4:5" x14ac:dyDescent="0.25">
      <c r="D6551" s="6">
        <v>553.0933</v>
      </c>
      <c r="E6551" s="6">
        <v>2799.1410000000001</v>
      </c>
    </row>
    <row r="6552" spans="4:5" x14ac:dyDescent="0.25">
      <c r="D6552" s="6">
        <v>912.76300000000003</v>
      </c>
      <c r="E6552" s="6">
        <v>662.4588</v>
      </c>
    </row>
    <row r="6553" spans="4:5" x14ac:dyDescent="0.25">
      <c r="D6553" s="6">
        <v>380.60419999999999</v>
      </c>
      <c r="E6553" s="6">
        <v>556.10490000000004</v>
      </c>
    </row>
    <row r="6554" spans="4:5" x14ac:dyDescent="0.25">
      <c r="D6554" s="6">
        <v>186.2619</v>
      </c>
      <c r="E6554" s="6">
        <v>579.02919999999995</v>
      </c>
    </row>
    <row r="6555" spans="4:5" x14ac:dyDescent="0.25">
      <c r="D6555" s="6">
        <v>187.60749999999999</v>
      </c>
      <c r="E6555" s="6">
        <v>711.24350000000004</v>
      </c>
    </row>
    <row r="6556" spans="4:5" x14ac:dyDescent="0.25">
      <c r="D6556" s="6">
        <v>842.91390000000001</v>
      </c>
      <c r="E6556" s="6">
        <v>660.2817</v>
      </c>
    </row>
    <row r="6557" spans="4:5" x14ac:dyDescent="0.25">
      <c r="D6557" s="6">
        <v>423.11540000000002</v>
      </c>
      <c r="E6557" s="6">
        <v>1992.5</v>
      </c>
    </row>
    <row r="6558" spans="4:5" x14ac:dyDescent="0.25">
      <c r="D6558" s="6">
        <v>1041</v>
      </c>
      <c r="E6558" s="6">
        <v>4440.59</v>
      </c>
    </row>
    <row r="6559" spans="4:5" x14ac:dyDescent="0.25">
      <c r="D6559" s="6">
        <v>371.27609999999999</v>
      </c>
      <c r="E6559" s="6">
        <v>2300.3470000000002</v>
      </c>
    </row>
    <row r="6560" spans="4:5" x14ac:dyDescent="0.25">
      <c r="D6560" s="6">
        <v>599.94749999999999</v>
      </c>
      <c r="E6560" s="6">
        <v>717.6191</v>
      </c>
    </row>
    <row r="6561" spans="4:5" x14ac:dyDescent="0.25">
      <c r="D6561" s="6">
        <v>567.12750000000005</v>
      </c>
      <c r="E6561" s="6">
        <v>3142.2260000000001</v>
      </c>
    </row>
    <row r="6562" spans="4:5" x14ac:dyDescent="0.25">
      <c r="D6562" s="6">
        <v>423.0333</v>
      </c>
      <c r="E6562" s="6">
        <v>840.82780000000002</v>
      </c>
    </row>
    <row r="6563" spans="4:5" x14ac:dyDescent="0.25">
      <c r="D6563" s="6">
        <v>777.39459999999997</v>
      </c>
      <c r="E6563" s="6">
        <v>547.7808</v>
      </c>
    </row>
    <row r="6564" spans="4:5" x14ac:dyDescent="0.25">
      <c r="D6564" s="6">
        <v>268</v>
      </c>
      <c r="E6564" s="6">
        <v>667.41520000000003</v>
      </c>
    </row>
    <row r="6565" spans="4:5" x14ac:dyDescent="0.25">
      <c r="D6565" s="6">
        <v>448.00799999999998</v>
      </c>
      <c r="E6565" s="6">
        <v>4859.6139999999996</v>
      </c>
    </row>
    <row r="6566" spans="4:5" x14ac:dyDescent="0.25">
      <c r="D6566" s="6">
        <v>2812.462</v>
      </c>
      <c r="E6566" s="6">
        <v>734.34310000000005</v>
      </c>
    </row>
    <row r="6567" spans="4:5" x14ac:dyDescent="0.25">
      <c r="D6567" s="6">
        <v>187.25489999999999</v>
      </c>
      <c r="E6567" s="6">
        <v>744.29700000000003</v>
      </c>
    </row>
    <row r="6568" spans="4:5" x14ac:dyDescent="0.25">
      <c r="D6568" s="6">
        <v>192.77260000000001</v>
      </c>
      <c r="E6568" s="6">
        <v>518.15790000000004</v>
      </c>
    </row>
    <row r="6569" spans="4:5" x14ac:dyDescent="0.25">
      <c r="D6569" s="6">
        <v>183.0213</v>
      </c>
      <c r="E6569" s="6">
        <v>516.61770000000001</v>
      </c>
    </row>
    <row r="6570" spans="4:5" x14ac:dyDescent="0.25">
      <c r="D6570" s="6">
        <v>435.1497</v>
      </c>
      <c r="E6570" s="6">
        <v>2703.1759999999999</v>
      </c>
    </row>
    <row r="6571" spans="4:5" x14ac:dyDescent="0.25">
      <c r="D6571" s="6">
        <v>173.6567</v>
      </c>
      <c r="E6571" s="6">
        <v>693.2672</v>
      </c>
    </row>
    <row r="6572" spans="4:5" x14ac:dyDescent="0.25">
      <c r="D6572" s="6">
        <v>388.95179999999999</v>
      </c>
      <c r="E6572" s="6">
        <v>2335.9229999999998</v>
      </c>
    </row>
    <row r="6573" spans="4:5" x14ac:dyDescent="0.25">
      <c r="D6573" s="6">
        <v>442.24970000000002</v>
      </c>
      <c r="E6573" s="6">
        <v>667.51430000000005</v>
      </c>
    </row>
    <row r="6574" spans="4:5" x14ac:dyDescent="0.25">
      <c r="D6574" s="6">
        <v>182.25</v>
      </c>
      <c r="E6574" s="6">
        <v>772.81809999999996</v>
      </c>
    </row>
    <row r="6575" spans="4:5" x14ac:dyDescent="0.25">
      <c r="D6575" s="6">
        <v>420.14069999999998</v>
      </c>
      <c r="E6575" s="6">
        <v>768.79759999999999</v>
      </c>
    </row>
    <row r="6576" spans="4:5" x14ac:dyDescent="0.25">
      <c r="D6576" s="6">
        <v>560.82370000000003</v>
      </c>
      <c r="E6576" s="6">
        <v>914.40430000000003</v>
      </c>
    </row>
    <row r="6577" spans="4:5" x14ac:dyDescent="0.25">
      <c r="D6577" s="6">
        <v>171.26400000000001</v>
      </c>
      <c r="E6577" s="6">
        <v>1475.64</v>
      </c>
    </row>
    <row r="6578" spans="4:5" x14ac:dyDescent="0.25">
      <c r="D6578" s="6">
        <v>396.8476</v>
      </c>
      <c r="E6578" s="6">
        <v>8788.5650000000005</v>
      </c>
    </row>
    <row r="6579" spans="4:5" x14ac:dyDescent="0.25">
      <c r="D6579" s="6">
        <v>369.46</v>
      </c>
      <c r="E6579" s="6">
        <v>667.39620000000002</v>
      </c>
    </row>
    <row r="6580" spans="4:5" x14ac:dyDescent="0.25">
      <c r="D6580" s="6">
        <v>415.3938</v>
      </c>
      <c r="E6580" s="6">
        <v>892.202</v>
      </c>
    </row>
    <row r="6581" spans="4:5" x14ac:dyDescent="0.25">
      <c r="D6581" s="6">
        <v>413.41210000000001</v>
      </c>
      <c r="E6581" s="6">
        <v>530.81269999999995</v>
      </c>
    </row>
    <row r="6582" spans="4:5" x14ac:dyDescent="0.25">
      <c r="D6582" s="6">
        <v>13920.52</v>
      </c>
      <c r="E6582" s="6">
        <v>967.125</v>
      </c>
    </row>
    <row r="6583" spans="4:5" x14ac:dyDescent="0.25">
      <c r="D6583" s="6">
        <v>429.48149999999998</v>
      </c>
      <c r="E6583" s="6">
        <v>925.57140000000004</v>
      </c>
    </row>
    <row r="6584" spans="4:5" x14ac:dyDescent="0.25">
      <c r="D6584" s="6">
        <v>160.84479999999999</v>
      </c>
      <c r="E6584" s="6">
        <v>519.17700000000002</v>
      </c>
    </row>
    <row r="6585" spans="4:5" x14ac:dyDescent="0.25">
      <c r="D6585" s="6">
        <v>168.89240000000001</v>
      </c>
      <c r="E6585" s="6">
        <v>649.63890000000004</v>
      </c>
    </row>
    <row r="6586" spans="4:5" x14ac:dyDescent="0.25">
      <c r="D6586" s="6">
        <v>346.38459999999998</v>
      </c>
      <c r="E6586" s="6">
        <v>1033.8689999999999</v>
      </c>
    </row>
    <row r="6587" spans="4:5" x14ac:dyDescent="0.25">
      <c r="D6587" s="6">
        <v>161.67959999999999</v>
      </c>
      <c r="E6587" s="6">
        <v>581.35900000000004</v>
      </c>
    </row>
    <row r="6588" spans="4:5" x14ac:dyDescent="0.25">
      <c r="D6588" s="6">
        <v>464.69040000000001</v>
      </c>
      <c r="E6588" s="6">
        <v>535.5077</v>
      </c>
    </row>
    <row r="6589" spans="4:5" x14ac:dyDescent="0.25">
      <c r="D6589" s="6">
        <v>168.35249999999999</v>
      </c>
      <c r="E6589" s="6">
        <v>892.29380000000003</v>
      </c>
    </row>
    <row r="6590" spans="4:5" x14ac:dyDescent="0.25">
      <c r="D6590" s="6">
        <v>233.16249999999999</v>
      </c>
      <c r="E6590" s="6">
        <v>584.45550000000003</v>
      </c>
    </row>
    <row r="6591" spans="4:5" x14ac:dyDescent="0.25">
      <c r="D6591" s="6">
        <v>430.43400000000003</v>
      </c>
      <c r="E6591" s="6">
        <v>4204</v>
      </c>
    </row>
    <row r="6592" spans="4:5" x14ac:dyDescent="0.25">
      <c r="D6592" s="6">
        <v>285.44979999999998</v>
      </c>
      <c r="E6592" s="6">
        <v>594.6</v>
      </c>
    </row>
    <row r="6593" spans="4:5" x14ac:dyDescent="0.25">
      <c r="D6593" s="6">
        <v>174.2475</v>
      </c>
      <c r="E6593" s="6">
        <v>538.06849999999997</v>
      </c>
    </row>
    <row r="6594" spans="4:5" x14ac:dyDescent="0.25">
      <c r="D6594" s="6">
        <v>444.31220000000002</v>
      </c>
      <c r="E6594" s="6">
        <v>475.1422</v>
      </c>
    </row>
    <row r="6595" spans="4:5" x14ac:dyDescent="0.25">
      <c r="D6595" s="6">
        <v>498.12860000000001</v>
      </c>
      <c r="E6595" s="6">
        <v>585.83280000000002</v>
      </c>
    </row>
    <row r="6596" spans="4:5" x14ac:dyDescent="0.25">
      <c r="D6596" s="6">
        <v>457.3895</v>
      </c>
      <c r="E6596" s="6">
        <v>798.05309999999997</v>
      </c>
    </row>
    <row r="6597" spans="4:5" x14ac:dyDescent="0.25">
      <c r="D6597" s="6">
        <v>212.47200000000001</v>
      </c>
      <c r="E6597" s="6">
        <v>1399.5</v>
      </c>
    </row>
    <row r="6598" spans="4:5" x14ac:dyDescent="0.25">
      <c r="D6598" s="6">
        <v>153.5385</v>
      </c>
      <c r="E6598" s="6">
        <v>2414.08</v>
      </c>
    </row>
    <row r="6599" spans="4:5" x14ac:dyDescent="0.25">
      <c r="D6599" s="6">
        <v>380.67970000000003</v>
      </c>
      <c r="E6599" s="6">
        <v>2145.1219999999998</v>
      </c>
    </row>
    <row r="6600" spans="4:5" x14ac:dyDescent="0.25">
      <c r="D6600" s="6">
        <v>633.04729999999995</v>
      </c>
      <c r="E6600" s="6">
        <v>1052.519</v>
      </c>
    </row>
    <row r="6601" spans="4:5" x14ac:dyDescent="0.25">
      <c r="D6601" s="6">
        <v>442.74329999999998</v>
      </c>
      <c r="E6601" s="6">
        <v>623.65219999999999</v>
      </c>
    </row>
    <row r="6602" spans="4:5" x14ac:dyDescent="0.25">
      <c r="D6602" s="6">
        <v>176.21879999999999</v>
      </c>
      <c r="E6602" s="6">
        <v>711.30880000000002</v>
      </c>
    </row>
    <row r="6603" spans="4:5" x14ac:dyDescent="0.25">
      <c r="D6603" s="6">
        <v>438.61189999999999</v>
      </c>
      <c r="E6603" s="6">
        <v>739.66160000000002</v>
      </c>
    </row>
    <row r="6604" spans="4:5" x14ac:dyDescent="0.25">
      <c r="D6604" s="6">
        <v>164.07689999999999</v>
      </c>
      <c r="E6604" s="6">
        <v>3590.7849999999999</v>
      </c>
    </row>
    <row r="6605" spans="4:5" x14ac:dyDescent="0.25">
      <c r="D6605" s="6">
        <v>177.33160000000001</v>
      </c>
      <c r="E6605" s="6">
        <v>442.10059999999999</v>
      </c>
    </row>
    <row r="6606" spans="4:5" x14ac:dyDescent="0.25">
      <c r="D6606" s="6">
        <v>165.02090000000001</v>
      </c>
      <c r="E6606" s="6">
        <v>632.57219999999995</v>
      </c>
    </row>
    <row r="6607" spans="4:5" x14ac:dyDescent="0.25">
      <c r="D6607" s="6">
        <v>149.96610000000001</v>
      </c>
      <c r="E6607" s="6">
        <v>508.36919999999998</v>
      </c>
    </row>
    <row r="6608" spans="4:5" x14ac:dyDescent="0.25">
      <c r="D6608" s="6">
        <v>157.96199999999999</v>
      </c>
      <c r="E6608" s="6">
        <v>897.4</v>
      </c>
    </row>
    <row r="6609" spans="4:5" x14ac:dyDescent="0.25">
      <c r="D6609" s="6">
        <v>152.52780000000001</v>
      </c>
      <c r="E6609" s="6">
        <v>911.67240000000004</v>
      </c>
    </row>
    <row r="6610" spans="4:5" x14ac:dyDescent="0.25">
      <c r="D6610" s="6">
        <v>154.86490000000001</v>
      </c>
      <c r="E6610" s="6">
        <v>4291.9369999999999</v>
      </c>
    </row>
    <row r="6611" spans="4:5" x14ac:dyDescent="0.25">
      <c r="D6611" s="6">
        <v>173.77279999999999</v>
      </c>
      <c r="E6611" s="6">
        <v>504.39330000000001</v>
      </c>
    </row>
    <row r="6612" spans="4:5" x14ac:dyDescent="0.25">
      <c r="D6612" s="6">
        <v>136.66669999999999</v>
      </c>
      <c r="E6612" s="6">
        <v>623.98040000000003</v>
      </c>
    </row>
    <row r="6613" spans="4:5" x14ac:dyDescent="0.25">
      <c r="D6613" s="6">
        <v>165.97069999999999</v>
      </c>
      <c r="E6613" s="6">
        <v>1269.316</v>
      </c>
    </row>
    <row r="6614" spans="4:5" x14ac:dyDescent="0.25">
      <c r="D6614" s="6">
        <v>154.09970000000001</v>
      </c>
      <c r="E6614" s="6">
        <v>753.73310000000004</v>
      </c>
    </row>
    <row r="6615" spans="4:5" x14ac:dyDescent="0.25">
      <c r="D6615" s="6">
        <v>7145.0709999999999</v>
      </c>
      <c r="E6615" s="6">
        <v>5355.33</v>
      </c>
    </row>
    <row r="6616" spans="4:5" x14ac:dyDescent="0.25">
      <c r="D6616" s="6">
        <v>2451.5259999999998</v>
      </c>
      <c r="E6616" s="6">
        <v>518.07849999999996</v>
      </c>
    </row>
    <row r="6617" spans="4:5" x14ac:dyDescent="0.25">
      <c r="D6617" s="6">
        <v>6980.1819999999998</v>
      </c>
      <c r="E6617" s="6">
        <v>1623.595</v>
      </c>
    </row>
    <row r="6618" spans="4:5" x14ac:dyDescent="0.25">
      <c r="D6618" s="6">
        <v>84.070319999999995</v>
      </c>
      <c r="E6618" s="6">
        <v>590.46209999999996</v>
      </c>
    </row>
    <row r="6619" spans="4:5" x14ac:dyDescent="0.25">
      <c r="D6619" s="6">
        <v>631.61540000000002</v>
      </c>
      <c r="E6619" s="6">
        <v>589.06010000000003</v>
      </c>
    </row>
    <row r="6620" spans="4:5" x14ac:dyDescent="0.25">
      <c r="D6620" s="6">
        <v>910.15970000000004</v>
      </c>
      <c r="E6620" s="6">
        <v>2068.2849999999999</v>
      </c>
    </row>
    <row r="6621" spans="4:5" x14ac:dyDescent="0.25">
      <c r="D6621" s="6">
        <v>1042.7080000000001</v>
      </c>
      <c r="E6621" s="6">
        <v>570.07140000000004</v>
      </c>
    </row>
    <row r="6622" spans="4:5" x14ac:dyDescent="0.25">
      <c r="D6622" s="6">
        <v>539.47239999999999</v>
      </c>
      <c r="E6622" s="6">
        <v>439.99740000000003</v>
      </c>
    </row>
    <row r="6623" spans="4:5" x14ac:dyDescent="0.25">
      <c r="D6623" s="6">
        <v>696.42909999999995</v>
      </c>
      <c r="E6623" s="6">
        <v>516.51369999999997</v>
      </c>
    </row>
    <row r="6624" spans="4:5" x14ac:dyDescent="0.25">
      <c r="D6624" s="6">
        <v>780</v>
      </c>
      <c r="E6624" s="6">
        <v>4632.5450000000001</v>
      </c>
    </row>
    <row r="6625" spans="4:5" x14ac:dyDescent="0.25">
      <c r="D6625" s="6">
        <v>2034.528</v>
      </c>
      <c r="E6625" s="6">
        <v>598.05849999999998</v>
      </c>
    </row>
    <row r="6626" spans="4:5" x14ac:dyDescent="0.25">
      <c r="D6626" s="6">
        <v>550.93830000000003</v>
      </c>
      <c r="E6626" s="6">
        <v>552.94770000000005</v>
      </c>
    </row>
    <row r="6627" spans="4:5" x14ac:dyDescent="0.25">
      <c r="D6627" s="6">
        <v>730.66110000000003</v>
      </c>
      <c r="E6627" s="6">
        <v>4840.2889999999998</v>
      </c>
    </row>
    <row r="6628" spans="4:5" x14ac:dyDescent="0.25">
      <c r="D6628" s="6">
        <v>2324.8470000000002</v>
      </c>
      <c r="E6628" s="6">
        <v>709.53629999999998</v>
      </c>
    </row>
    <row r="6629" spans="4:5" x14ac:dyDescent="0.25">
      <c r="D6629" s="6">
        <v>616.47280000000001</v>
      </c>
      <c r="E6629" s="6">
        <v>532.50030000000004</v>
      </c>
    </row>
    <row r="6630" spans="4:5" x14ac:dyDescent="0.25">
      <c r="D6630" s="6">
        <v>11902.83</v>
      </c>
      <c r="E6630" s="6">
        <v>610.827</v>
      </c>
    </row>
    <row r="6631" spans="4:5" x14ac:dyDescent="0.25">
      <c r="D6631" s="6">
        <v>4768.3739999999998</v>
      </c>
      <c r="E6631" s="6">
        <v>630.76469999999995</v>
      </c>
    </row>
    <row r="6632" spans="4:5" x14ac:dyDescent="0.25">
      <c r="D6632" s="6">
        <v>521.74429999999995</v>
      </c>
      <c r="E6632" s="6">
        <v>987.22640000000001</v>
      </c>
    </row>
    <row r="6633" spans="4:5" x14ac:dyDescent="0.25">
      <c r="D6633" s="6">
        <v>690.72490000000005</v>
      </c>
      <c r="E6633" s="6">
        <v>727.52009999999996</v>
      </c>
    </row>
    <row r="6634" spans="4:5" x14ac:dyDescent="0.25">
      <c r="D6634" s="6">
        <v>663</v>
      </c>
      <c r="E6634" s="6">
        <v>4980.3729999999996</v>
      </c>
    </row>
    <row r="6635" spans="4:5" x14ac:dyDescent="0.25">
      <c r="D6635" s="6">
        <v>708</v>
      </c>
      <c r="E6635" s="6">
        <v>721.15419999999995</v>
      </c>
    </row>
    <row r="6636" spans="4:5" x14ac:dyDescent="0.25">
      <c r="D6636" s="6">
        <v>14881</v>
      </c>
      <c r="E6636" s="6">
        <v>672.93280000000004</v>
      </c>
    </row>
    <row r="6637" spans="4:5" x14ac:dyDescent="0.25">
      <c r="D6637" s="6">
        <v>145.15880000000001</v>
      </c>
      <c r="E6637" s="6">
        <v>620.97540000000004</v>
      </c>
    </row>
    <row r="6638" spans="4:5" x14ac:dyDescent="0.25">
      <c r="D6638" s="6">
        <v>1167.3389999999999</v>
      </c>
      <c r="E6638" s="6">
        <v>549.16110000000003</v>
      </c>
    </row>
    <row r="6639" spans="4:5" x14ac:dyDescent="0.25">
      <c r="D6639" s="6">
        <v>442.91359999999997</v>
      </c>
      <c r="E6639" s="6">
        <v>551.38900000000001</v>
      </c>
    </row>
    <row r="6640" spans="4:5" x14ac:dyDescent="0.25">
      <c r="D6640" s="6">
        <v>1056.2439999999999</v>
      </c>
      <c r="E6640" s="6">
        <v>641.18140000000005</v>
      </c>
    </row>
    <row r="6641" spans="4:5" x14ac:dyDescent="0.25">
      <c r="D6641" s="6">
        <v>453.02769999999998</v>
      </c>
      <c r="E6641" s="6">
        <v>2251.9989999999998</v>
      </c>
    </row>
    <row r="6642" spans="4:5" x14ac:dyDescent="0.25">
      <c r="D6642" s="6">
        <v>1202.8720000000001</v>
      </c>
      <c r="E6642" s="6">
        <v>5551.1270000000004</v>
      </c>
    </row>
    <row r="6643" spans="4:5" x14ac:dyDescent="0.25">
      <c r="D6643" s="6">
        <v>683.04200000000003</v>
      </c>
      <c r="E6643" s="6">
        <v>4906.973</v>
      </c>
    </row>
    <row r="6644" spans="4:5" x14ac:dyDescent="0.25">
      <c r="D6644" s="6">
        <v>495.18889999999999</v>
      </c>
      <c r="E6644" s="6">
        <v>565.41240000000005</v>
      </c>
    </row>
    <row r="6645" spans="4:5" x14ac:dyDescent="0.25">
      <c r="D6645" s="6">
        <v>728.20939999999996</v>
      </c>
      <c r="E6645" s="6">
        <v>499.70370000000003</v>
      </c>
    </row>
    <row r="6646" spans="4:5" x14ac:dyDescent="0.25">
      <c r="D6646" s="6">
        <v>980.19770000000005</v>
      </c>
      <c r="E6646" s="6">
        <v>519.05899999999997</v>
      </c>
    </row>
    <row r="6647" spans="4:5" x14ac:dyDescent="0.25">
      <c r="D6647" s="6">
        <v>485.18599999999998</v>
      </c>
      <c r="E6647" s="6">
        <v>3456.93</v>
      </c>
    </row>
    <row r="6648" spans="4:5" x14ac:dyDescent="0.25">
      <c r="D6648" s="6">
        <v>744.82069999999999</v>
      </c>
      <c r="E6648" s="6">
        <v>486.34719999999999</v>
      </c>
    </row>
    <row r="6649" spans="4:5" x14ac:dyDescent="0.25">
      <c r="D6649" s="6">
        <v>727.55790000000002</v>
      </c>
      <c r="E6649" s="6">
        <v>3991.6439999999998</v>
      </c>
    </row>
    <row r="6650" spans="4:5" x14ac:dyDescent="0.25">
      <c r="D6650" s="6">
        <v>848.01589999999999</v>
      </c>
      <c r="E6650" s="6">
        <v>514.44349999999997</v>
      </c>
    </row>
    <row r="6651" spans="4:5" x14ac:dyDescent="0.25">
      <c r="D6651" s="6">
        <v>406.2824</v>
      </c>
      <c r="E6651" s="6">
        <v>821.26070000000004</v>
      </c>
    </row>
    <row r="6652" spans="4:5" x14ac:dyDescent="0.25">
      <c r="D6652" s="6">
        <v>595.24040000000002</v>
      </c>
      <c r="E6652" s="6">
        <v>1175.933</v>
      </c>
    </row>
    <row r="6653" spans="4:5" x14ac:dyDescent="0.25">
      <c r="D6653" s="6">
        <v>1333.5029999999999</v>
      </c>
      <c r="E6653" s="6">
        <v>854.68700000000001</v>
      </c>
    </row>
    <row r="6654" spans="4:5" x14ac:dyDescent="0.25">
      <c r="D6654" s="6">
        <v>5474.0550000000003</v>
      </c>
      <c r="E6654" s="6">
        <v>579</v>
      </c>
    </row>
    <row r="6655" spans="4:5" x14ac:dyDescent="0.25">
      <c r="D6655" s="6">
        <v>678.08529999999996</v>
      </c>
      <c r="E6655" s="6">
        <v>718.78139999999996</v>
      </c>
    </row>
    <row r="6656" spans="4:5" x14ac:dyDescent="0.25">
      <c r="D6656" s="6">
        <v>5464.2370000000001</v>
      </c>
      <c r="E6656" s="6">
        <v>1740.992</v>
      </c>
    </row>
    <row r="6657" spans="4:5" x14ac:dyDescent="0.25">
      <c r="D6657" s="6">
        <v>704.6087</v>
      </c>
      <c r="E6657" s="6">
        <v>773.18219999999997</v>
      </c>
    </row>
    <row r="6658" spans="4:5" x14ac:dyDescent="0.25">
      <c r="D6658" s="6">
        <v>581.57449999999994</v>
      </c>
      <c r="E6658" s="6">
        <v>954.03510000000006</v>
      </c>
    </row>
    <row r="6659" spans="4:5" x14ac:dyDescent="0.25">
      <c r="D6659" s="6">
        <v>557.88570000000004</v>
      </c>
      <c r="E6659" s="6">
        <v>705.99720000000002</v>
      </c>
    </row>
    <row r="6660" spans="4:5" x14ac:dyDescent="0.25">
      <c r="D6660" s="6">
        <v>532.19780000000003</v>
      </c>
      <c r="E6660" s="6">
        <v>6191.0540000000001</v>
      </c>
    </row>
    <row r="6661" spans="4:5" x14ac:dyDescent="0.25">
      <c r="D6661" s="6">
        <v>1302.461</v>
      </c>
      <c r="E6661" s="6">
        <v>597.94730000000004</v>
      </c>
    </row>
    <row r="6662" spans="4:5" x14ac:dyDescent="0.25">
      <c r="D6662" s="6">
        <v>711.74659999999994</v>
      </c>
      <c r="E6662" s="6">
        <v>1203</v>
      </c>
    </row>
    <row r="6663" spans="4:5" x14ac:dyDescent="0.25">
      <c r="D6663" s="6">
        <v>585.54520000000002</v>
      </c>
      <c r="E6663" s="6">
        <v>714.73779999999999</v>
      </c>
    </row>
    <row r="6664" spans="4:5" x14ac:dyDescent="0.25">
      <c r="D6664" s="6">
        <v>369.0335</v>
      </c>
      <c r="E6664" s="6">
        <v>624.54819999999995</v>
      </c>
    </row>
    <row r="6665" spans="4:5" x14ac:dyDescent="0.25">
      <c r="D6665" s="6">
        <v>500.04660000000001</v>
      </c>
      <c r="E6665" s="6">
        <v>576.45150000000001</v>
      </c>
    </row>
    <row r="6666" spans="4:5" x14ac:dyDescent="0.25">
      <c r="D6666" s="6">
        <v>13138.33</v>
      </c>
      <c r="E6666" s="6">
        <v>5512.0919999999996</v>
      </c>
    </row>
    <row r="6667" spans="4:5" x14ac:dyDescent="0.25">
      <c r="D6667" s="6">
        <v>813.93219999999997</v>
      </c>
      <c r="E6667" s="6">
        <v>2032.663</v>
      </c>
    </row>
    <row r="6668" spans="4:5" x14ac:dyDescent="0.25">
      <c r="D6668" s="6">
        <v>477.43810000000002</v>
      </c>
      <c r="E6668" s="6">
        <v>625.75</v>
      </c>
    </row>
    <row r="6669" spans="4:5" x14ac:dyDescent="0.25">
      <c r="D6669" s="6">
        <v>833.36890000000005</v>
      </c>
      <c r="E6669" s="6">
        <v>651.02800000000002</v>
      </c>
    </row>
    <row r="6670" spans="4:5" x14ac:dyDescent="0.25">
      <c r="D6670" s="6">
        <v>1155.345</v>
      </c>
      <c r="E6670" s="6">
        <v>2762.2510000000002</v>
      </c>
    </row>
    <row r="6671" spans="4:5" x14ac:dyDescent="0.25">
      <c r="D6671" s="6">
        <v>554.24940000000004</v>
      </c>
      <c r="E6671" s="6">
        <v>610.80629999999996</v>
      </c>
    </row>
    <row r="6672" spans="4:5" x14ac:dyDescent="0.25">
      <c r="D6672" s="6">
        <v>4435.143</v>
      </c>
      <c r="E6672" s="6">
        <v>522.63070000000005</v>
      </c>
    </row>
    <row r="6673" spans="4:5" x14ac:dyDescent="0.25">
      <c r="D6673" s="6">
        <v>517.50909999999999</v>
      </c>
      <c r="E6673" s="6">
        <v>487.6395</v>
      </c>
    </row>
    <row r="6674" spans="4:5" x14ac:dyDescent="0.25">
      <c r="D6674" s="6">
        <v>512.79999999999995</v>
      </c>
      <c r="E6674" s="6">
        <v>560.28970000000004</v>
      </c>
    </row>
    <row r="6675" spans="4:5" x14ac:dyDescent="0.25">
      <c r="D6675" s="6">
        <v>3391.5259999999998</v>
      </c>
      <c r="E6675" s="6">
        <v>630.04930000000002</v>
      </c>
    </row>
    <row r="6676" spans="4:5" x14ac:dyDescent="0.25">
      <c r="D6676" s="6">
        <v>826.72270000000003</v>
      </c>
      <c r="E6676" s="6">
        <v>544.95450000000005</v>
      </c>
    </row>
    <row r="6677" spans="4:5" x14ac:dyDescent="0.25">
      <c r="D6677" s="6">
        <v>665.69740000000002</v>
      </c>
      <c r="E6677" s="6">
        <v>517.5</v>
      </c>
    </row>
    <row r="6678" spans="4:5" x14ac:dyDescent="0.25">
      <c r="D6678" s="6">
        <v>603.05219999999997</v>
      </c>
      <c r="E6678" s="6">
        <v>662.86099999999999</v>
      </c>
    </row>
    <row r="6679" spans="4:5" x14ac:dyDescent="0.25">
      <c r="D6679" s="6">
        <v>696.46500000000003</v>
      </c>
      <c r="E6679" s="6">
        <v>1843.79</v>
      </c>
    </row>
    <row r="6680" spans="4:5" x14ac:dyDescent="0.25">
      <c r="D6680" s="6">
        <v>1065.9749999999999</v>
      </c>
      <c r="E6680" s="6">
        <v>761.49030000000005</v>
      </c>
    </row>
    <row r="6681" spans="4:5" x14ac:dyDescent="0.25">
      <c r="D6681" s="6">
        <v>569.59900000000005</v>
      </c>
      <c r="E6681" s="6">
        <v>690.39959999999996</v>
      </c>
    </row>
    <row r="6682" spans="4:5" x14ac:dyDescent="0.25">
      <c r="D6682" s="6">
        <v>528.78539999999998</v>
      </c>
      <c r="E6682" s="6">
        <v>956.11</v>
      </c>
    </row>
    <row r="6683" spans="4:5" x14ac:dyDescent="0.25">
      <c r="D6683" s="6">
        <v>567.67439999999999</v>
      </c>
      <c r="E6683" s="6">
        <v>3245.201</v>
      </c>
    </row>
    <row r="6684" spans="4:5" x14ac:dyDescent="0.25">
      <c r="D6684" s="6">
        <v>671.70500000000004</v>
      </c>
      <c r="E6684" s="6">
        <v>783.80970000000002</v>
      </c>
    </row>
    <row r="6685" spans="4:5" x14ac:dyDescent="0.25">
      <c r="D6685" s="6">
        <v>550.85540000000003</v>
      </c>
      <c r="E6685" s="6">
        <v>607.33939999999996</v>
      </c>
    </row>
    <row r="6686" spans="4:5" x14ac:dyDescent="0.25">
      <c r="D6686" s="6">
        <v>440.81560000000002</v>
      </c>
      <c r="E6686" s="6">
        <v>586.14589999999998</v>
      </c>
    </row>
    <row r="6687" spans="4:5" x14ac:dyDescent="0.25">
      <c r="D6687" s="6">
        <v>575.08069999999998</v>
      </c>
      <c r="E6687" s="6">
        <v>772.79</v>
      </c>
    </row>
    <row r="6688" spans="4:5" x14ac:dyDescent="0.25">
      <c r="D6688" s="6">
        <v>667.76819999999998</v>
      </c>
      <c r="E6688" s="6">
        <v>5251.018</v>
      </c>
    </row>
    <row r="6689" spans="4:5" x14ac:dyDescent="0.25">
      <c r="D6689" s="6">
        <v>2349.5349999999999</v>
      </c>
      <c r="E6689" s="6">
        <v>1108.6959999999999</v>
      </c>
    </row>
    <row r="6690" spans="4:5" x14ac:dyDescent="0.25">
      <c r="D6690" s="6">
        <v>954.61170000000004</v>
      </c>
      <c r="E6690" s="6">
        <v>779.93370000000004</v>
      </c>
    </row>
    <row r="6691" spans="4:5" x14ac:dyDescent="0.25">
      <c r="D6691" s="6">
        <v>526.79769999999996</v>
      </c>
      <c r="E6691" s="6">
        <v>926.45159999999998</v>
      </c>
    </row>
    <row r="6692" spans="4:5" x14ac:dyDescent="0.25">
      <c r="D6692" s="6">
        <v>585.0335</v>
      </c>
      <c r="E6692" s="6">
        <v>911</v>
      </c>
    </row>
    <row r="6693" spans="4:5" x14ac:dyDescent="0.25">
      <c r="D6693" s="6">
        <v>557.46400000000006</v>
      </c>
      <c r="E6693" s="6">
        <v>561.35140000000001</v>
      </c>
    </row>
    <row r="6694" spans="4:5" x14ac:dyDescent="0.25">
      <c r="D6694" s="6">
        <v>8806.7009999999991</v>
      </c>
      <c r="E6694" s="6">
        <v>617.58010000000002</v>
      </c>
    </row>
    <row r="6695" spans="4:5" x14ac:dyDescent="0.25">
      <c r="D6695" s="6">
        <v>854.71429999999998</v>
      </c>
      <c r="E6695" s="6">
        <v>1481.3579999999999</v>
      </c>
    </row>
    <row r="6696" spans="4:5" x14ac:dyDescent="0.25">
      <c r="D6696" s="6">
        <v>668.40060000000005</v>
      </c>
      <c r="E6696" s="6">
        <v>759.29459999999995</v>
      </c>
    </row>
    <row r="6697" spans="4:5" x14ac:dyDescent="0.25">
      <c r="D6697" s="6">
        <v>927.09950000000003</v>
      </c>
      <c r="E6697" s="6">
        <v>549.52520000000004</v>
      </c>
    </row>
    <row r="6698" spans="4:5" x14ac:dyDescent="0.25">
      <c r="D6698" s="6">
        <v>585.07640000000004</v>
      </c>
      <c r="E6698" s="6">
        <v>1673.7139999999999</v>
      </c>
    </row>
    <row r="6699" spans="4:5" x14ac:dyDescent="0.25">
      <c r="D6699" s="6">
        <v>643.99770000000001</v>
      </c>
      <c r="E6699" s="6">
        <v>1066.393</v>
      </c>
    </row>
    <row r="6700" spans="4:5" x14ac:dyDescent="0.25">
      <c r="D6700" s="6">
        <v>1010.881</v>
      </c>
      <c r="E6700" s="6">
        <v>1158.069</v>
      </c>
    </row>
    <row r="6701" spans="4:5" x14ac:dyDescent="0.25">
      <c r="D6701" s="6">
        <v>755.80560000000003</v>
      </c>
      <c r="E6701" s="6">
        <v>1653.913</v>
      </c>
    </row>
    <row r="6702" spans="4:5" x14ac:dyDescent="0.25">
      <c r="D6702" s="6">
        <v>697.1662</v>
      </c>
      <c r="E6702" s="6">
        <v>581.57280000000003</v>
      </c>
    </row>
    <row r="6703" spans="4:5" x14ac:dyDescent="0.25">
      <c r="D6703" s="6">
        <v>476.31479999999999</v>
      </c>
      <c r="E6703" s="6">
        <v>2387.6149999999998</v>
      </c>
    </row>
    <row r="6704" spans="4:5" x14ac:dyDescent="0.25">
      <c r="D6704" s="6">
        <v>2152.1999999999998</v>
      </c>
      <c r="E6704" s="6">
        <v>812.49720000000002</v>
      </c>
    </row>
    <row r="6705" spans="4:5" x14ac:dyDescent="0.25">
      <c r="D6705" s="6">
        <v>1025.7159999999999</v>
      </c>
      <c r="E6705" s="6">
        <v>2989.5</v>
      </c>
    </row>
    <row r="6706" spans="4:5" x14ac:dyDescent="0.25">
      <c r="D6706" s="6">
        <v>516.99369999999999</v>
      </c>
      <c r="E6706" s="6">
        <v>559.98</v>
      </c>
    </row>
    <row r="6707" spans="4:5" x14ac:dyDescent="0.25">
      <c r="D6707" s="6">
        <v>1386.5</v>
      </c>
      <c r="E6707" s="6">
        <v>723.34479999999996</v>
      </c>
    </row>
    <row r="6708" spans="4:5" x14ac:dyDescent="0.25">
      <c r="D6708" s="6">
        <v>501.64260000000002</v>
      </c>
      <c r="E6708" s="6">
        <v>1648.421</v>
      </c>
    </row>
    <row r="6709" spans="4:5" x14ac:dyDescent="0.25">
      <c r="D6709" s="6">
        <v>590.99339999999995</v>
      </c>
      <c r="E6709" s="6">
        <v>656.53679999999997</v>
      </c>
    </row>
    <row r="6710" spans="4:5" x14ac:dyDescent="0.25">
      <c r="D6710" s="6">
        <v>514.49639999999999</v>
      </c>
      <c r="E6710" s="6">
        <v>591.73659999999995</v>
      </c>
    </row>
    <row r="6711" spans="4:5" x14ac:dyDescent="0.25">
      <c r="D6711" s="6">
        <v>1811.894</v>
      </c>
      <c r="E6711" s="6">
        <v>5172.3329999999996</v>
      </c>
    </row>
    <row r="6712" spans="4:5" x14ac:dyDescent="0.25">
      <c r="D6712" s="6">
        <v>927.12249999999995</v>
      </c>
      <c r="E6712" s="6">
        <v>688.20209999999997</v>
      </c>
    </row>
    <row r="6713" spans="4:5" x14ac:dyDescent="0.25">
      <c r="D6713" s="6">
        <v>1062.183</v>
      </c>
      <c r="E6713" s="6">
        <v>987.83820000000003</v>
      </c>
    </row>
    <row r="6714" spans="4:5" x14ac:dyDescent="0.25">
      <c r="D6714" s="6">
        <v>965.63570000000004</v>
      </c>
      <c r="E6714" s="6">
        <v>520.70190000000002</v>
      </c>
    </row>
    <row r="6715" spans="4:5" x14ac:dyDescent="0.25">
      <c r="D6715" s="6">
        <v>834.51250000000005</v>
      </c>
      <c r="E6715" s="6">
        <v>712.02819999999997</v>
      </c>
    </row>
    <row r="6716" spans="4:5" x14ac:dyDescent="0.25">
      <c r="D6716" s="6">
        <v>428.78309999999999</v>
      </c>
      <c r="E6716" s="6">
        <v>581.81740000000002</v>
      </c>
    </row>
    <row r="6717" spans="4:5" x14ac:dyDescent="0.25">
      <c r="D6717" s="6">
        <v>460.17079999999999</v>
      </c>
      <c r="E6717" s="6">
        <v>616.0856</v>
      </c>
    </row>
    <row r="6718" spans="4:5" x14ac:dyDescent="0.25">
      <c r="D6718" s="6">
        <v>581.51229999999998</v>
      </c>
      <c r="E6718" s="6">
        <v>564</v>
      </c>
    </row>
    <row r="6719" spans="4:5" x14ac:dyDescent="0.25">
      <c r="D6719" s="6">
        <v>1122.644</v>
      </c>
      <c r="E6719" s="6">
        <v>769.41449999999998</v>
      </c>
    </row>
    <row r="6720" spans="4:5" x14ac:dyDescent="0.25">
      <c r="D6720" s="6">
        <v>140.6944</v>
      </c>
      <c r="E6720" s="6">
        <v>3712.6550000000002</v>
      </c>
    </row>
    <row r="6721" spans="4:5" x14ac:dyDescent="0.25">
      <c r="D6721" s="6">
        <v>601</v>
      </c>
      <c r="E6721" s="6">
        <v>565.17380000000003</v>
      </c>
    </row>
    <row r="6722" spans="4:5" x14ac:dyDescent="0.25">
      <c r="D6722" s="6">
        <v>529.96280000000002</v>
      </c>
      <c r="E6722" s="6">
        <v>681.30899999999997</v>
      </c>
    </row>
    <row r="6723" spans="4:5" x14ac:dyDescent="0.25">
      <c r="D6723" s="6">
        <v>650.19320000000005</v>
      </c>
      <c r="E6723" s="6">
        <v>3824.5320000000002</v>
      </c>
    </row>
    <row r="6724" spans="4:5" x14ac:dyDescent="0.25">
      <c r="D6724" s="6">
        <v>665.06359999999995</v>
      </c>
      <c r="E6724" s="6">
        <v>4575.4080000000004</v>
      </c>
    </row>
    <row r="6725" spans="4:5" x14ac:dyDescent="0.25">
      <c r="D6725" s="6">
        <v>597</v>
      </c>
      <c r="E6725" s="6">
        <v>555.00429999999994</v>
      </c>
    </row>
    <row r="6726" spans="4:5" x14ac:dyDescent="0.25">
      <c r="D6726" s="6">
        <v>508.08479999999997</v>
      </c>
      <c r="E6726" s="6">
        <v>6979.8819999999996</v>
      </c>
    </row>
    <row r="6727" spans="4:5" x14ac:dyDescent="0.25">
      <c r="D6727" s="6">
        <v>568.60059999999999</v>
      </c>
      <c r="E6727" s="6">
        <v>563.21900000000005</v>
      </c>
    </row>
    <row r="6728" spans="4:5" x14ac:dyDescent="0.25">
      <c r="D6728" s="6">
        <v>477.53129999999999</v>
      </c>
      <c r="E6728" s="6">
        <v>606.10090000000002</v>
      </c>
    </row>
    <row r="6729" spans="4:5" x14ac:dyDescent="0.25">
      <c r="D6729" s="6">
        <v>9290.4290000000001</v>
      </c>
      <c r="E6729" s="6">
        <v>618.10270000000003</v>
      </c>
    </row>
    <row r="6730" spans="4:5" x14ac:dyDescent="0.25">
      <c r="D6730" s="6">
        <v>600.49009999999998</v>
      </c>
      <c r="E6730" s="6">
        <v>459.96789999999999</v>
      </c>
    </row>
    <row r="6731" spans="4:5" x14ac:dyDescent="0.25">
      <c r="D6731" s="6">
        <v>533.32979999999998</v>
      </c>
      <c r="E6731" s="6">
        <v>633.54330000000004</v>
      </c>
    </row>
    <row r="6732" spans="4:5" x14ac:dyDescent="0.25">
      <c r="D6732" s="6">
        <v>405.09460000000001</v>
      </c>
      <c r="E6732" s="6">
        <v>628.85249999999996</v>
      </c>
    </row>
    <row r="6733" spans="4:5" x14ac:dyDescent="0.25">
      <c r="D6733" s="6">
        <v>631.64559999999994</v>
      </c>
      <c r="E6733" s="6">
        <v>582.39750000000004</v>
      </c>
    </row>
    <row r="6734" spans="4:5" x14ac:dyDescent="0.25">
      <c r="D6734" s="6">
        <v>518.44190000000003</v>
      </c>
      <c r="E6734" s="6">
        <v>607</v>
      </c>
    </row>
    <row r="6735" spans="4:5" x14ac:dyDescent="0.25">
      <c r="D6735" s="6">
        <v>436.87529999999998</v>
      </c>
      <c r="E6735" s="6">
        <v>1301.2660000000001</v>
      </c>
    </row>
    <row r="6736" spans="4:5" x14ac:dyDescent="0.25">
      <c r="D6736" s="6">
        <v>567.72199999999998</v>
      </c>
      <c r="E6736" s="6">
        <v>745.55070000000001</v>
      </c>
    </row>
    <row r="6737" spans="4:5" x14ac:dyDescent="0.25">
      <c r="D6737" s="6">
        <v>474.62860000000001</v>
      </c>
      <c r="E6737" s="6">
        <v>4547.125</v>
      </c>
    </row>
    <row r="6738" spans="4:5" x14ac:dyDescent="0.25">
      <c r="D6738" s="6">
        <v>573.83529999999996</v>
      </c>
      <c r="E6738" s="6">
        <v>776.07360000000006</v>
      </c>
    </row>
    <row r="6739" spans="4:5" x14ac:dyDescent="0.25">
      <c r="D6739" s="6">
        <v>12431.75</v>
      </c>
      <c r="E6739" s="6">
        <v>1155.4000000000001</v>
      </c>
    </row>
    <row r="6740" spans="4:5" x14ac:dyDescent="0.25">
      <c r="D6740" s="6">
        <v>641.19200000000001</v>
      </c>
      <c r="E6740" s="6">
        <v>520.15120000000002</v>
      </c>
    </row>
    <row r="6741" spans="4:5" x14ac:dyDescent="0.25">
      <c r="D6741" s="6">
        <v>6550.6459999999997</v>
      </c>
      <c r="E6741" s="6">
        <v>556.95619999999997</v>
      </c>
    </row>
    <row r="6742" spans="4:5" x14ac:dyDescent="0.25">
      <c r="D6742" s="6">
        <v>756.19650000000001</v>
      </c>
      <c r="E6742" s="6">
        <v>735.52909999999997</v>
      </c>
    </row>
    <row r="6743" spans="4:5" x14ac:dyDescent="0.25">
      <c r="D6743" s="6">
        <v>949.13469999999995</v>
      </c>
      <c r="E6743" s="6">
        <v>1340.106</v>
      </c>
    </row>
    <row r="6744" spans="4:5" x14ac:dyDescent="0.25">
      <c r="D6744" s="6">
        <v>516.78819999999996</v>
      </c>
      <c r="E6744" s="6">
        <v>624.94449999999995</v>
      </c>
    </row>
    <row r="6745" spans="4:5" x14ac:dyDescent="0.25">
      <c r="D6745" s="6">
        <v>1758.5</v>
      </c>
      <c r="E6745" s="6">
        <v>486.3657</v>
      </c>
    </row>
    <row r="6746" spans="4:5" x14ac:dyDescent="0.25">
      <c r="D6746" s="6">
        <v>879.4393</v>
      </c>
      <c r="E6746" s="6">
        <v>1161.7329999999999</v>
      </c>
    </row>
    <row r="6747" spans="4:5" x14ac:dyDescent="0.25">
      <c r="D6747" s="6">
        <v>566.65189999999996</v>
      </c>
      <c r="E6747" s="6">
        <v>902.48720000000003</v>
      </c>
    </row>
    <row r="6748" spans="4:5" x14ac:dyDescent="0.25">
      <c r="D6748" s="6">
        <v>954.05439999999999</v>
      </c>
      <c r="E6748" s="6">
        <v>779.65390000000002</v>
      </c>
    </row>
    <row r="6749" spans="4:5" x14ac:dyDescent="0.25">
      <c r="D6749" s="6">
        <v>1610.6880000000001</v>
      </c>
      <c r="E6749" s="6">
        <v>755.45590000000004</v>
      </c>
    </row>
    <row r="6750" spans="4:5" x14ac:dyDescent="0.25">
      <c r="D6750" s="6">
        <v>554.93449999999996</v>
      </c>
      <c r="E6750" s="6">
        <v>615.43359999999996</v>
      </c>
    </row>
    <row r="6751" spans="4:5" x14ac:dyDescent="0.25">
      <c r="D6751" s="6">
        <v>2150.576</v>
      </c>
      <c r="E6751" s="6">
        <v>4996.9520000000002</v>
      </c>
    </row>
    <row r="6752" spans="4:5" x14ac:dyDescent="0.25">
      <c r="D6752" s="6">
        <v>512.01490000000001</v>
      </c>
      <c r="E6752" s="6">
        <v>720.28710000000001</v>
      </c>
    </row>
    <row r="6753" spans="4:5" x14ac:dyDescent="0.25">
      <c r="D6753" s="6">
        <v>546.50310000000002</v>
      </c>
      <c r="E6753" s="6">
        <v>503.77190000000002</v>
      </c>
    </row>
    <row r="6754" spans="4:5" x14ac:dyDescent="0.25">
      <c r="D6754" s="6">
        <v>803.18669999999997</v>
      </c>
      <c r="E6754" s="6">
        <v>704.10860000000002</v>
      </c>
    </row>
    <row r="6755" spans="4:5" x14ac:dyDescent="0.25">
      <c r="D6755" s="6">
        <v>588.64490000000001</v>
      </c>
      <c r="E6755" s="6">
        <v>8274.4359999999997</v>
      </c>
    </row>
    <row r="6756" spans="4:5" x14ac:dyDescent="0.25">
      <c r="D6756" s="6">
        <v>550.81979999999999</v>
      </c>
      <c r="E6756" s="6">
        <v>530.49369999999999</v>
      </c>
    </row>
    <row r="6757" spans="4:5" x14ac:dyDescent="0.25">
      <c r="D6757" s="6">
        <v>512.12900000000002</v>
      </c>
      <c r="E6757" s="6">
        <v>725.41160000000002</v>
      </c>
    </row>
    <row r="6758" spans="4:5" x14ac:dyDescent="0.25">
      <c r="D6758" s="6">
        <v>551.47379999999998</v>
      </c>
      <c r="E6758" s="6">
        <v>695.59709999999995</v>
      </c>
    </row>
    <row r="6759" spans="4:5" x14ac:dyDescent="0.25">
      <c r="D6759" s="6">
        <v>374.14769999999999</v>
      </c>
      <c r="E6759" s="6">
        <v>1480.6890000000001</v>
      </c>
    </row>
    <row r="6760" spans="4:5" x14ac:dyDescent="0.25">
      <c r="D6760" s="6">
        <v>1015.571</v>
      </c>
      <c r="E6760" s="6">
        <v>536.42650000000003</v>
      </c>
    </row>
    <row r="6761" spans="4:5" x14ac:dyDescent="0.25">
      <c r="D6761" s="6">
        <v>721.34320000000002</v>
      </c>
      <c r="E6761" s="6">
        <v>632.68349999999998</v>
      </c>
    </row>
    <row r="6762" spans="4:5" x14ac:dyDescent="0.25">
      <c r="D6762" s="6">
        <v>525.67729999999995</v>
      </c>
      <c r="E6762" s="6">
        <v>688.51649999999995</v>
      </c>
    </row>
    <row r="6763" spans="4:5" x14ac:dyDescent="0.25">
      <c r="D6763" s="6">
        <v>4110.8410000000003</v>
      </c>
      <c r="E6763" s="6">
        <v>4114.6019999999999</v>
      </c>
    </row>
    <row r="6764" spans="4:5" x14ac:dyDescent="0.25">
      <c r="D6764" s="6">
        <v>532.43989999999997</v>
      </c>
      <c r="E6764" s="6">
        <v>560.07420000000002</v>
      </c>
    </row>
    <row r="6765" spans="4:5" x14ac:dyDescent="0.25">
      <c r="D6765" s="6">
        <v>571.62630000000001</v>
      </c>
      <c r="E6765" s="6">
        <v>433.91300000000001</v>
      </c>
    </row>
    <row r="6766" spans="4:5" x14ac:dyDescent="0.25">
      <c r="D6766" s="6">
        <v>790.12339999999995</v>
      </c>
      <c r="E6766" s="6">
        <v>763.1481</v>
      </c>
    </row>
    <row r="6767" spans="4:5" x14ac:dyDescent="0.25">
      <c r="D6767" s="6">
        <v>5181.451</v>
      </c>
      <c r="E6767" s="6">
        <v>537.45659999999998</v>
      </c>
    </row>
    <row r="6768" spans="4:5" x14ac:dyDescent="0.25">
      <c r="D6768" s="6">
        <v>543.31200000000001</v>
      </c>
      <c r="E6768" s="6">
        <v>883.20849999999996</v>
      </c>
    </row>
    <row r="6769" spans="4:5" x14ac:dyDescent="0.25">
      <c r="D6769" s="6">
        <v>494.0102</v>
      </c>
      <c r="E6769" s="6">
        <v>708.86170000000004</v>
      </c>
    </row>
    <row r="6770" spans="4:5" x14ac:dyDescent="0.25">
      <c r="D6770" s="6">
        <v>5183.942</v>
      </c>
      <c r="E6770" s="6">
        <v>766.01</v>
      </c>
    </row>
    <row r="6771" spans="4:5" x14ac:dyDescent="0.25">
      <c r="D6771" s="6">
        <v>626.43179999999995</v>
      </c>
      <c r="E6771" s="6">
        <v>502.69850000000002</v>
      </c>
    </row>
    <row r="6772" spans="4:5" x14ac:dyDescent="0.25">
      <c r="D6772" s="6">
        <v>889.625</v>
      </c>
      <c r="E6772" s="6">
        <v>492.3596</v>
      </c>
    </row>
    <row r="6773" spans="4:5" x14ac:dyDescent="0.25">
      <c r="D6773" s="6">
        <v>935.53689999999995</v>
      </c>
      <c r="E6773" s="6">
        <v>871.06669999999997</v>
      </c>
    </row>
    <row r="6774" spans="4:5" x14ac:dyDescent="0.25">
      <c r="D6774" s="6">
        <v>810.74699999999996</v>
      </c>
      <c r="E6774" s="6">
        <v>694.02480000000003</v>
      </c>
    </row>
    <row r="6775" spans="4:5" x14ac:dyDescent="0.25">
      <c r="D6775" s="6">
        <v>388.71319999999997</v>
      </c>
      <c r="E6775" s="6">
        <v>562.77890000000002</v>
      </c>
    </row>
    <row r="6776" spans="4:5" x14ac:dyDescent="0.25">
      <c r="D6776" s="6">
        <v>599.98670000000004</v>
      </c>
      <c r="E6776" s="6">
        <v>1343.021</v>
      </c>
    </row>
    <row r="6777" spans="4:5" x14ac:dyDescent="0.25">
      <c r="D6777" s="6">
        <v>565.2921</v>
      </c>
      <c r="E6777" s="6">
        <v>616</v>
      </c>
    </row>
    <row r="6778" spans="4:5" x14ac:dyDescent="0.25">
      <c r="D6778" s="6">
        <v>6974.9170000000004</v>
      </c>
      <c r="E6778" s="6">
        <v>610.72519999999997</v>
      </c>
    </row>
    <row r="6779" spans="4:5" x14ac:dyDescent="0.25">
      <c r="D6779" s="6">
        <v>743.02710000000002</v>
      </c>
      <c r="E6779" s="6">
        <v>798.83569999999997</v>
      </c>
    </row>
    <row r="6780" spans="4:5" x14ac:dyDescent="0.25">
      <c r="D6780" s="6">
        <v>5875.8</v>
      </c>
      <c r="E6780" s="6">
        <v>666.71119999999996</v>
      </c>
    </row>
    <row r="6781" spans="4:5" x14ac:dyDescent="0.25">
      <c r="D6781" s="6">
        <v>575.60220000000004</v>
      </c>
      <c r="E6781" s="6">
        <v>525.00390000000004</v>
      </c>
    </row>
    <row r="6782" spans="4:5" x14ac:dyDescent="0.25">
      <c r="D6782" s="6">
        <v>504.25150000000002</v>
      </c>
      <c r="E6782" s="6">
        <v>693.13829999999996</v>
      </c>
    </row>
    <row r="6783" spans="4:5" x14ac:dyDescent="0.25">
      <c r="D6783" s="6">
        <v>599.08140000000003</v>
      </c>
      <c r="E6783" s="6">
        <v>1340.9649999999999</v>
      </c>
    </row>
    <row r="6784" spans="4:5" x14ac:dyDescent="0.25">
      <c r="D6784" s="6">
        <v>727.88549999999998</v>
      </c>
      <c r="E6784" s="6">
        <v>578.49249999999995</v>
      </c>
    </row>
    <row r="6785" spans="4:5" x14ac:dyDescent="0.25">
      <c r="D6785" s="6">
        <v>584.83219999999994</v>
      </c>
      <c r="E6785" s="6">
        <v>5083.46</v>
      </c>
    </row>
    <row r="6786" spans="4:5" x14ac:dyDescent="0.25">
      <c r="D6786" s="6">
        <v>840.048</v>
      </c>
      <c r="E6786" s="6">
        <v>712.62189999999998</v>
      </c>
    </row>
    <row r="6787" spans="4:5" x14ac:dyDescent="0.25">
      <c r="D6787" s="6">
        <v>1097.1990000000001</v>
      </c>
      <c r="E6787" s="6">
        <v>4481.6170000000002</v>
      </c>
    </row>
    <row r="6788" spans="4:5" x14ac:dyDescent="0.25">
      <c r="D6788" s="6">
        <v>761.79399999999998</v>
      </c>
      <c r="E6788" s="6">
        <v>896.03890000000001</v>
      </c>
    </row>
    <row r="6789" spans="4:5" x14ac:dyDescent="0.25">
      <c r="D6789" s="6">
        <v>4137.2439999999997</v>
      </c>
      <c r="E6789" s="6">
        <v>1132.068</v>
      </c>
    </row>
    <row r="6790" spans="4:5" x14ac:dyDescent="0.25">
      <c r="D6790" s="6">
        <v>795.08950000000004</v>
      </c>
      <c r="E6790" s="6">
        <v>2977.1480000000001</v>
      </c>
    </row>
    <row r="6791" spans="4:5" x14ac:dyDescent="0.25">
      <c r="D6791" s="6">
        <v>525.6653</v>
      </c>
      <c r="E6791" s="6">
        <v>511.05200000000002</v>
      </c>
    </row>
    <row r="6792" spans="4:5" x14ac:dyDescent="0.25">
      <c r="D6792" s="6">
        <v>717.95709999999997</v>
      </c>
      <c r="E6792" s="6">
        <v>592.94150000000002</v>
      </c>
    </row>
    <row r="6793" spans="4:5" x14ac:dyDescent="0.25">
      <c r="D6793" s="6">
        <v>800.91300000000001</v>
      </c>
      <c r="E6793" s="6">
        <v>504.642</v>
      </c>
    </row>
    <row r="6794" spans="4:5" x14ac:dyDescent="0.25">
      <c r="D6794" s="6">
        <v>618.44029999999998</v>
      </c>
      <c r="E6794" s="6">
        <v>638.66809999999998</v>
      </c>
    </row>
    <row r="6795" spans="4:5" x14ac:dyDescent="0.25">
      <c r="D6795" s="6">
        <v>1338.49</v>
      </c>
      <c r="E6795" s="6">
        <v>941.84979999999996</v>
      </c>
    </row>
    <row r="6796" spans="4:5" x14ac:dyDescent="0.25">
      <c r="D6796" s="6">
        <v>3297.7420000000002</v>
      </c>
      <c r="E6796" s="6">
        <v>523.16780000000006</v>
      </c>
    </row>
    <row r="6797" spans="4:5" x14ac:dyDescent="0.25">
      <c r="D6797" s="6">
        <v>516.80100000000004</v>
      </c>
      <c r="E6797" s="6">
        <v>809.31960000000004</v>
      </c>
    </row>
    <row r="6798" spans="4:5" x14ac:dyDescent="0.25">
      <c r="D6798" s="6">
        <v>932.875</v>
      </c>
      <c r="E6798" s="6">
        <v>5285.732</v>
      </c>
    </row>
    <row r="6799" spans="4:5" x14ac:dyDescent="0.25">
      <c r="D6799" s="6">
        <v>541.83309999999994</v>
      </c>
      <c r="E6799" s="6">
        <v>520.96960000000001</v>
      </c>
    </row>
    <row r="6800" spans="4:5" x14ac:dyDescent="0.25">
      <c r="D6800" s="6">
        <v>484.88580000000002</v>
      </c>
      <c r="E6800" s="6">
        <v>626.4357</v>
      </c>
    </row>
    <row r="6801" spans="4:5" x14ac:dyDescent="0.25">
      <c r="D6801" s="6">
        <v>399.97359999999998</v>
      </c>
      <c r="E6801" s="6">
        <v>1603.972</v>
      </c>
    </row>
    <row r="6802" spans="4:5" x14ac:dyDescent="0.25">
      <c r="D6802" s="6">
        <v>1131.6669999999999</v>
      </c>
      <c r="E6802" s="6">
        <v>1720.009</v>
      </c>
    </row>
    <row r="6803" spans="4:5" x14ac:dyDescent="0.25">
      <c r="D6803" s="6">
        <v>515.12450000000001</v>
      </c>
      <c r="E6803" s="6">
        <v>646.10879999999997</v>
      </c>
    </row>
    <row r="6804" spans="4:5" x14ac:dyDescent="0.25">
      <c r="D6804" s="6">
        <v>598.54729999999995</v>
      </c>
      <c r="E6804" s="6">
        <v>651.41099999999994</v>
      </c>
    </row>
    <row r="6805" spans="4:5" x14ac:dyDescent="0.25">
      <c r="D6805" s="6">
        <v>1219.894</v>
      </c>
      <c r="E6805" s="6">
        <v>548.07420000000002</v>
      </c>
    </row>
    <row r="6806" spans="4:5" x14ac:dyDescent="0.25">
      <c r="D6806" s="6">
        <v>780.12869999999998</v>
      </c>
      <c r="E6806" s="6">
        <v>451.26369999999997</v>
      </c>
    </row>
    <row r="6807" spans="4:5" x14ac:dyDescent="0.25">
      <c r="D6807" s="6">
        <v>688.48009999999999</v>
      </c>
      <c r="E6807" s="6">
        <v>341.28870000000001</v>
      </c>
    </row>
    <row r="6808" spans="4:5" x14ac:dyDescent="0.25">
      <c r="D6808" s="6">
        <v>1063.0509999999999</v>
      </c>
      <c r="E6808" s="6">
        <v>1616.6780000000001</v>
      </c>
    </row>
    <row r="6809" spans="4:5" x14ac:dyDescent="0.25">
      <c r="D6809" s="6">
        <v>1395.3430000000001</v>
      </c>
      <c r="E6809" s="6">
        <v>905.34799999999996</v>
      </c>
    </row>
    <row r="6810" spans="4:5" x14ac:dyDescent="0.25">
      <c r="D6810" s="6">
        <v>516.02539999999999</v>
      </c>
      <c r="E6810" s="6">
        <v>1035.904</v>
      </c>
    </row>
    <row r="6811" spans="4:5" x14ac:dyDescent="0.25">
      <c r="D6811" s="6">
        <v>3367.828</v>
      </c>
      <c r="E6811" s="6">
        <v>953.74789999999996</v>
      </c>
    </row>
    <row r="6812" spans="4:5" x14ac:dyDescent="0.25">
      <c r="D6812" s="6">
        <v>497.52089999999998</v>
      </c>
      <c r="E6812" s="6">
        <v>613.42859999999996</v>
      </c>
    </row>
    <row r="6813" spans="4:5" x14ac:dyDescent="0.25">
      <c r="D6813" s="6">
        <v>479.99770000000001</v>
      </c>
      <c r="E6813" s="6">
        <v>615.15499999999997</v>
      </c>
    </row>
    <row r="6814" spans="4:5" x14ac:dyDescent="0.25">
      <c r="D6814" s="6">
        <v>1140.779</v>
      </c>
      <c r="E6814" s="6">
        <v>1178.625</v>
      </c>
    </row>
    <row r="6815" spans="4:5" x14ac:dyDescent="0.25">
      <c r="D6815" s="6">
        <v>612.03129999999999</v>
      </c>
      <c r="E6815" s="6">
        <v>565.39509999999996</v>
      </c>
    </row>
    <row r="6816" spans="4:5" x14ac:dyDescent="0.25">
      <c r="D6816" s="6">
        <v>514.85850000000005</v>
      </c>
      <c r="E6816" s="6">
        <v>687.6223</v>
      </c>
    </row>
    <row r="6817" spans="4:5" x14ac:dyDescent="0.25">
      <c r="D6817" s="6">
        <v>1370.7070000000001</v>
      </c>
      <c r="E6817" s="6">
        <v>749.23530000000005</v>
      </c>
    </row>
    <row r="6818" spans="4:5" x14ac:dyDescent="0.25">
      <c r="D6818" s="6">
        <v>658.55110000000002</v>
      </c>
      <c r="E6818" s="6">
        <v>775.77650000000006</v>
      </c>
    </row>
    <row r="6819" spans="4:5" x14ac:dyDescent="0.25">
      <c r="D6819" s="6">
        <v>565.44100000000003</v>
      </c>
      <c r="E6819" s="6">
        <v>479.00400000000002</v>
      </c>
    </row>
    <row r="6820" spans="4:5" x14ac:dyDescent="0.25">
      <c r="D6820" s="6">
        <v>5954.5479999999998</v>
      </c>
      <c r="E6820" s="6">
        <v>433.1463</v>
      </c>
    </row>
    <row r="6821" spans="4:5" x14ac:dyDescent="0.25">
      <c r="D6821" s="6">
        <v>459.64179999999999</v>
      </c>
      <c r="E6821" s="6">
        <v>2236.1709999999998</v>
      </c>
    </row>
    <row r="6822" spans="4:5" x14ac:dyDescent="0.25">
      <c r="D6822" s="6">
        <v>598.22879999999998</v>
      </c>
      <c r="E6822" s="6">
        <v>611.8021</v>
      </c>
    </row>
    <row r="6823" spans="4:5" x14ac:dyDescent="0.25">
      <c r="D6823" s="6">
        <v>540.7174</v>
      </c>
      <c r="E6823" s="6">
        <v>721.73440000000005</v>
      </c>
    </row>
    <row r="6824" spans="4:5" x14ac:dyDescent="0.25">
      <c r="D6824" s="6">
        <v>907.44299999999998</v>
      </c>
      <c r="E6824" s="6">
        <v>3854.962</v>
      </c>
    </row>
    <row r="6825" spans="4:5" x14ac:dyDescent="0.25">
      <c r="D6825" s="6">
        <v>435.39030000000002</v>
      </c>
      <c r="E6825" s="6">
        <v>1155.9949999999999</v>
      </c>
    </row>
    <row r="6826" spans="4:5" x14ac:dyDescent="0.25">
      <c r="D6826" s="6">
        <v>571.78539999999998</v>
      </c>
      <c r="E6826" s="6">
        <v>588.38520000000005</v>
      </c>
    </row>
    <row r="6827" spans="4:5" x14ac:dyDescent="0.25">
      <c r="D6827" s="6">
        <v>1418.5119999999999</v>
      </c>
      <c r="E6827" s="6">
        <v>1339.5719999999999</v>
      </c>
    </row>
    <row r="6828" spans="4:5" x14ac:dyDescent="0.25">
      <c r="D6828" s="6">
        <v>583.51829999999995</v>
      </c>
      <c r="E6828" s="6">
        <v>1569.75</v>
      </c>
    </row>
    <row r="6829" spans="4:5" x14ac:dyDescent="0.25">
      <c r="D6829" s="6">
        <v>535.11429999999996</v>
      </c>
      <c r="E6829" s="6">
        <v>571.21199999999999</v>
      </c>
    </row>
    <row r="6830" spans="4:5" x14ac:dyDescent="0.25">
      <c r="D6830" s="6">
        <v>1904</v>
      </c>
      <c r="E6830" s="6">
        <v>1690.7909999999999</v>
      </c>
    </row>
    <row r="6831" spans="4:5" x14ac:dyDescent="0.25">
      <c r="D6831" s="6">
        <v>882.77359999999999</v>
      </c>
      <c r="E6831" s="6">
        <v>4607.03</v>
      </c>
    </row>
    <row r="6832" spans="4:5" x14ac:dyDescent="0.25">
      <c r="D6832" s="6">
        <v>1009.495</v>
      </c>
      <c r="E6832" s="6">
        <v>623.84349999999995</v>
      </c>
    </row>
    <row r="6833" spans="4:5" x14ac:dyDescent="0.25">
      <c r="D6833" s="6">
        <v>518.78459999999995</v>
      </c>
      <c r="E6833" s="6">
        <v>5310.027</v>
      </c>
    </row>
    <row r="6834" spans="4:5" x14ac:dyDescent="0.25">
      <c r="D6834" s="6">
        <v>743.67780000000005</v>
      </c>
      <c r="E6834" s="6">
        <v>567.57370000000003</v>
      </c>
    </row>
    <row r="6835" spans="4:5" x14ac:dyDescent="0.25">
      <c r="D6835" s="6">
        <v>539.14120000000003</v>
      </c>
      <c r="E6835" s="6">
        <v>560.68470000000002</v>
      </c>
    </row>
    <row r="6836" spans="4:5" x14ac:dyDescent="0.25">
      <c r="D6836" s="6">
        <v>648.34889999999996</v>
      </c>
      <c r="E6836" s="6">
        <v>717.89409999999998</v>
      </c>
    </row>
    <row r="6837" spans="4:5" x14ac:dyDescent="0.25">
      <c r="D6837" s="6">
        <v>773.16669999999999</v>
      </c>
      <c r="E6837" s="6">
        <v>3190.7860000000001</v>
      </c>
    </row>
    <row r="6838" spans="4:5" x14ac:dyDescent="0.25">
      <c r="D6838" s="6">
        <v>756.93150000000003</v>
      </c>
      <c r="E6838" s="6">
        <v>809.65899999999999</v>
      </c>
    </row>
    <row r="6839" spans="4:5" x14ac:dyDescent="0.25">
      <c r="D6839" s="6">
        <v>387.80130000000003</v>
      </c>
      <c r="E6839" s="6">
        <v>2161.491</v>
      </c>
    </row>
    <row r="6840" spans="4:5" x14ac:dyDescent="0.25">
      <c r="D6840" s="6">
        <v>599.66430000000003</v>
      </c>
      <c r="E6840" s="6">
        <v>763.15319999999997</v>
      </c>
    </row>
    <row r="6841" spans="4:5" x14ac:dyDescent="0.25">
      <c r="D6841" s="6">
        <v>451.73390000000001</v>
      </c>
      <c r="E6841" s="6">
        <v>1457.8710000000001</v>
      </c>
    </row>
    <row r="6842" spans="4:5" x14ac:dyDescent="0.25">
      <c r="D6842" s="6">
        <v>1639.327</v>
      </c>
      <c r="E6842" s="6">
        <v>5288.8360000000002</v>
      </c>
    </row>
    <row r="6843" spans="4:5" x14ac:dyDescent="0.25">
      <c r="D6843" s="6">
        <v>818.26</v>
      </c>
      <c r="E6843" s="6">
        <v>4356.2250000000004</v>
      </c>
    </row>
    <row r="6844" spans="4:5" x14ac:dyDescent="0.25">
      <c r="D6844" s="6">
        <v>515.69719999999995</v>
      </c>
      <c r="E6844" s="6">
        <v>1110.5999999999999</v>
      </c>
    </row>
    <row r="6845" spans="4:5" x14ac:dyDescent="0.25">
      <c r="D6845" s="6">
        <v>487.92680000000001</v>
      </c>
      <c r="E6845" s="6">
        <v>2867.6149999999998</v>
      </c>
    </row>
    <row r="6846" spans="4:5" x14ac:dyDescent="0.25">
      <c r="D6846" s="6">
        <v>578.15710000000001</v>
      </c>
      <c r="E6846" s="6">
        <v>690.03980000000001</v>
      </c>
    </row>
    <row r="6847" spans="4:5" x14ac:dyDescent="0.25">
      <c r="D6847" s="6">
        <v>553.31050000000005</v>
      </c>
      <c r="E6847" s="6">
        <v>547.005</v>
      </c>
    </row>
    <row r="6848" spans="4:5" x14ac:dyDescent="0.25">
      <c r="D6848" s="6">
        <v>672.9674</v>
      </c>
      <c r="E6848" s="6">
        <v>6498.4170000000004</v>
      </c>
    </row>
    <row r="6849" spans="4:5" x14ac:dyDescent="0.25">
      <c r="D6849" s="6">
        <v>919.37279999999998</v>
      </c>
      <c r="E6849" s="6">
        <v>764.24490000000003</v>
      </c>
    </row>
    <row r="6850" spans="4:5" x14ac:dyDescent="0.25">
      <c r="D6850" s="6">
        <v>623.0095</v>
      </c>
      <c r="E6850" s="6">
        <v>625.54290000000003</v>
      </c>
    </row>
    <row r="6851" spans="4:5" x14ac:dyDescent="0.25">
      <c r="D6851" s="6">
        <v>6891.8410000000003</v>
      </c>
      <c r="E6851" s="6">
        <v>542.94510000000002</v>
      </c>
    </row>
    <row r="6852" spans="4:5" x14ac:dyDescent="0.25">
      <c r="D6852" s="6">
        <v>659.30259999999998</v>
      </c>
      <c r="E6852" s="6">
        <v>505.78710000000001</v>
      </c>
    </row>
    <row r="6853" spans="4:5" x14ac:dyDescent="0.25">
      <c r="D6853" s="6">
        <v>1204.3420000000001</v>
      </c>
      <c r="E6853" s="6">
        <v>555.05340000000001</v>
      </c>
    </row>
    <row r="6854" spans="4:5" x14ac:dyDescent="0.25">
      <c r="D6854" s="6">
        <v>3627.5</v>
      </c>
      <c r="E6854" s="6">
        <v>1294.4559999999999</v>
      </c>
    </row>
    <row r="6855" spans="4:5" x14ac:dyDescent="0.25">
      <c r="D6855" s="6">
        <v>1273.2909999999999</v>
      </c>
      <c r="E6855" s="6">
        <v>126.28100000000001</v>
      </c>
    </row>
    <row r="6856" spans="4:5" x14ac:dyDescent="0.25">
      <c r="D6856" s="6">
        <v>571.65210000000002</v>
      </c>
      <c r="E6856" s="6">
        <v>765.08529999999996</v>
      </c>
    </row>
    <row r="6857" spans="4:5" x14ac:dyDescent="0.25">
      <c r="D6857" s="6">
        <v>580.89449999999999</v>
      </c>
      <c r="E6857" s="6">
        <v>1134.6400000000001</v>
      </c>
    </row>
    <row r="6858" spans="4:5" x14ac:dyDescent="0.25">
      <c r="D6858" s="6">
        <v>517.09320000000002</v>
      </c>
      <c r="E6858" s="6">
        <v>4534.4889999999996</v>
      </c>
    </row>
    <row r="6859" spans="4:5" x14ac:dyDescent="0.25">
      <c r="D6859" s="6">
        <v>718.06880000000001</v>
      </c>
      <c r="E6859" s="6">
        <v>1563.6669999999999</v>
      </c>
    </row>
    <row r="6860" spans="4:5" x14ac:dyDescent="0.25">
      <c r="D6860" s="6">
        <v>6433.6670000000004</v>
      </c>
      <c r="E6860" s="6">
        <v>4130.1840000000002</v>
      </c>
    </row>
    <row r="6861" spans="4:5" x14ac:dyDescent="0.25">
      <c r="D6861" s="6">
        <v>525.47680000000003</v>
      </c>
      <c r="E6861" s="6">
        <v>861.18039999999996</v>
      </c>
    </row>
    <row r="6862" spans="4:5" x14ac:dyDescent="0.25">
      <c r="D6862" s="6">
        <v>540.89229999999998</v>
      </c>
      <c r="E6862" s="6">
        <v>1534.6320000000001</v>
      </c>
    </row>
    <row r="6863" spans="4:5" x14ac:dyDescent="0.25">
      <c r="D6863" s="6">
        <v>538.62840000000006</v>
      </c>
      <c r="E6863" s="6">
        <v>2076.989</v>
      </c>
    </row>
    <row r="6864" spans="4:5" x14ac:dyDescent="0.25">
      <c r="D6864" s="6">
        <v>1719.4290000000001</v>
      </c>
      <c r="E6864" s="6">
        <v>482.60980000000001</v>
      </c>
    </row>
    <row r="6865" spans="4:5" x14ac:dyDescent="0.25">
      <c r="D6865" s="6">
        <v>400.77600000000001</v>
      </c>
      <c r="E6865" s="6">
        <v>455.7004</v>
      </c>
    </row>
    <row r="6866" spans="4:5" x14ac:dyDescent="0.25">
      <c r="D6866" s="6">
        <v>1174.3869999999999</v>
      </c>
      <c r="E6866" s="6">
        <v>3453.3359999999998</v>
      </c>
    </row>
    <row r="6867" spans="4:5" x14ac:dyDescent="0.25">
      <c r="D6867" s="6">
        <v>1575.0329999999999</v>
      </c>
      <c r="E6867" s="6">
        <v>842.43169999999998</v>
      </c>
    </row>
    <row r="6868" spans="4:5" x14ac:dyDescent="0.25">
      <c r="D6868" s="6">
        <v>951</v>
      </c>
      <c r="E6868" s="6">
        <v>648.95759999999996</v>
      </c>
    </row>
    <row r="6869" spans="4:5" x14ac:dyDescent="0.25">
      <c r="D6869" s="6">
        <v>695.11289999999997</v>
      </c>
      <c r="E6869" s="6">
        <v>740.65179999999998</v>
      </c>
    </row>
    <row r="6870" spans="4:5" x14ac:dyDescent="0.25">
      <c r="D6870" s="6">
        <v>8633.0130000000008</v>
      </c>
      <c r="E6870" s="6">
        <v>766.7088</v>
      </c>
    </row>
    <row r="6871" spans="4:5" x14ac:dyDescent="0.25">
      <c r="D6871" s="6">
        <v>678.11590000000001</v>
      </c>
      <c r="E6871" s="6">
        <v>11738.04</v>
      </c>
    </row>
    <row r="6872" spans="4:5" x14ac:dyDescent="0.25">
      <c r="D6872" s="6">
        <v>764.84479999999996</v>
      </c>
      <c r="E6872" s="6">
        <v>1027.4649999999999</v>
      </c>
    </row>
    <row r="6873" spans="4:5" x14ac:dyDescent="0.25">
      <c r="D6873" s="6">
        <v>611.41380000000004</v>
      </c>
      <c r="E6873" s="6">
        <v>511.80489999999998</v>
      </c>
    </row>
    <row r="6874" spans="4:5" x14ac:dyDescent="0.25">
      <c r="D6874" s="6">
        <v>7121.058</v>
      </c>
      <c r="E6874" s="6">
        <v>758.25</v>
      </c>
    </row>
    <row r="6875" spans="4:5" x14ac:dyDescent="0.25">
      <c r="D6875" s="6">
        <v>477.08170000000001</v>
      </c>
      <c r="E6875" s="6">
        <v>515.42690000000005</v>
      </c>
    </row>
    <row r="6876" spans="4:5" x14ac:dyDescent="0.25">
      <c r="D6876" s="6">
        <v>633.54679999999996</v>
      </c>
      <c r="E6876" s="6">
        <v>672.14290000000005</v>
      </c>
    </row>
    <row r="6877" spans="4:5" x14ac:dyDescent="0.25">
      <c r="D6877" s="6">
        <v>910.38499999999999</v>
      </c>
      <c r="E6877" s="6">
        <v>581.37310000000002</v>
      </c>
    </row>
    <row r="6878" spans="4:5" x14ac:dyDescent="0.25">
      <c r="D6878" s="6">
        <v>472.98840000000001</v>
      </c>
      <c r="E6878" s="6">
        <v>615.83709999999996</v>
      </c>
    </row>
    <row r="6879" spans="4:5" x14ac:dyDescent="0.25">
      <c r="D6879" s="6">
        <v>466.25470000000001</v>
      </c>
      <c r="E6879" s="6">
        <v>436.75310000000002</v>
      </c>
    </row>
    <row r="6880" spans="4:5" x14ac:dyDescent="0.25">
      <c r="D6880" s="6">
        <v>560.01430000000005</v>
      </c>
      <c r="E6880" s="6">
        <v>529.62130000000002</v>
      </c>
    </row>
    <row r="6881" spans="4:5" x14ac:dyDescent="0.25">
      <c r="D6881" s="6">
        <v>513.46280000000002</v>
      </c>
      <c r="E6881" s="6">
        <v>887.69629999999995</v>
      </c>
    </row>
    <row r="6882" spans="4:5" x14ac:dyDescent="0.25">
      <c r="D6882" s="6">
        <v>3298.53</v>
      </c>
      <c r="E6882" s="6">
        <v>1351.0909999999999</v>
      </c>
    </row>
    <row r="6883" spans="4:5" x14ac:dyDescent="0.25">
      <c r="D6883" s="6">
        <v>520.54020000000003</v>
      </c>
      <c r="E6883" s="6">
        <v>1848.944</v>
      </c>
    </row>
    <row r="6884" spans="4:5" x14ac:dyDescent="0.25">
      <c r="D6884" s="6">
        <v>482.79239999999999</v>
      </c>
      <c r="E6884" s="6">
        <v>513.85270000000003</v>
      </c>
    </row>
    <row r="6885" spans="4:5" x14ac:dyDescent="0.25">
      <c r="D6885" s="6">
        <v>1586.854</v>
      </c>
      <c r="E6885" s="6">
        <v>531.55719999999997</v>
      </c>
    </row>
    <row r="6886" spans="4:5" x14ac:dyDescent="0.25">
      <c r="D6886" s="6">
        <v>468.19779999999997</v>
      </c>
      <c r="E6886" s="6">
        <v>451.59129999999999</v>
      </c>
    </row>
    <row r="6887" spans="4:5" x14ac:dyDescent="0.25">
      <c r="D6887" s="6">
        <v>492.36040000000003</v>
      </c>
      <c r="E6887" s="6">
        <v>2971.0819999999999</v>
      </c>
    </row>
    <row r="6888" spans="4:5" x14ac:dyDescent="0.25">
      <c r="D6888" s="6">
        <v>584.67700000000002</v>
      </c>
      <c r="E6888" s="6">
        <v>545.37469999999996</v>
      </c>
    </row>
    <row r="6889" spans="4:5" x14ac:dyDescent="0.25">
      <c r="D6889" s="6">
        <v>606.68179999999995</v>
      </c>
      <c r="E6889" s="6">
        <v>600.9597</v>
      </c>
    </row>
    <row r="6890" spans="4:5" x14ac:dyDescent="0.25">
      <c r="D6890" s="6">
        <v>642.35649999999998</v>
      </c>
      <c r="E6890" s="6">
        <v>579.31600000000003</v>
      </c>
    </row>
    <row r="6891" spans="4:5" x14ac:dyDescent="0.25">
      <c r="D6891" s="6">
        <v>683.82449999999994</v>
      </c>
      <c r="E6891" s="6">
        <v>578.92229999999995</v>
      </c>
    </row>
    <row r="6892" spans="4:5" x14ac:dyDescent="0.25">
      <c r="D6892" s="6">
        <v>523.5951</v>
      </c>
      <c r="E6892" s="6">
        <v>802.09159999999997</v>
      </c>
    </row>
    <row r="6893" spans="4:5" x14ac:dyDescent="0.25">
      <c r="D6893" s="6">
        <v>2159.3780000000002</v>
      </c>
      <c r="E6893" s="6">
        <v>575.53399999999999</v>
      </c>
    </row>
    <row r="6894" spans="4:5" x14ac:dyDescent="0.25">
      <c r="D6894" s="6">
        <v>1010.559</v>
      </c>
      <c r="E6894" s="6">
        <v>515.12990000000002</v>
      </c>
    </row>
    <row r="6895" spans="4:5" x14ac:dyDescent="0.25">
      <c r="D6895" s="6">
        <v>617.8252</v>
      </c>
      <c r="E6895" s="6">
        <v>1550.662</v>
      </c>
    </row>
    <row r="6896" spans="4:5" x14ac:dyDescent="0.25">
      <c r="D6896" s="6">
        <v>1273.423</v>
      </c>
      <c r="E6896" s="6">
        <v>811.899</v>
      </c>
    </row>
    <row r="6897" spans="4:5" x14ac:dyDescent="0.25">
      <c r="D6897" s="6">
        <v>459.22649999999999</v>
      </c>
      <c r="E6897" s="6">
        <v>3585.8870000000002</v>
      </c>
    </row>
    <row r="6898" spans="4:5" x14ac:dyDescent="0.25">
      <c r="D6898" s="6">
        <v>595.50009999999997</v>
      </c>
      <c r="E6898" s="6">
        <v>1334.8610000000001</v>
      </c>
    </row>
    <row r="6899" spans="4:5" x14ac:dyDescent="0.25">
      <c r="D6899" s="6">
        <v>654</v>
      </c>
      <c r="E6899" s="6">
        <v>773.68510000000003</v>
      </c>
    </row>
    <row r="6900" spans="4:5" x14ac:dyDescent="0.25">
      <c r="D6900" s="6">
        <v>555.42819999999995</v>
      </c>
      <c r="E6900" s="6">
        <v>724.95450000000005</v>
      </c>
    </row>
    <row r="6901" spans="4:5" x14ac:dyDescent="0.25">
      <c r="D6901" s="6">
        <v>604.49429999999995</v>
      </c>
      <c r="E6901" s="6">
        <v>589.61959999999999</v>
      </c>
    </row>
    <row r="6902" spans="4:5" x14ac:dyDescent="0.25">
      <c r="D6902" s="6">
        <v>511.79259999999999</v>
      </c>
      <c r="E6902" s="6">
        <v>603.92179999999996</v>
      </c>
    </row>
    <row r="6903" spans="4:5" x14ac:dyDescent="0.25">
      <c r="D6903" s="6">
        <v>508.48169999999999</v>
      </c>
      <c r="E6903" s="6">
        <v>572.65340000000003</v>
      </c>
    </row>
    <row r="6904" spans="4:5" x14ac:dyDescent="0.25">
      <c r="D6904" s="6">
        <v>1362.1659999999999</v>
      </c>
      <c r="E6904" s="6">
        <v>581.98410000000001</v>
      </c>
    </row>
    <row r="6905" spans="4:5" x14ac:dyDescent="0.25">
      <c r="D6905" s="6">
        <v>1032.0239999999999</v>
      </c>
      <c r="E6905" s="6">
        <v>900.84529999999995</v>
      </c>
    </row>
    <row r="6906" spans="4:5" x14ac:dyDescent="0.25">
      <c r="D6906" s="6">
        <v>624.39469999999994</v>
      </c>
      <c r="E6906" s="6">
        <v>785.3605</v>
      </c>
    </row>
    <row r="6907" spans="4:5" x14ac:dyDescent="0.25">
      <c r="D6907" s="6">
        <v>589.37519999999995</v>
      </c>
      <c r="E6907" s="6">
        <v>1485.454</v>
      </c>
    </row>
    <row r="6908" spans="4:5" x14ac:dyDescent="0.25">
      <c r="D6908" s="6">
        <v>695.8</v>
      </c>
      <c r="E6908" s="6">
        <v>877.02679999999998</v>
      </c>
    </row>
    <row r="6909" spans="4:5" x14ac:dyDescent="0.25">
      <c r="D6909" s="6">
        <v>676.82209999999998</v>
      </c>
      <c r="E6909" s="6">
        <v>613.5231</v>
      </c>
    </row>
    <row r="6910" spans="4:5" x14ac:dyDescent="0.25">
      <c r="D6910" s="6">
        <v>448.23660000000001</v>
      </c>
      <c r="E6910" s="6">
        <v>688.27409999999998</v>
      </c>
    </row>
    <row r="6911" spans="4:5" x14ac:dyDescent="0.25">
      <c r="D6911" s="6">
        <v>873.69489999999996</v>
      </c>
      <c r="E6911" s="6">
        <v>619.63940000000002</v>
      </c>
    </row>
    <row r="6912" spans="4:5" x14ac:dyDescent="0.25">
      <c r="D6912" s="6">
        <v>468.20249999999999</v>
      </c>
      <c r="E6912" s="6">
        <v>660.66669999999999</v>
      </c>
    </row>
    <row r="6913" spans="4:5" x14ac:dyDescent="0.25">
      <c r="D6913" s="6">
        <v>9787.1880000000001</v>
      </c>
      <c r="E6913" s="6">
        <v>3405.576</v>
      </c>
    </row>
    <row r="6914" spans="4:5" x14ac:dyDescent="0.25">
      <c r="D6914" s="6">
        <v>617.76670000000001</v>
      </c>
      <c r="E6914" s="6">
        <v>570.53070000000002</v>
      </c>
    </row>
    <row r="6915" spans="4:5" x14ac:dyDescent="0.25">
      <c r="D6915" s="6">
        <v>1901.4559999999999</v>
      </c>
      <c r="E6915" s="6">
        <v>3718.3020000000001</v>
      </c>
    </row>
    <row r="6916" spans="4:5" x14ac:dyDescent="0.25">
      <c r="D6916" s="6">
        <v>1192.4749999999999</v>
      </c>
      <c r="E6916" s="6">
        <v>599.65160000000003</v>
      </c>
    </row>
    <row r="6917" spans="4:5" x14ac:dyDescent="0.25">
      <c r="D6917" s="6">
        <v>611.37059999999997</v>
      </c>
      <c r="E6917" s="6">
        <v>785.2165</v>
      </c>
    </row>
    <row r="6918" spans="4:5" x14ac:dyDescent="0.25">
      <c r="D6918" s="6">
        <v>601.80909999999994</v>
      </c>
      <c r="E6918" s="6">
        <v>876.79420000000005</v>
      </c>
    </row>
    <row r="6919" spans="4:5" x14ac:dyDescent="0.25">
      <c r="D6919" s="6">
        <v>575.47349999999994</v>
      </c>
      <c r="E6919" s="6">
        <v>775.62</v>
      </c>
    </row>
    <row r="6920" spans="4:5" x14ac:dyDescent="0.25">
      <c r="D6920" s="6">
        <v>626.07230000000004</v>
      </c>
      <c r="E6920" s="6">
        <v>785.96479999999997</v>
      </c>
    </row>
    <row r="6921" spans="4:5" x14ac:dyDescent="0.25">
      <c r="D6921" s="6">
        <v>713.84019999999998</v>
      </c>
      <c r="E6921" s="6">
        <v>609.52</v>
      </c>
    </row>
    <row r="6922" spans="4:5" x14ac:dyDescent="0.25">
      <c r="D6922" s="6">
        <v>2165.0279999999998</v>
      </c>
      <c r="E6922" s="6">
        <v>4683.8609999999999</v>
      </c>
    </row>
    <row r="6923" spans="4:5" x14ac:dyDescent="0.25">
      <c r="D6923" s="6">
        <v>932.57150000000001</v>
      </c>
      <c r="E6923" s="6">
        <v>692.33640000000003</v>
      </c>
    </row>
    <row r="6924" spans="4:5" x14ac:dyDescent="0.25">
      <c r="D6924" s="6">
        <v>992.4162</v>
      </c>
      <c r="E6924" s="6">
        <v>461.56029999999998</v>
      </c>
    </row>
    <row r="6925" spans="4:5" x14ac:dyDescent="0.25">
      <c r="D6925" s="6">
        <v>3230.3330000000001</v>
      </c>
      <c r="E6925" s="6">
        <v>732.5</v>
      </c>
    </row>
    <row r="6926" spans="4:5" x14ac:dyDescent="0.25">
      <c r="D6926" s="6">
        <v>491</v>
      </c>
      <c r="E6926" s="6">
        <v>565.06569999999999</v>
      </c>
    </row>
    <row r="6927" spans="4:5" x14ac:dyDescent="0.25">
      <c r="D6927" s="6">
        <v>1499.8240000000001</v>
      </c>
      <c r="E6927" s="6">
        <v>738.12260000000003</v>
      </c>
    </row>
    <row r="6928" spans="4:5" x14ac:dyDescent="0.25">
      <c r="D6928" s="6">
        <v>588.71669999999995</v>
      </c>
      <c r="E6928" s="6">
        <v>961.5</v>
      </c>
    </row>
    <row r="6929" spans="4:5" x14ac:dyDescent="0.25">
      <c r="D6929" s="6">
        <v>922.97180000000003</v>
      </c>
      <c r="E6929" s="6">
        <v>2396.922</v>
      </c>
    </row>
    <row r="6930" spans="4:5" x14ac:dyDescent="0.25">
      <c r="D6930" s="6">
        <v>937.21889999999996</v>
      </c>
      <c r="E6930" s="6">
        <v>3546.6619999999998</v>
      </c>
    </row>
    <row r="6931" spans="4:5" x14ac:dyDescent="0.25">
      <c r="D6931" s="6">
        <v>621.81619999999998</v>
      </c>
      <c r="E6931" s="6">
        <v>500.2</v>
      </c>
    </row>
    <row r="6932" spans="4:5" x14ac:dyDescent="0.25">
      <c r="D6932" s="6">
        <v>580.30560000000003</v>
      </c>
      <c r="E6932" s="6">
        <v>635.14729999999997</v>
      </c>
    </row>
    <row r="6933" spans="4:5" x14ac:dyDescent="0.25">
      <c r="D6933" s="6">
        <v>1007.011</v>
      </c>
      <c r="E6933" s="6">
        <v>5308.1220000000003</v>
      </c>
    </row>
    <row r="6934" spans="4:5" x14ac:dyDescent="0.25">
      <c r="D6934" s="6">
        <v>517.65160000000003</v>
      </c>
      <c r="E6934" s="6">
        <v>3830.64</v>
      </c>
    </row>
    <row r="6935" spans="4:5" x14ac:dyDescent="0.25">
      <c r="D6935" s="6">
        <v>695.35329999999999</v>
      </c>
      <c r="E6935" s="6">
        <v>785.09040000000005</v>
      </c>
    </row>
    <row r="6936" spans="4:5" x14ac:dyDescent="0.25">
      <c r="D6936" s="6">
        <v>781.02760000000001</v>
      </c>
      <c r="E6936" s="6">
        <v>4547.8990000000003</v>
      </c>
    </row>
    <row r="6937" spans="4:5" x14ac:dyDescent="0.25">
      <c r="D6937" s="6">
        <v>667.71749999999997</v>
      </c>
      <c r="E6937" s="6">
        <v>887.36839999999995</v>
      </c>
    </row>
    <row r="6938" spans="4:5" x14ac:dyDescent="0.25">
      <c r="D6938" s="6">
        <v>1010.643</v>
      </c>
      <c r="E6938" s="6">
        <v>1354.97</v>
      </c>
    </row>
    <row r="6939" spans="4:5" x14ac:dyDescent="0.25">
      <c r="D6939" s="6">
        <v>772</v>
      </c>
      <c r="E6939" s="6">
        <v>788.03539999999998</v>
      </c>
    </row>
    <row r="6940" spans="4:5" x14ac:dyDescent="0.25">
      <c r="D6940" s="6">
        <v>652.06690000000003</v>
      </c>
      <c r="E6940" s="6">
        <v>1339.684</v>
      </c>
    </row>
    <row r="6941" spans="4:5" x14ac:dyDescent="0.25">
      <c r="D6941" s="6">
        <v>685.69410000000005</v>
      </c>
      <c r="E6941" s="6">
        <v>980.93650000000002</v>
      </c>
    </row>
    <row r="6942" spans="4:5" x14ac:dyDescent="0.25">
      <c r="D6942" s="6">
        <v>8201.0429999999997</v>
      </c>
      <c r="E6942" s="6">
        <v>696.47029999999995</v>
      </c>
    </row>
    <row r="6943" spans="4:5" x14ac:dyDescent="0.25">
      <c r="D6943" s="6">
        <v>1100.328</v>
      </c>
      <c r="E6943" s="6">
        <v>653.57429999999999</v>
      </c>
    </row>
    <row r="6944" spans="4:5" x14ac:dyDescent="0.25">
      <c r="D6944" s="6">
        <v>1131.425</v>
      </c>
      <c r="E6944" s="6">
        <v>564.87840000000006</v>
      </c>
    </row>
    <row r="6945" spans="4:5" x14ac:dyDescent="0.25">
      <c r="D6945" s="6">
        <v>6792.4830000000002</v>
      </c>
      <c r="E6945" s="6">
        <v>774.8</v>
      </c>
    </row>
    <row r="6946" spans="4:5" x14ac:dyDescent="0.25">
      <c r="D6946" s="6">
        <v>631.75250000000005</v>
      </c>
      <c r="E6946" s="6">
        <v>467.30239999999998</v>
      </c>
    </row>
    <row r="6947" spans="4:5" x14ac:dyDescent="0.25">
      <c r="D6947" s="6">
        <v>705.57770000000005</v>
      </c>
      <c r="E6947" s="6">
        <v>952.07590000000005</v>
      </c>
    </row>
    <row r="6948" spans="4:5" x14ac:dyDescent="0.25">
      <c r="D6948" s="6">
        <v>935.5299</v>
      </c>
      <c r="E6948" s="6">
        <v>559.07939999999996</v>
      </c>
    </row>
    <row r="6949" spans="4:5" x14ac:dyDescent="0.25">
      <c r="D6949" s="6">
        <v>836.5</v>
      </c>
      <c r="E6949" s="6">
        <v>472.23970000000003</v>
      </c>
    </row>
    <row r="6950" spans="4:5" x14ac:dyDescent="0.25">
      <c r="D6950" s="6">
        <v>757.04549999999995</v>
      </c>
      <c r="E6950" s="6">
        <v>3499.989</v>
      </c>
    </row>
    <row r="6951" spans="4:5" x14ac:dyDescent="0.25">
      <c r="D6951" s="6">
        <v>797.15110000000004</v>
      </c>
      <c r="E6951" s="6">
        <v>2436.8209999999999</v>
      </c>
    </row>
    <row r="6952" spans="4:5" x14ac:dyDescent="0.25">
      <c r="D6952" s="6">
        <v>931.22619999999995</v>
      </c>
      <c r="E6952" s="6">
        <v>551.52350000000001</v>
      </c>
    </row>
    <row r="6953" spans="4:5" x14ac:dyDescent="0.25">
      <c r="D6953" s="6">
        <v>1832.2</v>
      </c>
      <c r="E6953" s="6">
        <v>610.20039999999995</v>
      </c>
    </row>
    <row r="6954" spans="4:5" x14ac:dyDescent="0.25">
      <c r="D6954" s="6">
        <v>642.80470000000003</v>
      </c>
      <c r="E6954" s="6">
        <v>5666.3130000000001</v>
      </c>
    </row>
    <row r="6955" spans="4:5" x14ac:dyDescent="0.25">
      <c r="D6955" s="6">
        <v>615.82479999999998</v>
      </c>
      <c r="E6955" s="6">
        <v>4511.3440000000001</v>
      </c>
    </row>
    <row r="6956" spans="4:5" x14ac:dyDescent="0.25">
      <c r="D6956" s="6">
        <v>342.8</v>
      </c>
      <c r="E6956" s="6">
        <v>579.125</v>
      </c>
    </row>
    <row r="6957" spans="4:5" x14ac:dyDescent="0.25">
      <c r="D6957" s="6">
        <v>711.06719999999996</v>
      </c>
      <c r="E6957" s="6">
        <v>680.89070000000004</v>
      </c>
    </row>
    <row r="6958" spans="4:5" x14ac:dyDescent="0.25">
      <c r="D6958" s="6">
        <v>694.46550000000002</v>
      </c>
      <c r="E6958" s="6">
        <v>813.8365</v>
      </c>
    </row>
    <row r="6959" spans="4:5" x14ac:dyDescent="0.25">
      <c r="D6959" s="6">
        <v>1824.4649999999999</v>
      </c>
      <c r="E6959" s="6">
        <v>3847.4270000000001</v>
      </c>
    </row>
    <row r="6960" spans="4:5" x14ac:dyDescent="0.25">
      <c r="D6960" s="6">
        <v>2733.143</v>
      </c>
      <c r="E6960" s="6">
        <v>885.43359999999996</v>
      </c>
    </row>
    <row r="6961" spans="4:5" x14ac:dyDescent="0.25">
      <c r="D6961" s="6">
        <v>591.38829999999996</v>
      </c>
      <c r="E6961" s="6">
        <v>5883.5</v>
      </c>
    </row>
    <row r="6962" spans="4:5" x14ac:dyDescent="0.25">
      <c r="D6962" s="6">
        <v>790.11270000000002</v>
      </c>
      <c r="E6962" s="6">
        <v>677.65120000000002</v>
      </c>
    </row>
    <row r="6963" spans="4:5" x14ac:dyDescent="0.25">
      <c r="D6963" s="6">
        <v>1286.0989999999999</v>
      </c>
      <c r="E6963" s="6">
        <v>942.45450000000005</v>
      </c>
    </row>
    <row r="6964" spans="4:5" x14ac:dyDescent="0.25">
      <c r="D6964" s="6">
        <v>468.80610000000001</v>
      </c>
      <c r="E6964" s="6">
        <v>383.16</v>
      </c>
    </row>
    <row r="6965" spans="4:5" x14ac:dyDescent="0.25">
      <c r="D6965" s="6">
        <v>528.00519999999995</v>
      </c>
      <c r="E6965" s="6">
        <v>4639.6689999999999</v>
      </c>
    </row>
    <row r="6966" spans="4:5" x14ac:dyDescent="0.25">
      <c r="D6966" s="6">
        <v>1730</v>
      </c>
      <c r="E6966" s="6">
        <v>588.83640000000003</v>
      </c>
    </row>
    <row r="6967" spans="4:5" x14ac:dyDescent="0.25">
      <c r="D6967" s="6">
        <v>615.64530000000002</v>
      </c>
      <c r="E6967" s="6">
        <v>742.54060000000004</v>
      </c>
    </row>
    <row r="6968" spans="4:5" x14ac:dyDescent="0.25">
      <c r="D6968" s="6">
        <v>1799.05</v>
      </c>
      <c r="E6968" s="6">
        <v>2405.5990000000002</v>
      </c>
    </row>
    <row r="6969" spans="4:5" x14ac:dyDescent="0.25">
      <c r="D6969" s="6">
        <v>882.38160000000005</v>
      </c>
      <c r="E6969" s="6">
        <v>2253.4229999999998</v>
      </c>
    </row>
    <row r="6970" spans="4:5" x14ac:dyDescent="0.25">
      <c r="D6970" s="6">
        <v>533.94230000000005</v>
      </c>
      <c r="E6970" s="6">
        <v>5754.3429999999998</v>
      </c>
    </row>
    <row r="6971" spans="4:5" x14ac:dyDescent="0.25">
      <c r="D6971" s="6">
        <v>712.46619999999996</v>
      </c>
      <c r="E6971" s="6">
        <v>4534.7749999999996</v>
      </c>
    </row>
    <row r="6972" spans="4:5" x14ac:dyDescent="0.25">
      <c r="D6972" s="6">
        <v>629.71429999999998</v>
      </c>
      <c r="E6972" s="6">
        <v>515.31849999999997</v>
      </c>
    </row>
    <row r="6973" spans="4:5" x14ac:dyDescent="0.25">
      <c r="D6973" s="6">
        <v>873.14739999999995</v>
      </c>
      <c r="E6973" s="6">
        <v>674.2826</v>
      </c>
    </row>
    <row r="6974" spans="4:5" x14ac:dyDescent="0.25">
      <c r="D6974" s="6">
        <v>4718.3149999999996</v>
      </c>
      <c r="E6974" s="6">
        <v>616.07050000000004</v>
      </c>
    </row>
    <row r="6975" spans="4:5" x14ac:dyDescent="0.25">
      <c r="D6975" s="6">
        <v>585.5</v>
      </c>
      <c r="E6975" s="6">
        <v>3471.9270000000001</v>
      </c>
    </row>
    <row r="6976" spans="4:5" x14ac:dyDescent="0.25">
      <c r="D6976" s="6">
        <v>474.92430000000002</v>
      </c>
      <c r="E6976" s="6">
        <v>7033.8670000000002</v>
      </c>
    </row>
    <row r="6977" spans="4:5" x14ac:dyDescent="0.25">
      <c r="D6977" s="6">
        <v>587.35799999999995</v>
      </c>
      <c r="E6977" s="6">
        <v>1740.5360000000001</v>
      </c>
    </row>
    <row r="6978" spans="4:5" x14ac:dyDescent="0.25">
      <c r="D6978" s="6">
        <v>562</v>
      </c>
      <c r="E6978" s="6">
        <v>4432.6530000000002</v>
      </c>
    </row>
    <row r="6979" spans="4:5" x14ac:dyDescent="0.25">
      <c r="D6979" s="6">
        <v>1236.5</v>
      </c>
      <c r="E6979" s="6">
        <v>392.54899999999998</v>
      </c>
    </row>
    <row r="6980" spans="4:5" x14ac:dyDescent="0.25">
      <c r="D6980" s="6">
        <v>1771.748</v>
      </c>
      <c r="E6980" s="6">
        <v>600.17639999999994</v>
      </c>
    </row>
    <row r="6981" spans="4:5" x14ac:dyDescent="0.25">
      <c r="D6981" s="6">
        <v>854.79549999999995</v>
      </c>
      <c r="E6981" s="6">
        <v>1037.614</v>
      </c>
    </row>
    <row r="6982" spans="4:5" x14ac:dyDescent="0.25">
      <c r="D6982" s="6">
        <v>437.16419999999999</v>
      </c>
      <c r="E6982" s="6">
        <v>514.56640000000004</v>
      </c>
    </row>
    <row r="6983" spans="4:5" x14ac:dyDescent="0.25">
      <c r="D6983" s="6">
        <v>835.95889999999997</v>
      </c>
      <c r="E6983" s="6">
        <v>2473.569</v>
      </c>
    </row>
    <row r="6984" spans="4:5" x14ac:dyDescent="0.25">
      <c r="D6984" s="6">
        <v>1358.7080000000001</v>
      </c>
      <c r="E6984" s="6">
        <v>483.25040000000001</v>
      </c>
    </row>
    <row r="6985" spans="4:5" x14ac:dyDescent="0.25">
      <c r="D6985" s="6">
        <v>532.07320000000004</v>
      </c>
      <c r="E6985" s="6">
        <v>522.10379999999998</v>
      </c>
    </row>
    <row r="6986" spans="4:5" x14ac:dyDescent="0.25">
      <c r="D6986" s="6">
        <v>1010.1849999999999</v>
      </c>
      <c r="E6986" s="6">
        <v>976.25</v>
      </c>
    </row>
    <row r="6987" spans="4:5" x14ac:dyDescent="0.25">
      <c r="D6987" s="6">
        <v>488.28320000000002</v>
      </c>
      <c r="E6987" s="6">
        <v>916.29629999999997</v>
      </c>
    </row>
    <row r="6988" spans="4:5" x14ac:dyDescent="0.25">
      <c r="D6988" s="6">
        <v>6324.25</v>
      </c>
      <c r="E6988" s="6">
        <v>682.64700000000005</v>
      </c>
    </row>
    <row r="6989" spans="4:5" x14ac:dyDescent="0.25">
      <c r="D6989" s="6">
        <v>456.46420000000001</v>
      </c>
      <c r="E6989" s="6">
        <v>465.69240000000002</v>
      </c>
    </row>
    <row r="6990" spans="4:5" x14ac:dyDescent="0.25">
      <c r="D6990" s="6">
        <v>918.92769999999996</v>
      </c>
      <c r="E6990" s="6">
        <v>1025.297</v>
      </c>
    </row>
    <row r="6991" spans="4:5" x14ac:dyDescent="0.25">
      <c r="D6991" s="6">
        <v>587.87279999999998</v>
      </c>
      <c r="E6991" s="6">
        <v>1432.1669999999999</v>
      </c>
    </row>
    <row r="6992" spans="4:5" x14ac:dyDescent="0.25">
      <c r="D6992" s="6">
        <v>785.2088</v>
      </c>
      <c r="E6992" s="6">
        <v>5042.5259999999998</v>
      </c>
    </row>
    <row r="6993" spans="4:5" x14ac:dyDescent="0.25">
      <c r="D6993" s="6">
        <v>726.84619999999995</v>
      </c>
      <c r="E6993" s="6">
        <v>1913.0250000000001</v>
      </c>
    </row>
    <row r="6994" spans="4:5" x14ac:dyDescent="0.25">
      <c r="D6994" s="6">
        <v>446.4316</v>
      </c>
      <c r="E6994" s="6">
        <v>4571.8729999999996</v>
      </c>
    </row>
    <row r="6995" spans="4:5" x14ac:dyDescent="0.25">
      <c r="D6995" s="6">
        <v>317.57139999999998</v>
      </c>
      <c r="E6995" s="6">
        <v>838.6925</v>
      </c>
    </row>
    <row r="6996" spans="4:5" x14ac:dyDescent="0.25">
      <c r="D6996" s="6">
        <v>877.64440000000002</v>
      </c>
      <c r="E6996" s="6">
        <v>648.6712</v>
      </c>
    </row>
    <row r="6997" spans="4:5" x14ac:dyDescent="0.25">
      <c r="D6997" s="6">
        <v>637.47699999999998</v>
      </c>
      <c r="E6997" s="6">
        <v>4482.7240000000002</v>
      </c>
    </row>
    <row r="6998" spans="4:5" x14ac:dyDescent="0.25">
      <c r="D6998" s="6">
        <v>5153.0479999999998</v>
      </c>
      <c r="E6998" s="6">
        <v>728.16849999999999</v>
      </c>
    </row>
    <row r="6999" spans="4:5" x14ac:dyDescent="0.25">
      <c r="D6999" s="6">
        <v>6235.1940000000004</v>
      </c>
      <c r="E6999" s="6">
        <v>488.66669999999999</v>
      </c>
    </row>
    <row r="7000" spans="4:5" x14ac:dyDescent="0.25">
      <c r="D7000" s="6">
        <v>1330.5</v>
      </c>
      <c r="E7000" s="6">
        <v>856.76199999999994</v>
      </c>
    </row>
    <row r="7001" spans="4:5" x14ac:dyDescent="0.25">
      <c r="D7001" s="6">
        <v>2799</v>
      </c>
      <c r="E7001" s="6">
        <v>603.74279999999999</v>
      </c>
    </row>
    <row r="7002" spans="4:5" x14ac:dyDescent="0.25">
      <c r="D7002" s="6">
        <v>3090.25</v>
      </c>
      <c r="E7002" s="6">
        <v>483.65309999999999</v>
      </c>
    </row>
    <row r="7003" spans="4:5" x14ac:dyDescent="0.25">
      <c r="D7003" s="6">
        <v>465.8501</v>
      </c>
      <c r="E7003" s="6">
        <v>2609.1950000000002</v>
      </c>
    </row>
    <row r="7004" spans="4:5" x14ac:dyDescent="0.25">
      <c r="D7004" s="6">
        <v>590.87310000000002</v>
      </c>
      <c r="E7004" s="6">
        <v>418.1189</v>
      </c>
    </row>
    <row r="7005" spans="4:5" x14ac:dyDescent="0.25">
      <c r="D7005" s="6">
        <v>637.19970000000001</v>
      </c>
      <c r="E7005" s="6">
        <v>4068.0239999999999</v>
      </c>
    </row>
    <row r="7006" spans="4:5" x14ac:dyDescent="0.25">
      <c r="D7006" s="6">
        <v>5572.1940000000004</v>
      </c>
      <c r="E7006" s="6">
        <v>558.30409999999995</v>
      </c>
    </row>
    <row r="7007" spans="4:5" x14ac:dyDescent="0.25">
      <c r="D7007" s="6">
        <v>792</v>
      </c>
      <c r="E7007" s="6">
        <v>3895.9050000000002</v>
      </c>
    </row>
    <row r="7008" spans="4:5" x14ac:dyDescent="0.25">
      <c r="D7008" s="6">
        <v>852.67960000000005</v>
      </c>
      <c r="E7008" s="6">
        <v>652.34090000000003</v>
      </c>
    </row>
    <row r="7009" spans="4:5" x14ac:dyDescent="0.25">
      <c r="D7009" s="6">
        <v>577.25660000000005</v>
      </c>
      <c r="E7009" s="6">
        <v>507.41489999999999</v>
      </c>
    </row>
    <row r="7010" spans="4:5" x14ac:dyDescent="0.25">
      <c r="D7010" s="6">
        <v>880.88919999999996</v>
      </c>
      <c r="E7010" s="6">
        <v>2881.482</v>
      </c>
    </row>
    <row r="7011" spans="4:5" x14ac:dyDescent="0.25">
      <c r="D7011" s="6">
        <v>921.42629999999997</v>
      </c>
      <c r="E7011" s="6">
        <v>669.40940000000001</v>
      </c>
    </row>
    <row r="7012" spans="4:5" x14ac:dyDescent="0.25">
      <c r="D7012" s="6">
        <v>737.30849999999998</v>
      </c>
      <c r="E7012" s="6">
        <v>541.35810000000004</v>
      </c>
    </row>
    <row r="7013" spans="4:5" x14ac:dyDescent="0.25">
      <c r="D7013" s="6">
        <v>788.53309999999999</v>
      </c>
      <c r="E7013" s="6">
        <v>554.6635</v>
      </c>
    </row>
    <row r="7014" spans="4:5" x14ac:dyDescent="0.25">
      <c r="D7014" s="6">
        <v>989.30870000000004</v>
      </c>
      <c r="E7014" s="6">
        <v>644.09310000000005</v>
      </c>
    </row>
    <row r="7015" spans="4:5" x14ac:dyDescent="0.25">
      <c r="D7015" s="6">
        <v>1131.0840000000001</v>
      </c>
      <c r="E7015" s="6">
        <v>923</v>
      </c>
    </row>
    <row r="7016" spans="4:5" x14ac:dyDescent="0.25">
      <c r="D7016" s="6">
        <v>819.4194</v>
      </c>
      <c r="E7016" s="6">
        <v>749.90679999999998</v>
      </c>
    </row>
    <row r="7017" spans="4:5" x14ac:dyDescent="0.25">
      <c r="D7017" s="6">
        <v>849.20069999999998</v>
      </c>
      <c r="E7017" s="6">
        <v>709.59490000000005</v>
      </c>
    </row>
    <row r="7018" spans="4:5" x14ac:dyDescent="0.25">
      <c r="D7018" s="6">
        <v>922.57989999999995</v>
      </c>
      <c r="E7018" s="6">
        <v>496.55259999999998</v>
      </c>
    </row>
    <row r="7019" spans="4:5" x14ac:dyDescent="0.25">
      <c r="D7019" s="6">
        <v>526.73969999999997</v>
      </c>
      <c r="E7019" s="6">
        <v>505.53050000000002</v>
      </c>
    </row>
    <row r="7020" spans="4:5" x14ac:dyDescent="0.25">
      <c r="D7020" s="6">
        <v>659.74189999999999</v>
      </c>
      <c r="E7020" s="6">
        <v>1288.723</v>
      </c>
    </row>
    <row r="7021" spans="4:5" x14ac:dyDescent="0.25">
      <c r="D7021" s="6">
        <v>607.60599999999999</v>
      </c>
      <c r="E7021" s="6">
        <v>583.51589999999999</v>
      </c>
    </row>
    <row r="7022" spans="4:5" x14ac:dyDescent="0.25">
      <c r="D7022" s="6">
        <v>7933.2269999999999</v>
      </c>
      <c r="E7022" s="6">
        <v>547.36519999999996</v>
      </c>
    </row>
    <row r="7023" spans="4:5" x14ac:dyDescent="0.25">
      <c r="D7023" s="6">
        <v>683.64819999999997</v>
      </c>
      <c r="E7023" s="6">
        <v>591.01880000000006</v>
      </c>
    </row>
    <row r="7024" spans="4:5" x14ac:dyDescent="0.25">
      <c r="D7024" s="6">
        <v>512.76340000000005</v>
      </c>
      <c r="E7024" s="6">
        <v>464.59809999999999</v>
      </c>
    </row>
    <row r="7025" spans="4:5" x14ac:dyDescent="0.25">
      <c r="D7025" s="6">
        <v>804.70830000000001</v>
      </c>
      <c r="E7025" s="6">
        <v>5337.5</v>
      </c>
    </row>
    <row r="7026" spans="4:5" x14ac:dyDescent="0.25">
      <c r="D7026" s="6">
        <v>1409.165</v>
      </c>
      <c r="E7026" s="6">
        <v>853.3596</v>
      </c>
    </row>
    <row r="7027" spans="4:5" x14ac:dyDescent="0.25">
      <c r="D7027" s="6">
        <v>5146.3639999999996</v>
      </c>
      <c r="E7027" s="6">
        <v>866.26790000000005</v>
      </c>
    </row>
    <row r="7028" spans="4:5" x14ac:dyDescent="0.25">
      <c r="D7028" s="6">
        <v>761.00930000000005</v>
      </c>
      <c r="E7028" s="6">
        <v>1114.537</v>
      </c>
    </row>
    <row r="7029" spans="4:5" x14ac:dyDescent="0.25">
      <c r="D7029" s="6">
        <v>684.56820000000005</v>
      </c>
      <c r="E7029" s="6">
        <v>759.11199999999997</v>
      </c>
    </row>
    <row r="7030" spans="4:5" x14ac:dyDescent="0.25">
      <c r="D7030" s="6">
        <v>844.06410000000005</v>
      </c>
      <c r="E7030" s="6">
        <v>899.41139999999996</v>
      </c>
    </row>
    <row r="7031" spans="4:5" x14ac:dyDescent="0.25">
      <c r="D7031" s="6">
        <v>605.70510000000002</v>
      </c>
      <c r="E7031" s="6">
        <v>355.28570000000002</v>
      </c>
    </row>
    <row r="7032" spans="4:5" x14ac:dyDescent="0.25">
      <c r="D7032" s="6">
        <v>720.54759999999999</v>
      </c>
      <c r="E7032" s="6">
        <v>923.25800000000004</v>
      </c>
    </row>
    <row r="7033" spans="4:5" x14ac:dyDescent="0.25">
      <c r="D7033" s="6">
        <v>623.95830000000001</v>
      </c>
      <c r="E7033" s="6">
        <v>1260.73</v>
      </c>
    </row>
    <row r="7034" spans="4:5" x14ac:dyDescent="0.25">
      <c r="D7034" s="6">
        <v>626.50570000000005</v>
      </c>
      <c r="E7034" s="6">
        <v>11197.59</v>
      </c>
    </row>
    <row r="7035" spans="4:5" x14ac:dyDescent="0.25">
      <c r="D7035" s="6">
        <v>887.23130000000003</v>
      </c>
      <c r="E7035" s="6">
        <v>714.93029999999999</v>
      </c>
    </row>
    <row r="7036" spans="4:5" x14ac:dyDescent="0.25">
      <c r="D7036" s="6">
        <v>678.47590000000002</v>
      </c>
      <c r="E7036" s="6">
        <v>563.08600000000001</v>
      </c>
    </row>
    <row r="7037" spans="4:5" x14ac:dyDescent="0.25">
      <c r="D7037" s="6">
        <v>1949.1120000000001</v>
      </c>
      <c r="E7037" s="6">
        <v>1578.414</v>
      </c>
    </row>
    <row r="7038" spans="4:5" x14ac:dyDescent="0.25">
      <c r="D7038" s="6">
        <v>730.79750000000001</v>
      </c>
      <c r="E7038" s="6">
        <v>4705.3059999999996</v>
      </c>
    </row>
    <row r="7039" spans="4:5" x14ac:dyDescent="0.25">
      <c r="D7039" s="6">
        <v>744.26949999999999</v>
      </c>
      <c r="E7039" s="6">
        <v>741.66800000000001</v>
      </c>
    </row>
    <row r="7040" spans="4:5" x14ac:dyDescent="0.25">
      <c r="D7040" s="6">
        <v>1462.0060000000001</v>
      </c>
      <c r="E7040" s="6">
        <v>4318.4840000000004</v>
      </c>
    </row>
    <row r="7041" spans="4:5" x14ac:dyDescent="0.25">
      <c r="D7041" s="6">
        <v>2469.3310000000001</v>
      </c>
      <c r="E7041" s="6">
        <v>541.5</v>
      </c>
    </row>
    <row r="7042" spans="4:5" x14ac:dyDescent="0.25">
      <c r="D7042" s="6">
        <v>899.76</v>
      </c>
      <c r="E7042" s="6">
        <v>1337.7329999999999</v>
      </c>
    </row>
    <row r="7043" spans="4:5" x14ac:dyDescent="0.25">
      <c r="D7043" s="6">
        <v>979.60749999999996</v>
      </c>
      <c r="E7043" s="6">
        <v>3739.9050000000002</v>
      </c>
    </row>
    <row r="7044" spans="4:5" x14ac:dyDescent="0.25">
      <c r="D7044" s="6">
        <v>1272.6289999999999</v>
      </c>
      <c r="E7044" s="6">
        <v>867.76279999999997</v>
      </c>
    </row>
    <row r="7045" spans="4:5" x14ac:dyDescent="0.25">
      <c r="D7045" s="6">
        <v>1161.9649999999999</v>
      </c>
      <c r="E7045" s="6">
        <v>631.40099999999995</v>
      </c>
    </row>
    <row r="7046" spans="4:5" x14ac:dyDescent="0.25">
      <c r="D7046" s="6">
        <v>1120.5999999999999</v>
      </c>
      <c r="E7046" s="6">
        <v>963.61210000000005</v>
      </c>
    </row>
    <row r="7047" spans="4:5" x14ac:dyDescent="0.25">
      <c r="D7047" s="6">
        <v>879.83659999999998</v>
      </c>
      <c r="E7047" s="6">
        <v>961.45339999999999</v>
      </c>
    </row>
    <row r="7048" spans="4:5" x14ac:dyDescent="0.25">
      <c r="D7048" s="6">
        <v>590.15219999999999</v>
      </c>
      <c r="E7048" s="6">
        <v>679.38099999999997</v>
      </c>
    </row>
    <row r="7049" spans="4:5" x14ac:dyDescent="0.25">
      <c r="D7049" s="6">
        <v>933.34379999999999</v>
      </c>
      <c r="E7049" s="6">
        <v>533.75369999999998</v>
      </c>
    </row>
    <row r="7050" spans="4:5" x14ac:dyDescent="0.25">
      <c r="D7050" s="6">
        <v>934.60289999999998</v>
      </c>
      <c r="E7050" s="6">
        <v>3544.2310000000002</v>
      </c>
    </row>
    <row r="7051" spans="4:5" x14ac:dyDescent="0.25">
      <c r="D7051" s="6">
        <v>1034.961</v>
      </c>
      <c r="E7051" s="6">
        <v>690.13210000000004</v>
      </c>
    </row>
    <row r="7052" spans="4:5" x14ac:dyDescent="0.25">
      <c r="D7052" s="6">
        <v>3401.8470000000002</v>
      </c>
      <c r="E7052" s="6">
        <v>530.62139999999999</v>
      </c>
    </row>
    <row r="7053" spans="4:5" x14ac:dyDescent="0.25">
      <c r="D7053" s="6">
        <v>1179.893</v>
      </c>
      <c r="E7053" s="6">
        <v>759.57280000000003</v>
      </c>
    </row>
    <row r="7054" spans="4:5" x14ac:dyDescent="0.25">
      <c r="D7054" s="6">
        <v>721.69899999999996</v>
      </c>
      <c r="E7054" s="6">
        <v>535.34950000000003</v>
      </c>
    </row>
    <row r="7055" spans="4:5" x14ac:dyDescent="0.25">
      <c r="D7055" s="6">
        <v>450.8571</v>
      </c>
      <c r="E7055" s="6">
        <v>817.91809999999998</v>
      </c>
    </row>
    <row r="7056" spans="4:5" x14ac:dyDescent="0.25">
      <c r="D7056" s="6">
        <v>1010.023</v>
      </c>
      <c r="E7056" s="6">
        <v>1324.1130000000001</v>
      </c>
    </row>
    <row r="7057" spans="4:5" x14ac:dyDescent="0.25">
      <c r="D7057" s="6">
        <v>6334.3339999999998</v>
      </c>
      <c r="E7057" s="6">
        <v>698.25</v>
      </c>
    </row>
    <row r="7058" spans="4:5" x14ac:dyDescent="0.25">
      <c r="D7058" s="6">
        <v>430.02030000000002</v>
      </c>
      <c r="E7058" s="6">
        <v>632.84059999999999</v>
      </c>
    </row>
    <row r="7059" spans="4:5" x14ac:dyDescent="0.25">
      <c r="D7059" s="6">
        <v>456.55180000000001</v>
      </c>
      <c r="E7059" s="6">
        <v>866.72069999999997</v>
      </c>
    </row>
    <row r="7060" spans="4:5" x14ac:dyDescent="0.25">
      <c r="D7060" s="6">
        <v>1435.992</v>
      </c>
      <c r="E7060" s="6">
        <v>1375.5419999999999</v>
      </c>
    </row>
    <row r="7061" spans="4:5" x14ac:dyDescent="0.25">
      <c r="D7061" s="6">
        <v>2909.2310000000002</v>
      </c>
      <c r="E7061" s="6">
        <v>683.66250000000002</v>
      </c>
    </row>
    <row r="7062" spans="4:5" x14ac:dyDescent="0.25">
      <c r="D7062" s="6">
        <v>910.0992</v>
      </c>
      <c r="E7062" s="6">
        <v>628.05550000000005</v>
      </c>
    </row>
    <row r="7063" spans="4:5" x14ac:dyDescent="0.25">
      <c r="D7063" s="6">
        <v>613.42349999999999</v>
      </c>
      <c r="E7063" s="6">
        <v>779.64469999999994</v>
      </c>
    </row>
    <row r="7064" spans="4:5" x14ac:dyDescent="0.25">
      <c r="D7064" s="6">
        <v>528.28909999999996</v>
      </c>
      <c r="E7064" s="6">
        <v>694.24030000000005</v>
      </c>
    </row>
    <row r="7065" spans="4:5" x14ac:dyDescent="0.25">
      <c r="D7065" s="6">
        <v>628.38509999999997</v>
      </c>
      <c r="E7065" s="6">
        <v>1103.201</v>
      </c>
    </row>
    <row r="7066" spans="4:5" x14ac:dyDescent="0.25">
      <c r="D7066" s="6">
        <v>666.05449999999996</v>
      </c>
      <c r="E7066" s="6">
        <v>3521.433</v>
      </c>
    </row>
    <row r="7067" spans="4:5" x14ac:dyDescent="0.25">
      <c r="D7067" s="6">
        <v>445.84</v>
      </c>
      <c r="E7067" s="6">
        <v>1213.3589999999999</v>
      </c>
    </row>
    <row r="7068" spans="4:5" x14ac:dyDescent="0.25">
      <c r="D7068" s="6">
        <v>892.81899999999996</v>
      </c>
      <c r="E7068" s="6">
        <v>803.16830000000004</v>
      </c>
    </row>
    <row r="7069" spans="4:5" x14ac:dyDescent="0.25">
      <c r="D7069" s="6">
        <v>577.50250000000005</v>
      </c>
      <c r="E7069" s="6">
        <v>3320</v>
      </c>
    </row>
    <row r="7070" spans="4:5" x14ac:dyDescent="0.25">
      <c r="D7070" s="6">
        <v>563.70799999999997</v>
      </c>
      <c r="E7070" s="6">
        <v>510.2244</v>
      </c>
    </row>
    <row r="7071" spans="4:5" x14ac:dyDescent="0.25">
      <c r="D7071" s="6">
        <v>10017.17</v>
      </c>
      <c r="E7071" s="6">
        <v>738.38409999999999</v>
      </c>
    </row>
    <row r="7072" spans="4:5" x14ac:dyDescent="0.25">
      <c r="D7072" s="6">
        <v>1164.75</v>
      </c>
      <c r="E7072" s="6">
        <v>782.3116</v>
      </c>
    </row>
    <row r="7073" spans="4:5" x14ac:dyDescent="0.25">
      <c r="D7073" s="6">
        <v>525.65520000000004</v>
      </c>
      <c r="E7073" s="6">
        <v>501.63409999999999</v>
      </c>
    </row>
    <row r="7074" spans="4:5" x14ac:dyDescent="0.25">
      <c r="D7074" s="6">
        <v>1101</v>
      </c>
      <c r="E7074" s="6">
        <v>1044.7809999999999</v>
      </c>
    </row>
    <row r="7075" spans="4:5" x14ac:dyDescent="0.25">
      <c r="D7075" s="6">
        <v>8279.2489999999998</v>
      </c>
      <c r="E7075" s="6">
        <v>1938</v>
      </c>
    </row>
    <row r="7076" spans="4:5" x14ac:dyDescent="0.25">
      <c r="D7076" s="6">
        <v>757.33240000000001</v>
      </c>
      <c r="E7076" s="6">
        <v>676.02120000000002</v>
      </c>
    </row>
    <row r="7077" spans="4:5" x14ac:dyDescent="0.25">
      <c r="D7077" s="6">
        <v>570.36339999999996</v>
      </c>
      <c r="E7077" s="6">
        <v>6741.6289999999999</v>
      </c>
    </row>
    <row r="7078" spans="4:5" x14ac:dyDescent="0.25">
      <c r="D7078" s="6">
        <v>6087</v>
      </c>
      <c r="E7078" s="6">
        <v>534.05070000000001</v>
      </c>
    </row>
    <row r="7079" spans="4:5" x14ac:dyDescent="0.25">
      <c r="D7079" s="6">
        <v>2849.8040000000001</v>
      </c>
      <c r="E7079" s="6">
        <v>498.1669</v>
      </c>
    </row>
    <row r="7080" spans="4:5" x14ac:dyDescent="0.25">
      <c r="D7080" s="6">
        <v>503.33749999999998</v>
      </c>
      <c r="E7080" s="6">
        <v>555.89850000000001</v>
      </c>
    </row>
    <row r="7081" spans="4:5" x14ac:dyDescent="0.25">
      <c r="D7081" s="6">
        <v>564.40419999999995</v>
      </c>
      <c r="E7081" s="6">
        <v>1179.598</v>
      </c>
    </row>
    <row r="7082" spans="4:5" x14ac:dyDescent="0.25">
      <c r="D7082" s="6">
        <v>846.02</v>
      </c>
      <c r="E7082" s="6">
        <v>1343.972</v>
      </c>
    </row>
    <row r="7083" spans="4:5" x14ac:dyDescent="0.25">
      <c r="D7083" s="6">
        <v>5157.9059999999999</v>
      </c>
      <c r="E7083" s="6">
        <v>606.83439999999996</v>
      </c>
    </row>
    <row r="7084" spans="4:5" x14ac:dyDescent="0.25">
      <c r="D7084" s="6">
        <v>8236.2720000000008</v>
      </c>
      <c r="E7084" s="6">
        <v>826.58730000000003</v>
      </c>
    </row>
    <row r="7085" spans="4:5" x14ac:dyDescent="0.25">
      <c r="D7085" s="6">
        <v>350.8922</v>
      </c>
      <c r="E7085" s="6">
        <v>672.18619999999999</v>
      </c>
    </row>
    <row r="7086" spans="4:5" x14ac:dyDescent="0.25">
      <c r="D7086" s="6">
        <v>663.30259999999998</v>
      </c>
      <c r="E7086" s="6">
        <v>648.01139999999998</v>
      </c>
    </row>
    <row r="7087" spans="4:5" x14ac:dyDescent="0.25">
      <c r="D7087" s="6">
        <v>689.55250000000001</v>
      </c>
      <c r="E7087" s="6">
        <v>574.47090000000003</v>
      </c>
    </row>
    <row r="7088" spans="4:5" x14ac:dyDescent="0.25">
      <c r="D7088" s="6">
        <v>1502.1669999999999</v>
      </c>
      <c r="E7088" s="6">
        <v>748.51559999999995</v>
      </c>
    </row>
    <row r="7089" spans="4:5" x14ac:dyDescent="0.25">
      <c r="D7089" s="6">
        <v>4528.9570000000003</v>
      </c>
      <c r="E7089" s="6">
        <v>1671.5909999999999</v>
      </c>
    </row>
    <row r="7090" spans="4:5" x14ac:dyDescent="0.25">
      <c r="D7090" s="6">
        <v>1485.3</v>
      </c>
      <c r="E7090" s="6">
        <v>653.88229999999999</v>
      </c>
    </row>
    <row r="7091" spans="4:5" x14ac:dyDescent="0.25">
      <c r="D7091" s="6">
        <v>656.36189999999999</v>
      </c>
      <c r="E7091" s="6">
        <v>549.06970000000001</v>
      </c>
    </row>
    <row r="7092" spans="4:5" x14ac:dyDescent="0.25">
      <c r="D7092" s="6">
        <v>794.0847</v>
      </c>
      <c r="E7092" s="6">
        <v>4433.4040000000005</v>
      </c>
    </row>
    <row r="7093" spans="4:5" x14ac:dyDescent="0.25">
      <c r="D7093" s="6">
        <v>535.75850000000003</v>
      </c>
      <c r="E7093" s="6">
        <v>483.80860000000001</v>
      </c>
    </row>
    <row r="7094" spans="4:5" x14ac:dyDescent="0.25">
      <c r="D7094" s="6">
        <v>526.6576</v>
      </c>
      <c r="E7094" s="6">
        <v>604.91800000000001</v>
      </c>
    </row>
    <row r="7095" spans="4:5" x14ac:dyDescent="0.25">
      <c r="D7095" s="6">
        <v>844.97789999999998</v>
      </c>
      <c r="E7095" s="6">
        <v>689.1934</v>
      </c>
    </row>
    <row r="7096" spans="4:5" x14ac:dyDescent="0.25">
      <c r="D7096" s="6">
        <v>893.69110000000001</v>
      </c>
      <c r="E7096" s="6">
        <v>743.96389999999997</v>
      </c>
    </row>
    <row r="7097" spans="4:5" x14ac:dyDescent="0.25">
      <c r="D7097" s="6">
        <v>481.21679999999998</v>
      </c>
      <c r="E7097" s="6">
        <v>1479.374</v>
      </c>
    </row>
    <row r="7098" spans="4:5" x14ac:dyDescent="0.25">
      <c r="D7098" s="6">
        <v>547.05780000000004</v>
      </c>
      <c r="E7098" s="6">
        <v>949.65200000000004</v>
      </c>
    </row>
    <row r="7099" spans="4:5" x14ac:dyDescent="0.25">
      <c r="D7099" s="6">
        <v>437.94049999999999</v>
      </c>
      <c r="E7099" s="6">
        <v>658.22839999999997</v>
      </c>
    </row>
    <row r="7100" spans="4:5" x14ac:dyDescent="0.25">
      <c r="D7100" s="6">
        <v>764.09109999999998</v>
      </c>
      <c r="E7100" s="6">
        <v>537.04399999999998</v>
      </c>
    </row>
    <row r="7101" spans="4:5" x14ac:dyDescent="0.25">
      <c r="D7101" s="6">
        <v>1416.4010000000001</v>
      </c>
      <c r="E7101" s="6">
        <v>500.41120000000001</v>
      </c>
    </row>
    <row r="7102" spans="4:5" x14ac:dyDescent="0.25">
      <c r="D7102" s="6">
        <v>674.76379999999995</v>
      </c>
      <c r="E7102" s="6">
        <v>610.28620000000001</v>
      </c>
    </row>
    <row r="7103" spans="4:5" x14ac:dyDescent="0.25">
      <c r="D7103" s="6">
        <v>636.71709999999996</v>
      </c>
      <c r="E7103" s="6">
        <v>1454.7329999999999</v>
      </c>
    </row>
    <row r="7104" spans="4:5" x14ac:dyDescent="0.25">
      <c r="D7104" s="6">
        <v>438.75</v>
      </c>
      <c r="E7104" s="6">
        <v>421.06900000000002</v>
      </c>
    </row>
    <row r="7105" spans="4:5" x14ac:dyDescent="0.25">
      <c r="D7105" s="6">
        <v>2127.3510000000001</v>
      </c>
      <c r="E7105" s="6">
        <v>897.05160000000001</v>
      </c>
    </row>
    <row r="7106" spans="4:5" x14ac:dyDescent="0.25">
      <c r="D7106" s="6">
        <v>966</v>
      </c>
      <c r="E7106" s="6">
        <v>2267.6390000000001</v>
      </c>
    </row>
    <row r="7107" spans="4:5" x14ac:dyDescent="0.25">
      <c r="D7107" s="6">
        <v>778.30370000000005</v>
      </c>
      <c r="E7107" s="6">
        <v>631.42909999999995</v>
      </c>
    </row>
    <row r="7108" spans="4:5" x14ac:dyDescent="0.25">
      <c r="D7108" s="6">
        <v>652.98649999999998</v>
      </c>
      <c r="E7108" s="6">
        <v>511.59410000000003</v>
      </c>
    </row>
    <row r="7109" spans="4:5" x14ac:dyDescent="0.25">
      <c r="D7109" s="6">
        <v>4854.3239999999996</v>
      </c>
      <c r="E7109" s="6">
        <v>1991.9459999999999</v>
      </c>
    </row>
    <row r="7110" spans="4:5" x14ac:dyDescent="0.25">
      <c r="D7110" s="6">
        <v>497.33249999999998</v>
      </c>
      <c r="E7110" s="6">
        <v>639.64030000000002</v>
      </c>
    </row>
    <row r="7111" spans="4:5" x14ac:dyDescent="0.25">
      <c r="D7111" s="6">
        <v>850.67690000000005</v>
      </c>
      <c r="E7111" s="6">
        <v>1080.941</v>
      </c>
    </row>
    <row r="7112" spans="4:5" x14ac:dyDescent="0.25">
      <c r="D7112" s="6">
        <v>519.39559999999994</v>
      </c>
      <c r="E7112" s="6">
        <v>696.42769999999996</v>
      </c>
    </row>
    <row r="7113" spans="4:5" x14ac:dyDescent="0.25">
      <c r="D7113" s="6">
        <v>334.9914</v>
      </c>
      <c r="E7113" s="6">
        <v>541.94290000000001</v>
      </c>
    </row>
    <row r="7114" spans="4:5" x14ac:dyDescent="0.25">
      <c r="D7114" s="6">
        <v>449.50189999999998</v>
      </c>
      <c r="E7114" s="6">
        <v>5039.2370000000001</v>
      </c>
    </row>
    <row r="7115" spans="4:5" x14ac:dyDescent="0.25">
      <c r="D7115" s="6">
        <v>7752.2889999999998</v>
      </c>
      <c r="E7115" s="6">
        <v>3702.7890000000002</v>
      </c>
    </row>
    <row r="7116" spans="4:5" x14ac:dyDescent="0.25">
      <c r="D7116" s="6">
        <v>598.31529999999998</v>
      </c>
      <c r="E7116" s="6">
        <v>9423.1540000000005</v>
      </c>
    </row>
    <row r="7117" spans="4:5" x14ac:dyDescent="0.25">
      <c r="D7117" s="6">
        <v>573.05139999999994</v>
      </c>
      <c r="E7117" s="6">
        <v>4150.9650000000001</v>
      </c>
    </row>
    <row r="7118" spans="4:5" x14ac:dyDescent="0.25">
      <c r="D7118" s="6">
        <v>709.98230000000001</v>
      </c>
      <c r="E7118" s="6">
        <v>749.14449999999999</v>
      </c>
    </row>
    <row r="7119" spans="4:5" x14ac:dyDescent="0.25">
      <c r="D7119" s="6">
        <v>617.20000000000005</v>
      </c>
      <c r="E7119" s="6">
        <v>420.24279999999999</v>
      </c>
    </row>
    <row r="7120" spans="4:5" x14ac:dyDescent="0.25">
      <c r="D7120" s="6">
        <v>1298.8969999999999</v>
      </c>
      <c r="E7120" s="6">
        <v>441.25</v>
      </c>
    </row>
    <row r="7121" spans="4:5" x14ac:dyDescent="0.25">
      <c r="D7121" s="6">
        <v>983.42399999999998</v>
      </c>
      <c r="E7121" s="6">
        <v>656.77239999999995</v>
      </c>
    </row>
    <row r="7122" spans="4:5" x14ac:dyDescent="0.25">
      <c r="D7122" s="6">
        <v>3644.0309999999999</v>
      </c>
      <c r="E7122" s="6">
        <v>739.49789999999996</v>
      </c>
    </row>
    <row r="7123" spans="4:5" x14ac:dyDescent="0.25">
      <c r="D7123" s="6">
        <v>510.53980000000001</v>
      </c>
      <c r="E7123" s="6">
        <v>4571.6499999999996</v>
      </c>
    </row>
    <row r="7124" spans="4:5" x14ac:dyDescent="0.25">
      <c r="D7124" s="6">
        <v>804.07749999999999</v>
      </c>
      <c r="E7124" s="6">
        <v>1226.2660000000001</v>
      </c>
    </row>
    <row r="7125" spans="4:5" x14ac:dyDescent="0.25">
      <c r="D7125" s="6">
        <v>565.64779999999996</v>
      </c>
      <c r="E7125" s="6">
        <v>4351.5780000000004</v>
      </c>
    </row>
    <row r="7126" spans="4:5" x14ac:dyDescent="0.25">
      <c r="D7126" s="6">
        <v>673.53869999999995</v>
      </c>
      <c r="E7126" s="6">
        <v>877.62840000000006</v>
      </c>
    </row>
    <row r="7127" spans="4:5" x14ac:dyDescent="0.25">
      <c r="D7127" s="6">
        <v>786.13220000000001</v>
      </c>
      <c r="E7127" s="6">
        <v>4184.0320000000002</v>
      </c>
    </row>
    <row r="7128" spans="4:5" x14ac:dyDescent="0.25">
      <c r="D7128" s="6">
        <v>1007.1130000000001</v>
      </c>
      <c r="E7128" s="6">
        <v>679.9991</v>
      </c>
    </row>
    <row r="7129" spans="4:5" x14ac:dyDescent="0.25">
      <c r="D7129" s="6">
        <v>513.75530000000003</v>
      </c>
      <c r="E7129" s="6">
        <v>565.43079999999998</v>
      </c>
    </row>
    <row r="7130" spans="4:5" x14ac:dyDescent="0.25">
      <c r="D7130" s="6">
        <v>1102.289</v>
      </c>
      <c r="E7130" s="6">
        <v>1513.8230000000001</v>
      </c>
    </row>
    <row r="7131" spans="4:5" x14ac:dyDescent="0.25">
      <c r="D7131" s="6">
        <v>556.27009999999996</v>
      </c>
      <c r="E7131" s="6">
        <v>694.73009999999999</v>
      </c>
    </row>
    <row r="7132" spans="4:5" x14ac:dyDescent="0.25">
      <c r="D7132" s="6">
        <v>7547.5069999999996</v>
      </c>
      <c r="E7132" s="6">
        <v>911.08280000000002</v>
      </c>
    </row>
    <row r="7133" spans="4:5" x14ac:dyDescent="0.25">
      <c r="D7133" s="6">
        <v>3993.7979999999998</v>
      </c>
      <c r="E7133" s="6">
        <v>1768.962</v>
      </c>
    </row>
    <row r="7134" spans="4:5" x14ac:dyDescent="0.25">
      <c r="D7134" s="6">
        <v>675.40470000000005</v>
      </c>
      <c r="E7134" s="6">
        <v>557.13239999999996</v>
      </c>
    </row>
    <row r="7135" spans="4:5" x14ac:dyDescent="0.25">
      <c r="D7135" s="6">
        <v>524.68150000000003</v>
      </c>
      <c r="E7135" s="6">
        <v>2435.2220000000002</v>
      </c>
    </row>
    <row r="7136" spans="4:5" x14ac:dyDescent="0.25">
      <c r="D7136" s="6">
        <v>10012.030000000001</v>
      </c>
      <c r="E7136" s="6">
        <v>640.91790000000003</v>
      </c>
    </row>
    <row r="7137" spans="4:5" x14ac:dyDescent="0.25">
      <c r="D7137" s="6">
        <v>914.07849999999996</v>
      </c>
      <c r="E7137" s="6">
        <v>4042.701</v>
      </c>
    </row>
    <row r="7138" spans="4:5" x14ac:dyDescent="0.25">
      <c r="D7138" s="6">
        <v>590.13220000000001</v>
      </c>
      <c r="E7138" s="6">
        <v>703.50440000000003</v>
      </c>
    </row>
    <row r="7139" spans="4:5" x14ac:dyDescent="0.25">
      <c r="D7139" s="6">
        <v>3084.768</v>
      </c>
      <c r="E7139" s="6">
        <v>518.24239999999998</v>
      </c>
    </row>
    <row r="7140" spans="4:5" x14ac:dyDescent="0.25">
      <c r="D7140" s="6">
        <v>560.59230000000002</v>
      </c>
      <c r="E7140" s="6">
        <v>975.69719999999995</v>
      </c>
    </row>
    <row r="7141" spans="4:5" x14ac:dyDescent="0.25">
      <c r="D7141" s="6">
        <v>697.7002</v>
      </c>
      <c r="E7141" s="6">
        <v>243.25</v>
      </c>
    </row>
    <row r="7142" spans="4:5" x14ac:dyDescent="0.25">
      <c r="D7142" s="6">
        <v>815.4</v>
      </c>
      <c r="E7142" s="6">
        <v>680.78200000000004</v>
      </c>
    </row>
    <row r="7143" spans="4:5" x14ac:dyDescent="0.25">
      <c r="D7143" s="6">
        <v>488.76389999999998</v>
      </c>
      <c r="E7143" s="6">
        <v>602.60619999999994</v>
      </c>
    </row>
    <row r="7144" spans="4:5" x14ac:dyDescent="0.25">
      <c r="D7144" s="6">
        <v>561</v>
      </c>
      <c r="E7144" s="6">
        <v>720.72730000000001</v>
      </c>
    </row>
    <row r="7145" spans="4:5" x14ac:dyDescent="0.25">
      <c r="D7145" s="6">
        <v>7503.116</v>
      </c>
      <c r="E7145" s="6">
        <v>1420.9190000000001</v>
      </c>
    </row>
    <row r="7146" spans="4:5" x14ac:dyDescent="0.25">
      <c r="D7146" s="6">
        <v>637.1241</v>
      </c>
      <c r="E7146" s="6">
        <v>765.74339999999995</v>
      </c>
    </row>
    <row r="7147" spans="4:5" x14ac:dyDescent="0.25">
      <c r="D7147" s="6">
        <v>531.15809999999999</v>
      </c>
      <c r="E7147" s="6">
        <v>605.95439999999996</v>
      </c>
    </row>
    <row r="7148" spans="4:5" x14ac:dyDescent="0.25">
      <c r="D7148" s="6">
        <v>8643</v>
      </c>
      <c r="E7148" s="6">
        <v>492.15570000000002</v>
      </c>
    </row>
    <row r="7149" spans="4:5" x14ac:dyDescent="0.25">
      <c r="D7149" s="6">
        <v>1110.194</v>
      </c>
      <c r="E7149" s="6">
        <v>4789.3050000000003</v>
      </c>
    </row>
    <row r="7150" spans="4:5" x14ac:dyDescent="0.25">
      <c r="D7150" s="6">
        <v>886.82150000000001</v>
      </c>
      <c r="E7150" s="6">
        <v>787.23389999999995</v>
      </c>
    </row>
    <row r="7151" spans="4:5" x14ac:dyDescent="0.25">
      <c r="D7151" s="6">
        <v>8918</v>
      </c>
      <c r="E7151" s="6">
        <v>487.9649</v>
      </c>
    </row>
    <row r="7152" spans="4:5" x14ac:dyDescent="0.25">
      <c r="D7152" s="6">
        <v>7707.5420000000004</v>
      </c>
      <c r="E7152" s="6">
        <v>1629.75</v>
      </c>
    </row>
    <row r="7153" spans="4:5" x14ac:dyDescent="0.25">
      <c r="D7153" s="6">
        <v>509.29509999999999</v>
      </c>
      <c r="E7153" s="6">
        <v>505.9633</v>
      </c>
    </row>
    <row r="7154" spans="4:5" x14ac:dyDescent="0.25">
      <c r="D7154" s="6">
        <v>1690.75</v>
      </c>
      <c r="E7154" s="6">
        <v>594.15210000000002</v>
      </c>
    </row>
    <row r="7155" spans="4:5" x14ac:dyDescent="0.25">
      <c r="D7155" s="6">
        <v>587.15459999999996</v>
      </c>
      <c r="E7155" s="6">
        <v>518.24260000000004</v>
      </c>
    </row>
    <row r="7156" spans="4:5" x14ac:dyDescent="0.25">
      <c r="D7156" s="6">
        <v>1167.798</v>
      </c>
      <c r="E7156" s="6">
        <v>447.4</v>
      </c>
    </row>
    <row r="7157" spans="4:5" x14ac:dyDescent="0.25">
      <c r="D7157" s="6">
        <v>1103.319</v>
      </c>
      <c r="E7157" s="6">
        <v>805.48689999999999</v>
      </c>
    </row>
    <row r="7158" spans="4:5" x14ac:dyDescent="0.25">
      <c r="D7158" s="6">
        <v>459.99</v>
      </c>
      <c r="E7158" s="6">
        <v>4291.8620000000001</v>
      </c>
    </row>
    <row r="7159" spans="4:5" x14ac:dyDescent="0.25">
      <c r="D7159" s="6">
        <v>6044.4889999999996</v>
      </c>
      <c r="E7159" s="6">
        <v>508.65320000000003</v>
      </c>
    </row>
    <row r="7160" spans="4:5" x14ac:dyDescent="0.25">
      <c r="D7160" s="6">
        <v>611.06209999999999</v>
      </c>
      <c r="E7160" s="6">
        <v>732.9153</v>
      </c>
    </row>
    <row r="7161" spans="4:5" x14ac:dyDescent="0.25">
      <c r="D7161" s="6">
        <v>561.41319999999996</v>
      </c>
      <c r="E7161" s="6">
        <v>3629.3449999999998</v>
      </c>
    </row>
    <row r="7162" spans="4:5" x14ac:dyDescent="0.25">
      <c r="D7162" s="6">
        <v>664.33330000000001</v>
      </c>
      <c r="E7162" s="6">
        <v>3337.4969999999998</v>
      </c>
    </row>
    <row r="7163" spans="4:5" x14ac:dyDescent="0.25">
      <c r="D7163" s="6">
        <v>1424.144</v>
      </c>
      <c r="E7163" s="6">
        <v>1151.8900000000001</v>
      </c>
    </row>
    <row r="7164" spans="4:5" x14ac:dyDescent="0.25">
      <c r="D7164" s="6">
        <v>7718.1419999999998</v>
      </c>
      <c r="E7164" s="6">
        <v>590.06769999999995</v>
      </c>
    </row>
    <row r="7165" spans="4:5" x14ac:dyDescent="0.25">
      <c r="D7165" s="6">
        <v>660.93780000000004</v>
      </c>
      <c r="E7165" s="6">
        <v>529.83439999999996</v>
      </c>
    </row>
    <row r="7166" spans="4:5" x14ac:dyDescent="0.25">
      <c r="D7166" s="6">
        <v>978.57330000000002</v>
      </c>
      <c r="E7166" s="6">
        <v>735.7192</v>
      </c>
    </row>
    <row r="7167" spans="4:5" x14ac:dyDescent="0.25">
      <c r="D7167" s="6">
        <v>448.5652</v>
      </c>
      <c r="E7167" s="6">
        <v>3876.9560000000001</v>
      </c>
    </row>
    <row r="7168" spans="4:5" x14ac:dyDescent="0.25">
      <c r="D7168" s="6">
        <v>612.78200000000004</v>
      </c>
      <c r="E7168" s="6">
        <v>536.77369999999996</v>
      </c>
    </row>
    <row r="7169" spans="4:5" x14ac:dyDescent="0.25">
      <c r="D7169" s="6">
        <v>693.61890000000005</v>
      </c>
      <c r="E7169" s="6">
        <v>790.57529999999997</v>
      </c>
    </row>
    <row r="7170" spans="4:5" x14ac:dyDescent="0.25">
      <c r="D7170" s="6">
        <v>1292.67</v>
      </c>
      <c r="E7170" s="6">
        <v>1549.5</v>
      </c>
    </row>
    <row r="7171" spans="4:5" x14ac:dyDescent="0.25">
      <c r="D7171" s="6">
        <v>900.05489999999998</v>
      </c>
      <c r="E7171" s="6">
        <v>654.28539999999998</v>
      </c>
    </row>
    <row r="7172" spans="4:5" x14ac:dyDescent="0.25">
      <c r="D7172" s="6">
        <v>669.63419999999996</v>
      </c>
      <c r="E7172" s="6">
        <v>1347.4659999999999</v>
      </c>
    </row>
    <row r="7173" spans="4:5" x14ac:dyDescent="0.25">
      <c r="D7173" s="6">
        <v>670.61540000000002</v>
      </c>
      <c r="E7173" s="6">
        <v>621.64689999999996</v>
      </c>
    </row>
    <row r="7174" spans="4:5" x14ac:dyDescent="0.25">
      <c r="D7174" s="6">
        <v>622.78110000000004</v>
      </c>
      <c r="E7174" s="6">
        <v>657.30930000000001</v>
      </c>
    </row>
    <row r="7175" spans="4:5" x14ac:dyDescent="0.25">
      <c r="D7175" s="6">
        <v>8139.4210000000003</v>
      </c>
      <c r="E7175" s="6">
        <v>527.04669999999999</v>
      </c>
    </row>
    <row r="7176" spans="4:5" x14ac:dyDescent="0.25">
      <c r="D7176" s="6">
        <v>648.35839999999996</v>
      </c>
      <c r="E7176" s="6">
        <v>1012.991</v>
      </c>
    </row>
    <row r="7177" spans="4:5" x14ac:dyDescent="0.25">
      <c r="D7177" s="6">
        <v>681.65989999999999</v>
      </c>
      <c r="E7177" s="6">
        <v>524.44159999999999</v>
      </c>
    </row>
    <row r="7178" spans="4:5" x14ac:dyDescent="0.25">
      <c r="D7178" s="6">
        <v>921.89700000000005</v>
      </c>
      <c r="E7178" s="6">
        <v>652.06889999999999</v>
      </c>
    </row>
    <row r="7179" spans="4:5" x14ac:dyDescent="0.25">
      <c r="D7179" s="6">
        <v>904.3732</v>
      </c>
      <c r="E7179" s="6">
        <v>629.5</v>
      </c>
    </row>
    <row r="7180" spans="4:5" x14ac:dyDescent="0.25">
      <c r="D7180" s="6">
        <v>1127.8510000000001</v>
      </c>
      <c r="E7180" s="6">
        <v>4545.9170000000004</v>
      </c>
    </row>
    <row r="7181" spans="4:5" x14ac:dyDescent="0.25">
      <c r="D7181" s="6">
        <v>379.6</v>
      </c>
      <c r="E7181" s="6">
        <v>555.5</v>
      </c>
    </row>
    <row r="7182" spans="4:5" x14ac:dyDescent="0.25">
      <c r="D7182" s="6">
        <v>806.66970000000003</v>
      </c>
      <c r="E7182" s="6">
        <v>852.57479999999998</v>
      </c>
    </row>
    <row r="7183" spans="4:5" x14ac:dyDescent="0.25">
      <c r="D7183" s="6">
        <v>468.1782</v>
      </c>
      <c r="E7183" s="6">
        <v>876.13040000000001</v>
      </c>
    </row>
    <row r="7184" spans="4:5" x14ac:dyDescent="0.25">
      <c r="D7184" s="6">
        <v>800.18060000000003</v>
      </c>
      <c r="E7184" s="6">
        <v>510.63650000000001</v>
      </c>
    </row>
    <row r="7185" spans="4:5" x14ac:dyDescent="0.25">
      <c r="D7185" s="6">
        <v>1233.357</v>
      </c>
      <c r="E7185" s="6">
        <v>3933.6889999999999</v>
      </c>
    </row>
    <row r="7186" spans="4:5" x14ac:dyDescent="0.25">
      <c r="D7186" s="6">
        <v>714.20950000000005</v>
      </c>
      <c r="E7186" s="6">
        <v>573.44770000000005</v>
      </c>
    </row>
    <row r="7187" spans="4:5" x14ac:dyDescent="0.25">
      <c r="D7187" s="6">
        <v>551.04560000000004</v>
      </c>
      <c r="E7187" s="6">
        <v>4223.8429999999998</v>
      </c>
    </row>
    <row r="7188" spans="4:5" x14ac:dyDescent="0.25">
      <c r="D7188" s="6">
        <v>924.43619999999999</v>
      </c>
      <c r="E7188" s="6">
        <v>655.2011</v>
      </c>
    </row>
    <row r="7189" spans="4:5" x14ac:dyDescent="0.25">
      <c r="D7189" s="6">
        <v>670.38170000000002</v>
      </c>
      <c r="E7189" s="6">
        <v>826.63639999999998</v>
      </c>
    </row>
    <row r="7190" spans="4:5" x14ac:dyDescent="0.25">
      <c r="D7190" s="6">
        <v>1244.0640000000001</v>
      </c>
      <c r="E7190" s="6">
        <v>689.75639999999999</v>
      </c>
    </row>
    <row r="7191" spans="4:5" x14ac:dyDescent="0.25">
      <c r="D7191" s="6">
        <v>477.55110000000002</v>
      </c>
      <c r="E7191" s="6">
        <v>1635.3530000000001</v>
      </c>
    </row>
    <row r="7192" spans="4:5" x14ac:dyDescent="0.25">
      <c r="D7192" s="6">
        <v>433.59500000000003</v>
      </c>
      <c r="E7192" s="6">
        <v>848.80949999999996</v>
      </c>
    </row>
    <row r="7193" spans="4:5" x14ac:dyDescent="0.25">
      <c r="D7193" s="6">
        <v>558.38409999999999</v>
      </c>
      <c r="E7193" s="6">
        <v>2582.127</v>
      </c>
    </row>
    <row r="7194" spans="4:5" x14ac:dyDescent="0.25">
      <c r="D7194" s="6">
        <v>512.31799999999998</v>
      </c>
      <c r="E7194" s="6">
        <v>645.99400000000003</v>
      </c>
    </row>
    <row r="7195" spans="4:5" x14ac:dyDescent="0.25">
      <c r="D7195" s="6">
        <v>446.82670000000002</v>
      </c>
      <c r="E7195" s="6">
        <v>4713.8990000000003</v>
      </c>
    </row>
    <row r="7196" spans="4:5" x14ac:dyDescent="0.25">
      <c r="D7196" s="6">
        <v>1074.731</v>
      </c>
      <c r="E7196" s="6">
        <v>5036.7299999999996</v>
      </c>
    </row>
    <row r="7197" spans="4:5" x14ac:dyDescent="0.25">
      <c r="D7197" s="6">
        <v>2874.3719999999998</v>
      </c>
      <c r="E7197" s="6">
        <v>311.04759999999999</v>
      </c>
    </row>
    <row r="7198" spans="4:5" x14ac:dyDescent="0.25">
      <c r="D7198" s="6">
        <v>297.9314</v>
      </c>
      <c r="E7198" s="6">
        <v>733.63969999999995</v>
      </c>
    </row>
    <row r="7199" spans="4:5" x14ac:dyDescent="0.25">
      <c r="D7199" s="6">
        <v>1130.2570000000001</v>
      </c>
      <c r="E7199" s="6">
        <v>485.5856</v>
      </c>
    </row>
    <row r="7200" spans="4:5" x14ac:dyDescent="0.25">
      <c r="D7200" s="6">
        <v>1122</v>
      </c>
      <c r="E7200" s="6">
        <v>861.99189999999999</v>
      </c>
    </row>
    <row r="7201" spans="4:5" x14ac:dyDescent="0.25">
      <c r="D7201" s="6">
        <v>585.64480000000003</v>
      </c>
      <c r="E7201" s="6">
        <v>585.72460000000001</v>
      </c>
    </row>
    <row r="7202" spans="4:5" x14ac:dyDescent="0.25">
      <c r="D7202" s="6">
        <v>516.92629999999997</v>
      </c>
      <c r="E7202" s="6">
        <v>460.2122</v>
      </c>
    </row>
    <row r="7203" spans="4:5" x14ac:dyDescent="0.25">
      <c r="D7203" s="6">
        <v>3578.462</v>
      </c>
      <c r="E7203" s="6">
        <v>868.55449999999996</v>
      </c>
    </row>
    <row r="7204" spans="4:5" x14ac:dyDescent="0.25">
      <c r="D7204" s="6">
        <v>10023.43</v>
      </c>
      <c r="E7204" s="6">
        <v>909.25</v>
      </c>
    </row>
    <row r="7205" spans="4:5" x14ac:dyDescent="0.25">
      <c r="D7205" s="6">
        <v>570.02409999999998</v>
      </c>
      <c r="E7205" s="6">
        <v>663.90560000000005</v>
      </c>
    </row>
    <row r="7206" spans="4:5" x14ac:dyDescent="0.25">
      <c r="D7206" s="6">
        <v>852.85580000000004</v>
      </c>
      <c r="E7206" s="6">
        <v>1439.355</v>
      </c>
    </row>
    <row r="7207" spans="4:5" x14ac:dyDescent="0.25">
      <c r="D7207" s="6">
        <v>503.76659999999998</v>
      </c>
      <c r="E7207" s="6">
        <v>836.2133</v>
      </c>
    </row>
    <row r="7208" spans="4:5" x14ac:dyDescent="0.25">
      <c r="D7208" s="6">
        <v>600.88430000000005</v>
      </c>
      <c r="E7208" s="6">
        <v>1435.681</v>
      </c>
    </row>
    <row r="7209" spans="4:5" x14ac:dyDescent="0.25">
      <c r="D7209" s="6">
        <v>491.15449999999998</v>
      </c>
      <c r="E7209" s="6">
        <v>1006.395</v>
      </c>
    </row>
    <row r="7210" spans="4:5" x14ac:dyDescent="0.25">
      <c r="D7210" s="6">
        <v>478.78399999999999</v>
      </c>
      <c r="E7210" s="6">
        <v>514.96209999999996</v>
      </c>
    </row>
    <row r="7211" spans="4:5" x14ac:dyDescent="0.25">
      <c r="D7211" s="6">
        <v>650.20870000000002</v>
      </c>
      <c r="E7211" s="6">
        <v>530.79060000000004</v>
      </c>
    </row>
    <row r="7212" spans="4:5" x14ac:dyDescent="0.25">
      <c r="D7212" s="6">
        <v>570.5992</v>
      </c>
      <c r="E7212" s="6">
        <v>5141.3900000000003</v>
      </c>
    </row>
    <row r="7213" spans="4:5" x14ac:dyDescent="0.25">
      <c r="D7213" s="6">
        <v>532.47109999999998</v>
      </c>
      <c r="E7213" s="6">
        <v>1003.979</v>
      </c>
    </row>
    <row r="7214" spans="4:5" x14ac:dyDescent="0.25">
      <c r="D7214" s="6">
        <v>6209.5879999999997</v>
      </c>
      <c r="E7214" s="6">
        <v>325.3929</v>
      </c>
    </row>
    <row r="7215" spans="4:5" x14ac:dyDescent="0.25">
      <c r="D7215" s="6">
        <v>2365.2640000000001</v>
      </c>
      <c r="E7215" s="6">
        <v>655.78300000000002</v>
      </c>
    </row>
    <row r="7216" spans="4:5" x14ac:dyDescent="0.25">
      <c r="D7216" s="6">
        <v>860.12969999999996</v>
      </c>
      <c r="E7216" s="6">
        <v>1764.7840000000001</v>
      </c>
    </row>
    <row r="7217" spans="4:5" x14ac:dyDescent="0.25">
      <c r="D7217" s="6">
        <v>800.51499999999999</v>
      </c>
      <c r="E7217" s="6">
        <v>474.89400000000001</v>
      </c>
    </row>
    <row r="7218" spans="4:5" x14ac:dyDescent="0.25">
      <c r="D7218" s="6">
        <v>621.06399999999996</v>
      </c>
      <c r="E7218" s="6">
        <v>521.60490000000004</v>
      </c>
    </row>
    <row r="7219" spans="4:5" x14ac:dyDescent="0.25">
      <c r="D7219" s="6">
        <v>685.18719999999996</v>
      </c>
      <c r="E7219" s="6">
        <v>818.16669999999999</v>
      </c>
    </row>
    <row r="7220" spans="4:5" x14ac:dyDescent="0.25">
      <c r="D7220" s="6">
        <v>642.7038</v>
      </c>
      <c r="E7220" s="6">
        <v>761.82349999999997</v>
      </c>
    </row>
    <row r="7221" spans="4:5" x14ac:dyDescent="0.25">
      <c r="D7221" s="6">
        <v>740.33330000000001</v>
      </c>
      <c r="E7221" s="6">
        <v>2055.5450000000001</v>
      </c>
    </row>
    <row r="7222" spans="4:5" x14ac:dyDescent="0.25">
      <c r="D7222" s="6">
        <v>2049.2669999999998</v>
      </c>
      <c r="E7222" s="6">
        <v>5500</v>
      </c>
    </row>
    <row r="7223" spans="4:5" x14ac:dyDescent="0.25">
      <c r="D7223" s="6">
        <v>737.97590000000002</v>
      </c>
      <c r="E7223" s="6">
        <v>4759.0420000000004</v>
      </c>
    </row>
    <row r="7224" spans="4:5" x14ac:dyDescent="0.25">
      <c r="D7224" s="6">
        <v>703.63310000000001</v>
      </c>
      <c r="E7224" s="6">
        <v>4477.1530000000002</v>
      </c>
    </row>
    <row r="7225" spans="4:5" x14ac:dyDescent="0.25">
      <c r="D7225" s="6">
        <v>739.13969999999995</v>
      </c>
      <c r="E7225" s="6">
        <v>1741.748</v>
      </c>
    </row>
    <row r="7226" spans="4:5" x14ac:dyDescent="0.25">
      <c r="D7226" s="6">
        <v>938.24450000000002</v>
      </c>
      <c r="E7226" s="6">
        <v>747.8931</v>
      </c>
    </row>
    <row r="7227" spans="4:5" x14ac:dyDescent="0.25">
      <c r="D7227" s="6">
        <v>518.00630000000001</v>
      </c>
      <c r="E7227" s="6">
        <v>5335.3649999999998</v>
      </c>
    </row>
    <row r="7228" spans="4:5" x14ac:dyDescent="0.25">
      <c r="D7228" s="6">
        <v>1387.434</v>
      </c>
      <c r="E7228" s="6">
        <v>645.0009</v>
      </c>
    </row>
    <row r="7229" spans="4:5" x14ac:dyDescent="0.25">
      <c r="D7229" s="6">
        <v>760.26790000000005</v>
      </c>
      <c r="E7229" s="6">
        <v>565.79589999999996</v>
      </c>
    </row>
    <row r="7230" spans="4:5" x14ac:dyDescent="0.25">
      <c r="D7230" s="6">
        <v>621.92349999999999</v>
      </c>
      <c r="E7230" s="6">
        <v>683.59960000000001</v>
      </c>
    </row>
    <row r="7231" spans="4:5" x14ac:dyDescent="0.25">
      <c r="D7231" s="6">
        <v>5274.2449999999999</v>
      </c>
      <c r="E7231" s="6">
        <v>666.18709999999999</v>
      </c>
    </row>
    <row r="7232" spans="4:5" x14ac:dyDescent="0.25">
      <c r="D7232" s="6">
        <v>6137.46</v>
      </c>
      <c r="E7232" s="6">
        <v>494.5686</v>
      </c>
    </row>
    <row r="7233" spans="4:5" x14ac:dyDescent="0.25">
      <c r="D7233" s="6">
        <v>906.76769999999999</v>
      </c>
      <c r="E7233" s="6">
        <v>642.23900000000003</v>
      </c>
    </row>
    <row r="7234" spans="4:5" x14ac:dyDescent="0.25">
      <c r="D7234" s="6">
        <v>675.36440000000005</v>
      </c>
      <c r="E7234" s="6">
        <v>566.38279999999997</v>
      </c>
    </row>
    <row r="7235" spans="4:5" x14ac:dyDescent="0.25">
      <c r="D7235" s="6">
        <v>1150.8019999999999</v>
      </c>
      <c r="E7235" s="6">
        <v>601.25</v>
      </c>
    </row>
    <row r="7236" spans="4:5" x14ac:dyDescent="0.25">
      <c r="D7236" s="6">
        <v>1078.2550000000001</v>
      </c>
      <c r="E7236" s="6">
        <v>3590.1239999999998</v>
      </c>
    </row>
    <row r="7237" spans="4:5" x14ac:dyDescent="0.25">
      <c r="D7237" s="6">
        <v>420.02190000000002</v>
      </c>
      <c r="E7237" s="6">
        <v>1020.472</v>
      </c>
    </row>
    <row r="7238" spans="4:5" x14ac:dyDescent="0.25">
      <c r="D7238" s="6">
        <v>11537.18</v>
      </c>
      <c r="E7238" s="6">
        <v>3522.7159999999999</v>
      </c>
    </row>
    <row r="7239" spans="4:5" x14ac:dyDescent="0.25">
      <c r="D7239" s="6">
        <v>578.90909999999997</v>
      </c>
      <c r="E7239" s="6">
        <v>2107.5450000000001</v>
      </c>
    </row>
    <row r="7240" spans="4:5" x14ac:dyDescent="0.25">
      <c r="D7240" s="6">
        <v>7911.7219999999998</v>
      </c>
      <c r="E7240" s="6">
        <v>3731.25</v>
      </c>
    </row>
    <row r="7241" spans="4:5" x14ac:dyDescent="0.25">
      <c r="D7241" s="6">
        <v>907.52319999999997</v>
      </c>
      <c r="E7241" s="6">
        <v>528.17380000000003</v>
      </c>
    </row>
    <row r="7242" spans="4:5" x14ac:dyDescent="0.25">
      <c r="D7242" s="6">
        <v>926.49879999999996</v>
      </c>
      <c r="E7242" s="6">
        <v>1750.4760000000001</v>
      </c>
    </row>
    <row r="7243" spans="4:5" x14ac:dyDescent="0.25">
      <c r="D7243" s="6">
        <v>877.95669999999996</v>
      </c>
      <c r="E7243" s="6">
        <v>540.30309999999997</v>
      </c>
    </row>
    <row r="7244" spans="4:5" x14ac:dyDescent="0.25">
      <c r="D7244" s="6">
        <v>859.0258</v>
      </c>
      <c r="E7244" s="6">
        <v>3278.076</v>
      </c>
    </row>
    <row r="7245" spans="4:5" x14ac:dyDescent="0.25">
      <c r="D7245" s="6">
        <v>725.99670000000003</v>
      </c>
      <c r="E7245" s="6">
        <v>1332.365</v>
      </c>
    </row>
    <row r="7246" spans="4:5" x14ac:dyDescent="0.25">
      <c r="D7246" s="6">
        <v>786.7826</v>
      </c>
      <c r="E7246" s="6">
        <v>539.9452</v>
      </c>
    </row>
    <row r="7247" spans="4:5" x14ac:dyDescent="0.25">
      <c r="D7247" s="6">
        <v>6102.48</v>
      </c>
      <c r="E7247" s="6">
        <v>1214.06</v>
      </c>
    </row>
    <row r="7248" spans="4:5" x14ac:dyDescent="0.25">
      <c r="D7248" s="6">
        <v>3054.2649999999999</v>
      </c>
      <c r="E7248" s="6">
        <v>710.43799999999999</v>
      </c>
    </row>
    <row r="7249" spans="4:5" x14ac:dyDescent="0.25">
      <c r="D7249" s="6">
        <v>1060.444</v>
      </c>
      <c r="E7249" s="6">
        <v>749.25220000000002</v>
      </c>
    </row>
    <row r="7250" spans="4:5" x14ac:dyDescent="0.25">
      <c r="D7250" s="6">
        <v>811.30820000000006</v>
      </c>
      <c r="E7250" s="6">
        <v>4063.58</v>
      </c>
    </row>
    <row r="7251" spans="4:5" x14ac:dyDescent="0.25">
      <c r="D7251" s="6">
        <v>1105.489</v>
      </c>
      <c r="E7251" s="6">
        <v>1065.768</v>
      </c>
    </row>
    <row r="7252" spans="4:5" x14ac:dyDescent="0.25">
      <c r="D7252" s="6">
        <v>814.02750000000003</v>
      </c>
      <c r="E7252" s="6">
        <v>477.94139999999999</v>
      </c>
    </row>
    <row r="7253" spans="4:5" x14ac:dyDescent="0.25">
      <c r="D7253" s="6">
        <v>1359</v>
      </c>
      <c r="E7253" s="6">
        <v>568.29939999999999</v>
      </c>
    </row>
    <row r="7254" spans="4:5" x14ac:dyDescent="0.25">
      <c r="D7254" s="6">
        <v>645.81790000000001</v>
      </c>
      <c r="E7254" s="6">
        <v>1189.0989999999999</v>
      </c>
    </row>
    <row r="7255" spans="4:5" x14ac:dyDescent="0.25">
      <c r="D7255" s="6">
        <v>1434.0730000000001</v>
      </c>
      <c r="E7255" s="6">
        <v>458.86320000000001</v>
      </c>
    </row>
    <row r="7256" spans="4:5" x14ac:dyDescent="0.25">
      <c r="D7256" s="6">
        <v>1137.25</v>
      </c>
      <c r="E7256" s="6">
        <v>1423.279</v>
      </c>
    </row>
    <row r="7257" spans="4:5" x14ac:dyDescent="0.25">
      <c r="D7257" s="6">
        <v>518.38900000000001</v>
      </c>
      <c r="E7257" s="6">
        <v>697.76049999999998</v>
      </c>
    </row>
    <row r="7258" spans="4:5" x14ac:dyDescent="0.25">
      <c r="D7258" s="6">
        <v>1483</v>
      </c>
      <c r="E7258" s="6">
        <v>763.70550000000003</v>
      </c>
    </row>
    <row r="7259" spans="4:5" x14ac:dyDescent="0.25">
      <c r="D7259" s="6">
        <v>671.75239999999997</v>
      </c>
      <c r="E7259" s="6">
        <v>955.06029999999998</v>
      </c>
    </row>
    <row r="7260" spans="4:5" x14ac:dyDescent="0.25">
      <c r="D7260" s="6">
        <v>646.84079999999994</v>
      </c>
      <c r="E7260" s="6">
        <v>500.77780000000001</v>
      </c>
    </row>
    <row r="7261" spans="4:5" x14ac:dyDescent="0.25">
      <c r="D7261" s="6">
        <v>728.35860000000002</v>
      </c>
      <c r="E7261" s="6">
        <v>562.51829999999995</v>
      </c>
    </row>
    <row r="7262" spans="4:5" x14ac:dyDescent="0.25">
      <c r="D7262" s="6">
        <v>828.51490000000001</v>
      </c>
      <c r="E7262" s="6">
        <v>2227.5749999999998</v>
      </c>
    </row>
    <row r="7263" spans="4:5" x14ac:dyDescent="0.25">
      <c r="D7263" s="6">
        <v>6432.1689999999999</v>
      </c>
      <c r="E7263" s="6">
        <v>1481.1669999999999</v>
      </c>
    </row>
    <row r="7264" spans="4:5" x14ac:dyDescent="0.25">
      <c r="D7264" s="6">
        <v>829.65599999999995</v>
      </c>
      <c r="E7264" s="6">
        <v>4634.9309999999996</v>
      </c>
    </row>
    <row r="7265" spans="4:5" x14ac:dyDescent="0.25">
      <c r="D7265" s="6">
        <v>1629.702</v>
      </c>
      <c r="E7265" s="6">
        <v>627.27380000000005</v>
      </c>
    </row>
    <row r="7266" spans="4:5" x14ac:dyDescent="0.25">
      <c r="D7266" s="6">
        <v>627.29049999999995</v>
      </c>
      <c r="E7266" s="6">
        <v>761.50260000000003</v>
      </c>
    </row>
    <row r="7267" spans="4:5" x14ac:dyDescent="0.25">
      <c r="D7267" s="6">
        <v>613.02940000000001</v>
      </c>
      <c r="E7267" s="6">
        <v>601.30359999999996</v>
      </c>
    </row>
    <row r="7268" spans="4:5" x14ac:dyDescent="0.25">
      <c r="D7268" s="6">
        <v>883.02480000000003</v>
      </c>
      <c r="E7268" s="6">
        <v>3391.3020000000001</v>
      </c>
    </row>
    <row r="7269" spans="4:5" x14ac:dyDescent="0.25">
      <c r="D7269" s="6">
        <v>516.24009999999998</v>
      </c>
      <c r="E7269" s="6">
        <v>4728.4979999999996</v>
      </c>
    </row>
    <row r="7270" spans="4:5" x14ac:dyDescent="0.25">
      <c r="D7270" s="6">
        <v>742.65530000000001</v>
      </c>
      <c r="E7270" s="6">
        <v>502.3775</v>
      </c>
    </row>
    <row r="7271" spans="4:5" x14ac:dyDescent="0.25">
      <c r="D7271" s="6">
        <v>421.4</v>
      </c>
      <c r="E7271" s="6">
        <v>610.92809999999997</v>
      </c>
    </row>
    <row r="7272" spans="4:5" x14ac:dyDescent="0.25">
      <c r="D7272" s="6">
        <v>566.17089999999996</v>
      </c>
      <c r="E7272" s="6">
        <v>2230.83</v>
      </c>
    </row>
    <row r="7273" spans="4:5" x14ac:dyDescent="0.25">
      <c r="D7273" s="6">
        <v>952.57399999999996</v>
      </c>
      <c r="E7273" s="6">
        <v>978.27279999999996</v>
      </c>
    </row>
    <row r="7274" spans="4:5" x14ac:dyDescent="0.25">
      <c r="D7274" s="6">
        <v>946.74649999999997</v>
      </c>
      <c r="E7274" s="6">
        <v>3234.723</v>
      </c>
    </row>
    <row r="7275" spans="4:5" x14ac:dyDescent="0.25">
      <c r="D7275" s="6">
        <v>4697.6400000000003</v>
      </c>
      <c r="E7275" s="6">
        <v>711.12390000000005</v>
      </c>
    </row>
    <row r="7276" spans="4:5" x14ac:dyDescent="0.25">
      <c r="D7276" s="6">
        <v>7683.63</v>
      </c>
      <c r="E7276" s="6">
        <v>647.50469999999996</v>
      </c>
    </row>
    <row r="7277" spans="4:5" x14ac:dyDescent="0.25">
      <c r="D7277" s="6">
        <v>1959.655</v>
      </c>
      <c r="E7277" s="6">
        <v>577.14279999999997</v>
      </c>
    </row>
    <row r="7278" spans="4:5" x14ac:dyDescent="0.25">
      <c r="D7278" s="6">
        <v>828.90800000000002</v>
      </c>
      <c r="E7278" s="6">
        <v>588.57060000000001</v>
      </c>
    </row>
    <row r="7279" spans="4:5" x14ac:dyDescent="0.25">
      <c r="D7279" s="6">
        <v>479.7</v>
      </c>
      <c r="E7279" s="6">
        <v>648.60500000000002</v>
      </c>
    </row>
    <row r="7280" spans="4:5" x14ac:dyDescent="0.25">
      <c r="D7280" s="6">
        <v>826.92049999999995</v>
      </c>
      <c r="E7280" s="6">
        <v>684.31849999999997</v>
      </c>
    </row>
    <row r="7281" spans="4:5" x14ac:dyDescent="0.25">
      <c r="D7281" s="6">
        <v>514.62090000000001</v>
      </c>
      <c r="E7281" s="6">
        <v>593.59479999999996</v>
      </c>
    </row>
    <row r="7282" spans="4:5" x14ac:dyDescent="0.25">
      <c r="D7282" s="6">
        <v>690.94949999999994</v>
      </c>
      <c r="E7282" s="6">
        <v>1926.5</v>
      </c>
    </row>
    <row r="7283" spans="4:5" x14ac:dyDescent="0.25">
      <c r="D7283" s="6">
        <v>860.83669999999995</v>
      </c>
      <c r="E7283" s="6">
        <v>628.84550000000002</v>
      </c>
    </row>
    <row r="7284" spans="4:5" x14ac:dyDescent="0.25">
      <c r="D7284" s="6">
        <v>2783.6089999999999</v>
      </c>
      <c r="E7284" s="6">
        <v>699.93020000000001</v>
      </c>
    </row>
    <row r="7285" spans="4:5" x14ac:dyDescent="0.25">
      <c r="D7285" s="6">
        <v>675.45619999999997</v>
      </c>
      <c r="E7285" s="6">
        <v>4636.1949999999997</v>
      </c>
    </row>
    <row r="7286" spans="4:5" x14ac:dyDescent="0.25">
      <c r="D7286" s="6">
        <v>6116.6670000000004</v>
      </c>
      <c r="E7286" s="6">
        <v>558.45439999999996</v>
      </c>
    </row>
    <row r="7287" spans="4:5" x14ac:dyDescent="0.25">
      <c r="D7287" s="6">
        <v>1185.8320000000001</v>
      </c>
      <c r="E7287" s="6">
        <v>937.16859999999997</v>
      </c>
    </row>
    <row r="7288" spans="4:5" x14ac:dyDescent="0.25">
      <c r="D7288" s="6">
        <v>998.91930000000002</v>
      </c>
      <c r="E7288" s="6">
        <v>654.07320000000004</v>
      </c>
    </row>
    <row r="7289" spans="4:5" x14ac:dyDescent="0.25">
      <c r="D7289" s="6">
        <v>530.04639999999995</v>
      </c>
      <c r="E7289" s="6">
        <v>3940.1660000000002</v>
      </c>
    </row>
    <row r="7290" spans="4:5" x14ac:dyDescent="0.25">
      <c r="D7290" s="6">
        <v>6669.9979999999996</v>
      </c>
      <c r="E7290" s="6">
        <v>443.69069999999999</v>
      </c>
    </row>
    <row r="7291" spans="4:5" x14ac:dyDescent="0.25">
      <c r="D7291" s="6">
        <v>970.93240000000003</v>
      </c>
      <c r="E7291" s="6">
        <v>684.07410000000004</v>
      </c>
    </row>
    <row r="7292" spans="4:5" x14ac:dyDescent="0.25">
      <c r="D7292" s="6">
        <v>610.23680000000002</v>
      </c>
      <c r="E7292" s="6">
        <v>736.03570000000002</v>
      </c>
    </row>
    <row r="7293" spans="4:5" x14ac:dyDescent="0.25">
      <c r="D7293" s="6">
        <v>787.21820000000002</v>
      </c>
      <c r="E7293" s="6">
        <v>5260.8109999999997</v>
      </c>
    </row>
    <row r="7294" spans="4:5" x14ac:dyDescent="0.25">
      <c r="D7294" s="6">
        <v>615.08309999999994</v>
      </c>
      <c r="E7294" s="6">
        <v>4395.7120000000004</v>
      </c>
    </row>
    <row r="7295" spans="4:5" x14ac:dyDescent="0.25">
      <c r="D7295" s="6">
        <v>704.90800000000002</v>
      </c>
      <c r="E7295" s="6">
        <v>1185.6110000000001</v>
      </c>
    </row>
    <row r="7296" spans="4:5" x14ac:dyDescent="0.25">
      <c r="D7296" s="6">
        <v>662.07119999999998</v>
      </c>
      <c r="E7296" s="6">
        <v>4934.7920000000004</v>
      </c>
    </row>
    <row r="7297" spans="4:5" x14ac:dyDescent="0.25">
      <c r="D7297" s="6">
        <v>1763.7639999999999</v>
      </c>
      <c r="E7297" s="6">
        <v>646.1</v>
      </c>
    </row>
    <row r="7298" spans="4:5" x14ac:dyDescent="0.25">
      <c r="D7298" s="6">
        <v>940.06979999999999</v>
      </c>
      <c r="E7298" s="6">
        <v>689.84860000000003</v>
      </c>
    </row>
    <row r="7299" spans="4:5" x14ac:dyDescent="0.25">
      <c r="D7299" s="6">
        <v>572.98069999999996</v>
      </c>
      <c r="E7299" s="6">
        <v>499.4538</v>
      </c>
    </row>
    <row r="7300" spans="4:5" x14ac:dyDescent="0.25">
      <c r="D7300" s="6">
        <v>507.36430000000001</v>
      </c>
      <c r="E7300" s="6">
        <v>4084.8229999999999</v>
      </c>
    </row>
    <row r="7301" spans="4:5" x14ac:dyDescent="0.25">
      <c r="D7301" s="6">
        <v>593.89840000000004</v>
      </c>
      <c r="E7301" s="6">
        <v>3699.6970000000001</v>
      </c>
    </row>
    <row r="7302" spans="4:5" x14ac:dyDescent="0.25">
      <c r="D7302" s="6">
        <v>615.28949999999998</v>
      </c>
      <c r="E7302" s="6">
        <v>554.8981</v>
      </c>
    </row>
    <row r="7303" spans="4:5" x14ac:dyDescent="0.25">
      <c r="D7303" s="6">
        <v>617.1771</v>
      </c>
      <c r="E7303" s="6">
        <v>447.14940000000001</v>
      </c>
    </row>
    <row r="7304" spans="4:5" x14ac:dyDescent="0.25">
      <c r="D7304" s="6">
        <v>1238.585</v>
      </c>
      <c r="E7304" s="6">
        <v>551.04160000000002</v>
      </c>
    </row>
    <row r="7305" spans="4:5" x14ac:dyDescent="0.25">
      <c r="D7305" s="6">
        <v>635.03200000000004</v>
      </c>
      <c r="E7305" s="6">
        <v>602.29489999999998</v>
      </c>
    </row>
    <row r="7306" spans="4:5" x14ac:dyDescent="0.25">
      <c r="D7306" s="6">
        <v>7902.5860000000002</v>
      </c>
      <c r="E7306" s="6">
        <v>675.50480000000005</v>
      </c>
    </row>
    <row r="7307" spans="4:5" x14ac:dyDescent="0.25">
      <c r="D7307" s="6">
        <v>5061.125</v>
      </c>
      <c r="E7307" s="6">
        <v>1279.328</v>
      </c>
    </row>
    <row r="7308" spans="4:5" x14ac:dyDescent="0.25">
      <c r="D7308" s="6">
        <v>2440.857</v>
      </c>
      <c r="E7308" s="6">
        <v>736.35599999999999</v>
      </c>
    </row>
    <row r="7309" spans="4:5" x14ac:dyDescent="0.25">
      <c r="D7309" s="6">
        <v>350.11430000000001</v>
      </c>
      <c r="E7309" s="6">
        <v>1058.249</v>
      </c>
    </row>
    <row r="7310" spans="4:5" x14ac:dyDescent="0.25">
      <c r="D7310" s="6">
        <v>830.27070000000003</v>
      </c>
      <c r="E7310" s="6">
        <v>1652.789</v>
      </c>
    </row>
    <row r="7311" spans="4:5" x14ac:dyDescent="0.25">
      <c r="D7311" s="6">
        <v>6548.5029999999997</v>
      </c>
      <c r="E7311" s="6">
        <v>460.5</v>
      </c>
    </row>
    <row r="7312" spans="4:5" x14ac:dyDescent="0.25">
      <c r="D7312" s="6">
        <v>662.37419999999997</v>
      </c>
      <c r="E7312" s="6">
        <v>606.58130000000006</v>
      </c>
    </row>
    <row r="7313" spans="4:5" x14ac:dyDescent="0.25">
      <c r="D7313" s="6">
        <v>759.3175</v>
      </c>
      <c r="E7313" s="6">
        <v>1548.6</v>
      </c>
    </row>
    <row r="7314" spans="4:5" x14ac:dyDescent="0.25">
      <c r="D7314" s="6">
        <v>543.63589999999999</v>
      </c>
      <c r="E7314" s="6">
        <v>821.9434</v>
      </c>
    </row>
    <row r="7315" spans="4:5" x14ac:dyDescent="0.25">
      <c r="D7315" s="6">
        <v>735.40239999999994</v>
      </c>
      <c r="E7315" s="6">
        <v>915.87689999999998</v>
      </c>
    </row>
    <row r="7316" spans="4:5" x14ac:dyDescent="0.25">
      <c r="D7316" s="6">
        <v>843.67020000000002</v>
      </c>
      <c r="E7316" s="6">
        <v>5483.8440000000001</v>
      </c>
    </row>
    <row r="7317" spans="4:5" x14ac:dyDescent="0.25">
      <c r="D7317" s="6">
        <v>5633.6880000000001</v>
      </c>
      <c r="E7317" s="6">
        <v>10307</v>
      </c>
    </row>
    <row r="7318" spans="4:5" x14ac:dyDescent="0.25">
      <c r="D7318" s="6">
        <v>765.01130000000001</v>
      </c>
      <c r="E7318" s="6">
        <v>802.3836</v>
      </c>
    </row>
    <row r="7319" spans="4:5" x14ac:dyDescent="0.25">
      <c r="D7319" s="6">
        <v>858.76499999999999</v>
      </c>
      <c r="E7319" s="6">
        <v>768.27480000000003</v>
      </c>
    </row>
    <row r="7320" spans="4:5" x14ac:dyDescent="0.25">
      <c r="D7320" s="6">
        <v>402.2448</v>
      </c>
      <c r="E7320" s="6">
        <v>5088.5839999999998</v>
      </c>
    </row>
    <row r="7321" spans="4:5" x14ac:dyDescent="0.25">
      <c r="D7321" s="6">
        <v>558.35709999999995</v>
      </c>
      <c r="E7321" s="6">
        <v>768.02269999999999</v>
      </c>
    </row>
    <row r="7322" spans="4:5" x14ac:dyDescent="0.25">
      <c r="D7322" s="6">
        <v>510.80709999999999</v>
      </c>
      <c r="E7322" s="6">
        <v>721.16589999999997</v>
      </c>
    </row>
    <row r="7323" spans="4:5" x14ac:dyDescent="0.25">
      <c r="D7323" s="6">
        <v>341.59559999999999</v>
      </c>
      <c r="E7323" s="6">
        <v>729.67539999999997</v>
      </c>
    </row>
    <row r="7324" spans="4:5" x14ac:dyDescent="0.25">
      <c r="D7324" s="6">
        <v>1039.6479999999999</v>
      </c>
      <c r="E7324" s="6">
        <v>818.37419999999997</v>
      </c>
    </row>
    <row r="7325" spans="4:5" x14ac:dyDescent="0.25">
      <c r="D7325" s="6">
        <v>1053.9490000000001</v>
      </c>
      <c r="E7325" s="6">
        <v>460.75650000000002</v>
      </c>
    </row>
    <row r="7326" spans="4:5" x14ac:dyDescent="0.25">
      <c r="D7326" s="6">
        <v>621.88080000000002</v>
      </c>
      <c r="E7326" s="6">
        <v>2816.85</v>
      </c>
    </row>
    <row r="7327" spans="4:5" x14ac:dyDescent="0.25">
      <c r="D7327" s="6">
        <v>2679</v>
      </c>
      <c r="E7327" s="6">
        <v>530.53909999999996</v>
      </c>
    </row>
    <row r="7328" spans="4:5" x14ac:dyDescent="0.25">
      <c r="D7328" s="6">
        <v>4351.826</v>
      </c>
      <c r="E7328" s="6">
        <v>652.30769999999995</v>
      </c>
    </row>
    <row r="7329" spans="4:5" x14ac:dyDescent="0.25">
      <c r="D7329" s="6">
        <v>599.29830000000004</v>
      </c>
      <c r="E7329" s="6">
        <v>4221.4750000000004</v>
      </c>
    </row>
    <row r="7330" spans="4:5" x14ac:dyDescent="0.25">
      <c r="D7330" s="6">
        <v>616.79330000000004</v>
      </c>
      <c r="E7330" s="6">
        <v>553.58169999999996</v>
      </c>
    </row>
    <row r="7331" spans="4:5" x14ac:dyDescent="0.25">
      <c r="D7331" s="6">
        <v>914.72929999999997</v>
      </c>
      <c r="E7331" s="6">
        <v>656.25300000000004</v>
      </c>
    </row>
    <row r="7332" spans="4:5" x14ac:dyDescent="0.25">
      <c r="D7332" s="6">
        <v>2448.5320000000002</v>
      </c>
      <c r="E7332" s="6">
        <v>481.03269999999998</v>
      </c>
    </row>
    <row r="7333" spans="4:5" x14ac:dyDescent="0.25">
      <c r="D7333" s="6">
        <v>1269.3889999999999</v>
      </c>
      <c r="E7333" s="6">
        <v>1353.4590000000001</v>
      </c>
    </row>
    <row r="7334" spans="4:5" x14ac:dyDescent="0.25">
      <c r="D7334" s="6">
        <v>436.2527</v>
      </c>
      <c r="E7334" s="6">
        <v>534.94830000000002</v>
      </c>
    </row>
    <row r="7335" spans="4:5" x14ac:dyDescent="0.25">
      <c r="D7335" s="6">
        <v>1143.9380000000001</v>
      </c>
      <c r="E7335" s="6">
        <v>674.4085</v>
      </c>
    </row>
    <row r="7336" spans="4:5" x14ac:dyDescent="0.25">
      <c r="D7336" s="6">
        <v>6261.3509999999997</v>
      </c>
      <c r="E7336" s="6">
        <v>573.54809999999998</v>
      </c>
    </row>
    <row r="7337" spans="4:5" x14ac:dyDescent="0.25">
      <c r="D7337" s="6">
        <v>502.15129999999999</v>
      </c>
      <c r="E7337" s="6">
        <v>3679.2139999999999</v>
      </c>
    </row>
    <row r="7338" spans="4:5" x14ac:dyDescent="0.25">
      <c r="D7338" s="6">
        <v>843.77419999999995</v>
      </c>
      <c r="E7338" s="6">
        <v>4188.6329999999998</v>
      </c>
    </row>
    <row r="7339" spans="4:5" x14ac:dyDescent="0.25">
      <c r="D7339" s="6">
        <v>1200.1300000000001</v>
      </c>
      <c r="E7339" s="6">
        <v>723.81489999999997</v>
      </c>
    </row>
    <row r="7340" spans="4:5" x14ac:dyDescent="0.25">
      <c r="D7340" s="6">
        <v>2511.9270000000001</v>
      </c>
      <c r="E7340" s="6">
        <v>637.34979999999996</v>
      </c>
    </row>
    <row r="7341" spans="4:5" x14ac:dyDescent="0.25">
      <c r="D7341" s="6">
        <v>882.6585</v>
      </c>
      <c r="E7341" s="6">
        <v>635.16610000000003</v>
      </c>
    </row>
    <row r="7342" spans="4:5" x14ac:dyDescent="0.25">
      <c r="D7342" s="6">
        <v>561.58950000000004</v>
      </c>
      <c r="E7342" s="6">
        <v>634.25519999999995</v>
      </c>
    </row>
    <row r="7343" spans="4:5" x14ac:dyDescent="0.25">
      <c r="D7343" s="6">
        <v>585.63239999999996</v>
      </c>
      <c r="E7343" s="6">
        <v>1130.5</v>
      </c>
    </row>
    <row r="7344" spans="4:5" x14ac:dyDescent="0.25">
      <c r="D7344" s="6">
        <v>767.08190000000002</v>
      </c>
      <c r="E7344" s="6">
        <v>5078.8119999999999</v>
      </c>
    </row>
    <row r="7345" spans="4:5" x14ac:dyDescent="0.25">
      <c r="D7345" s="6">
        <v>9776.4269999999997</v>
      </c>
      <c r="E7345" s="6">
        <v>531.67669999999998</v>
      </c>
    </row>
    <row r="7346" spans="4:5" x14ac:dyDescent="0.25">
      <c r="D7346" s="6">
        <v>735.54420000000005</v>
      </c>
      <c r="E7346" s="6">
        <v>573.00760000000002</v>
      </c>
    </row>
    <row r="7347" spans="4:5" x14ac:dyDescent="0.25">
      <c r="D7347" s="6">
        <v>835.20010000000002</v>
      </c>
      <c r="E7347" s="6">
        <v>575.02440000000001</v>
      </c>
    </row>
    <row r="7348" spans="4:5" x14ac:dyDescent="0.25">
      <c r="D7348" s="6">
        <v>1090.433</v>
      </c>
      <c r="E7348" s="6">
        <v>782.66520000000003</v>
      </c>
    </row>
    <row r="7349" spans="4:5" x14ac:dyDescent="0.25">
      <c r="D7349" s="6">
        <v>601.84720000000004</v>
      </c>
      <c r="E7349" s="6">
        <v>514.10749999999996</v>
      </c>
    </row>
    <row r="7350" spans="4:5" x14ac:dyDescent="0.25">
      <c r="D7350" s="6">
        <v>6418.6109999999999</v>
      </c>
      <c r="E7350" s="6">
        <v>4336.415</v>
      </c>
    </row>
    <row r="7351" spans="4:5" x14ac:dyDescent="0.25">
      <c r="D7351" s="6">
        <v>515.65890000000002</v>
      </c>
      <c r="E7351" s="6">
        <v>2983.8290000000002</v>
      </c>
    </row>
    <row r="7352" spans="4:5" x14ac:dyDescent="0.25">
      <c r="D7352" s="6">
        <v>1020.545</v>
      </c>
      <c r="E7352" s="6">
        <v>550.45849999999996</v>
      </c>
    </row>
    <row r="7353" spans="4:5" x14ac:dyDescent="0.25">
      <c r="D7353" s="6">
        <v>1031.1569999999999</v>
      </c>
      <c r="E7353" s="6">
        <v>1654.1479999999999</v>
      </c>
    </row>
    <row r="7354" spans="4:5" x14ac:dyDescent="0.25">
      <c r="D7354" s="6">
        <v>996.52120000000002</v>
      </c>
      <c r="E7354" s="6">
        <v>908.93899999999996</v>
      </c>
    </row>
    <row r="7355" spans="4:5" x14ac:dyDescent="0.25">
      <c r="D7355" s="6">
        <v>830.6739</v>
      </c>
      <c r="E7355" s="6">
        <v>842.32640000000004</v>
      </c>
    </row>
    <row r="7356" spans="4:5" x14ac:dyDescent="0.25">
      <c r="D7356" s="6">
        <v>11379.13</v>
      </c>
      <c r="E7356" s="6">
        <v>767.30589999999995</v>
      </c>
    </row>
    <row r="7357" spans="4:5" x14ac:dyDescent="0.25">
      <c r="D7357" s="6">
        <v>1099.5650000000001</v>
      </c>
      <c r="E7357" s="6">
        <v>4828.0150000000003</v>
      </c>
    </row>
    <row r="7358" spans="4:5" x14ac:dyDescent="0.25">
      <c r="D7358" s="6">
        <v>340.04520000000002</v>
      </c>
      <c r="E7358" s="6">
        <v>574.72529999999995</v>
      </c>
    </row>
    <row r="7359" spans="4:5" x14ac:dyDescent="0.25">
      <c r="D7359" s="6">
        <v>3446.5340000000001</v>
      </c>
      <c r="E7359" s="6">
        <v>683.06470000000002</v>
      </c>
    </row>
    <row r="7360" spans="4:5" x14ac:dyDescent="0.25">
      <c r="D7360" s="6">
        <v>401.49220000000003</v>
      </c>
      <c r="E7360" s="6">
        <v>692.90440000000001</v>
      </c>
    </row>
    <row r="7361" spans="4:5" x14ac:dyDescent="0.25">
      <c r="D7361" s="6">
        <v>4575.0609999999997</v>
      </c>
      <c r="E7361" s="6">
        <v>4204.2730000000001</v>
      </c>
    </row>
    <row r="7362" spans="4:5" x14ac:dyDescent="0.25">
      <c r="D7362" s="6">
        <v>5234.125</v>
      </c>
      <c r="E7362" s="6">
        <v>647.34900000000005</v>
      </c>
    </row>
    <row r="7363" spans="4:5" x14ac:dyDescent="0.25">
      <c r="D7363" s="6">
        <v>2197.0390000000002</v>
      </c>
      <c r="E7363" s="6">
        <v>608.96140000000003</v>
      </c>
    </row>
    <row r="7364" spans="4:5" x14ac:dyDescent="0.25">
      <c r="D7364" s="6">
        <v>631.91399999999999</v>
      </c>
      <c r="E7364" s="6">
        <v>408.35289999999998</v>
      </c>
    </row>
    <row r="7365" spans="4:5" x14ac:dyDescent="0.25">
      <c r="D7365" s="6">
        <v>832.62360000000001</v>
      </c>
      <c r="E7365" s="6">
        <v>793.43899999999996</v>
      </c>
    </row>
    <row r="7366" spans="4:5" x14ac:dyDescent="0.25">
      <c r="D7366" s="6">
        <v>691.97720000000004</v>
      </c>
      <c r="E7366" s="6">
        <v>1137.134</v>
      </c>
    </row>
    <row r="7367" spans="4:5" x14ac:dyDescent="0.25">
      <c r="D7367" s="6">
        <v>699.21489999999994</v>
      </c>
      <c r="E7367" s="6">
        <v>740.94629999999995</v>
      </c>
    </row>
    <row r="7368" spans="4:5" x14ac:dyDescent="0.25">
      <c r="D7368" s="6">
        <v>6846.73</v>
      </c>
      <c r="E7368" s="6">
        <v>3821.047</v>
      </c>
    </row>
    <row r="7369" spans="4:5" x14ac:dyDescent="0.25">
      <c r="D7369" s="6">
        <v>772.84460000000001</v>
      </c>
      <c r="E7369" s="6">
        <v>898.81399999999996</v>
      </c>
    </row>
    <row r="7370" spans="4:5" x14ac:dyDescent="0.25">
      <c r="D7370" s="6">
        <v>1001.182</v>
      </c>
      <c r="E7370" s="6">
        <v>1754.739</v>
      </c>
    </row>
    <row r="7371" spans="4:5" x14ac:dyDescent="0.25">
      <c r="D7371" s="6">
        <v>843.30319999999995</v>
      </c>
      <c r="E7371" s="6">
        <v>521.88099999999997</v>
      </c>
    </row>
    <row r="7372" spans="4:5" x14ac:dyDescent="0.25">
      <c r="D7372" s="6">
        <v>5572.393</v>
      </c>
      <c r="E7372" s="6">
        <v>544.97119999999995</v>
      </c>
    </row>
    <row r="7373" spans="4:5" x14ac:dyDescent="0.25">
      <c r="D7373" s="6">
        <v>486.46550000000002</v>
      </c>
      <c r="E7373" s="6">
        <v>451.11649999999997</v>
      </c>
    </row>
    <row r="7374" spans="4:5" x14ac:dyDescent="0.25">
      <c r="D7374" s="6">
        <v>555.41769999999997</v>
      </c>
      <c r="E7374" s="6">
        <v>917.20060000000001</v>
      </c>
    </row>
    <row r="7375" spans="4:5" x14ac:dyDescent="0.25">
      <c r="D7375" s="6">
        <v>2040.586</v>
      </c>
      <c r="E7375" s="6">
        <v>1185.222</v>
      </c>
    </row>
    <row r="7376" spans="4:5" x14ac:dyDescent="0.25">
      <c r="D7376" s="6">
        <v>4844.6769999999997</v>
      </c>
      <c r="E7376" s="6">
        <v>5174.3190000000004</v>
      </c>
    </row>
    <row r="7377" spans="4:5" x14ac:dyDescent="0.25">
      <c r="D7377" s="6">
        <v>985.42010000000005</v>
      </c>
      <c r="E7377" s="6">
        <v>3704.364</v>
      </c>
    </row>
    <row r="7378" spans="4:5" x14ac:dyDescent="0.25">
      <c r="D7378" s="6">
        <v>855</v>
      </c>
      <c r="E7378" s="6">
        <v>532.28639999999996</v>
      </c>
    </row>
    <row r="7379" spans="4:5" x14ac:dyDescent="0.25">
      <c r="D7379" s="6">
        <v>499.27760000000001</v>
      </c>
      <c r="E7379" s="6">
        <v>654.71339999999998</v>
      </c>
    </row>
    <row r="7380" spans="4:5" x14ac:dyDescent="0.25">
      <c r="D7380" s="6">
        <v>478.55419999999998</v>
      </c>
      <c r="E7380" s="6">
        <v>1470</v>
      </c>
    </row>
    <row r="7381" spans="4:5" x14ac:dyDescent="0.25">
      <c r="D7381" s="6">
        <v>641.31110000000001</v>
      </c>
      <c r="E7381" s="6">
        <v>3735.3879999999999</v>
      </c>
    </row>
    <row r="7382" spans="4:5" x14ac:dyDescent="0.25">
      <c r="D7382" s="6">
        <v>511.47250000000003</v>
      </c>
      <c r="E7382" s="6">
        <v>844.93859999999995</v>
      </c>
    </row>
    <row r="7383" spans="4:5" x14ac:dyDescent="0.25">
      <c r="D7383" s="6">
        <v>661.63800000000003</v>
      </c>
      <c r="E7383" s="6">
        <v>2979.9070000000002</v>
      </c>
    </row>
    <row r="7384" spans="4:5" x14ac:dyDescent="0.25">
      <c r="D7384" s="6">
        <v>569.56820000000005</v>
      </c>
      <c r="E7384" s="6">
        <v>390.19049999999999</v>
      </c>
    </row>
    <row r="7385" spans="4:5" x14ac:dyDescent="0.25">
      <c r="D7385" s="6">
        <v>1369.769</v>
      </c>
      <c r="E7385" s="6">
        <v>2324.373</v>
      </c>
    </row>
    <row r="7386" spans="4:5" x14ac:dyDescent="0.25">
      <c r="D7386" s="6">
        <v>8627</v>
      </c>
      <c r="E7386" s="6">
        <v>610.93209999999999</v>
      </c>
    </row>
    <row r="7387" spans="4:5" x14ac:dyDescent="0.25">
      <c r="D7387" s="6">
        <v>756.00019999999995</v>
      </c>
      <c r="E7387" s="6">
        <v>516.38509999999997</v>
      </c>
    </row>
    <row r="7388" spans="4:5" x14ac:dyDescent="0.25">
      <c r="D7388" s="6">
        <v>886.12519999999995</v>
      </c>
      <c r="E7388" s="6">
        <v>2026.242</v>
      </c>
    </row>
    <row r="7389" spans="4:5" x14ac:dyDescent="0.25">
      <c r="D7389" s="6">
        <v>811.27390000000003</v>
      </c>
      <c r="E7389" s="6">
        <v>695.35490000000004</v>
      </c>
    </row>
    <row r="7390" spans="4:5" x14ac:dyDescent="0.25">
      <c r="D7390" s="6">
        <v>733.01739999999995</v>
      </c>
      <c r="E7390" s="6">
        <v>593.16769999999997</v>
      </c>
    </row>
    <row r="7391" spans="4:5" x14ac:dyDescent="0.25">
      <c r="D7391" s="6">
        <v>1835.5</v>
      </c>
      <c r="E7391" s="6">
        <v>626.93740000000003</v>
      </c>
    </row>
    <row r="7392" spans="4:5" x14ac:dyDescent="0.25">
      <c r="D7392" s="6">
        <v>1727.97</v>
      </c>
      <c r="E7392" s="6">
        <v>1072.867</v>
      </c>
    </row>
    <row r="7393" spans="4:5" x14ac:dyDescent="0.25">
      <c r="D7393" s="6">
        <v>474.64389999999997</v>
      </c>
      <c r="E7393" s="6">
        <v>4870.3999999999996</v>
      </c>
    </row>
    <row r="7394" spans="4:5" x14ac:dyDescent="0.25">
      <c r="D7394" s="6">
        <v>997.5403</v>
      </c>
      <c r="E7394" s="6">
        <v>651.23360000000002</v>
      </c>
    </row>
    <row r="7395" spans="4:5" x14ac:dyDescent="0.25">
      <c r="D7395" s="6">
        <v>391.55709999999999</v>
      </c>
      <c r="E7395" s="6">
        <v>548.15409999999997</v>
      </c>
    </row>
    <row r="7396" spans="4:5" x14ac:dyDescent="0.25">
      <c r="D7396" s="6">
        <v>2650.625</v>
      </c>
      <c r="E7396" s="6">
        <v>571.08180000000004</v>
      </c>
    </row>
    <row r="7397" spans="4:5" x14ac:dyDescent="0.25">
      <c r="D7397" s="6">
        <v>1062.1980000000001</v>
      </c>
      <c r="E7397" s="6">
        <v>521.08709999999996</v>
      </c>
    </row>
    <row r="7398" spans="4:5" x14ac:dyDescent="0.25">
      <c r="D7398" s="6">
        <v>803.35040000000004</v>
      </c>
      <c r="E7398" s="6">
        <v>928.52970000000005</v>
      </c>
    </row>
    <row r="7399" spans="4:5" x14ac:dyDescent="0.25">
      <c r="D7399" s="6">
        <v>906.89189999999996</v>
      </c>
      <c r="E7399" s="6">
        <v>654.27089999999998</v>
      </c>
    </row>
    <row r="7400" spans="4:5" x14ac:dyDescent="0.25">
      <c r="D7400" s="6">
        <v>626.16999999999996</v>
      </c>
      <c r="E7400" s="6">
        <v>475.14170000000001</v>
      </c>
    </row>
    <row r="7401" spans="4:5" x14ac:dyDescent="0.25">
      <c r="D7401" s="6">
        <v>578.22969999999998</v>
      </c>
      <c r="E7401" s="6">
        <v>3038.299</v>
      </c>
    </row>
    <row r="7402" spans="4:5" x14ac:dyDescent="0.25">
      <c r="D7402" s="6">
        <v>811.08939999999996</v>
      </c>
      <c r="E7402" s="6">
        <v>818.40710000000001</v>
      </c>
    </row>
    <row r="7403" spans="4:5" x14ac:dyDescent="0.25">
      <c r="D7403" s="6">
        <v>1000.67</v>
      </c>
      <c r="E7403" s="6">
        <v>801.4085</v>
      </c>
    </row>
    <row r="7404" spans="4:5" x14ac:dyDescent="0.25">
      <c r="D7404" s="6">
        <v>614.1037</v>
      </c>
      <c r="E7404" s="6">
        <v>635.94899999999996</v>
      </c>
    </row>
    <row r="7405" spans="4:5" x14ac:dyDescent="0.25">
      <c r="D7405" s="6">
        <v>1397.07</v>
      </c>
      <c r="E7405" s="6">
        <v>468.7448</v>
      </c>
    </row>
    <row r="7406" spans="4:5" x14ac:dyDescent="0.25">
      <c r="D7406" s="6">
        <v>1996.769</v>
      </c>
      <c r="E7406" s="6">
        <v>811.39700000000005</v>
      </c>
    </row>
    <row r="7407" spans="4:5" x14ac:dyDescent="0.25">
      <c r="D7407" s="6">
        <v>589.65319999999997</v>
      </c>
      <c r="E7407" s="6">
        <v>846.16669999999999</v>
      </c>
    </row>
    <row r="7408" spans="4:5" x14ac:dyDescent="0.25">
      <c r="D7408" s="6">
        <v>834.11120000000005</v>
      </c>
      <c r="E7408" s="6">
        <v>4625.4089999999997</v>
      </c>
    </row>
    <row r="7409" spans="4:5" x14ac:dyDescent="0.25">
      <c r="D7409" s="6">
        <v>2564.2249999999999</v>
      </c>
      <c r="E7409" s="6">
        <v>512.58190000000002</v>
      </c>
    </row>
    <row r="7410" spans="4:5" x14ac:dyDescent="0.25">
      <c r="D7410" s="6">
        <v>609.92229999999995</v>
      </c>
      <c r="E7410" s="6">
        <v>3768.3850000000002</v>
      </c>
    </row>
    <row r="7411" spans="4:5" x14ac:dyDescent="0.25">
      <c r="D7411" s="6">
        <v>8049.799</v>
      </c>
      <c r="E7411" s="6">
        <v>1160.077</v>
      </c>
    </row>
    <row r="7412" spans="4:5" x14ac:dyDescent="0.25">
      <c r="D7412" s="6">
        <v>728.97559999999999</v>
      </c>
      <c r="E7412" s="6">
        <v>510.38619999999997</v>
      </c>
    </row>
    <row r="7413" spans="4:5" x14ac:dyDescent="0.25">
      <c r="D7413" s="6">
        <v>7268.8879999999999</v>
      </c>
      <c r="E7413" s="6">
        <v>3664.377</v>
      </c>
    </row>
    <row r="7414" spans="4:5" x14ac:dyDescent="0.25">
      <c r="D7414" s="6">
        <v>1279</v>
      </c>
      <c r="E7414" s="6">
        <v>1971.213</v>
      </c>
    </row>
    <row r="7415" spans="4:5" x14ac:dyDescent="0.25">
      <c r="D7415" s="6">
        <v>1063.9839999999999</v>
      </c>
      <c r="E7415" s="6">
        <v>648.59690000000001</v>
      </c>
    </row>
    <row r="7416" spans="4:5" x14ac:dyDescent="0.25">
      <c r="D7416" s="6">
        <v>448.23259999999999</v>
      </c>
      <c r="E7416" s="6">
        <v>550.17690000000005</v>
      </c>
    </row>
    <row r="7417" spans="4:5" x14ac:dyDescent="0.25">
      <c r="D7417" s="6">
        <v>568.10249999999996</v>
      </c>
      <c r="E7417" s="6">
        <v>835.23839999999996</v>
      </c>
    </row>
    <row r="7418" spans="4:5" x14ac:dyDescent="0.25">
      <c r="D7418" s="6">
        <v>734.75210000000004</v>
      </c>
      <c r="E7418" s="6">
        <v>526.88840000000005</v>
      </c>
    </row>
    <row r="7419" spans="4:5" x14ac:dyDescent="0.25">
      <c r="D7419" s="6">
        <v>476.23110000000003</v>
      </c>
      <c r="E7419" s="6">
        <v>3388.788</v>
      </c>
    </row>
    <row r="7420" spans="4:5" x14ac:dyDescent="0.25">
      <c r="D7420" s="6">
        <v>772.74659999999994</v>
      </c>
      <c r="E7420" s="6">
        <v>1041.2249999999999</v>
      </c>
    </row>
    <row r="7421" spans="4:5" x14ac:dyDescent="0.25">
      <c r="D7421" s="6">
        <v>6014.0720000000001</v>
      </c>
      <c r="E7421" s="6">
        <v>784.82839999999999</v>
      </c>
    </row>
    <row r="7422" spans="4:5" x14ac:dyDescent="0.25">
      <c r="D7422" s="6">
        <v>1314.8520000000001</v>
      </c>
      <c r="E7422" s="6">
        <v>987.75310000000002</v>
      </c>
    </row>
    <row r="7423" spans="4:5" x14ac:dyDescent="0.25">
      <c r="D7423" s="6">
        <v>900.37130000000002</v>
      </c>
      <c r="E7423" s="6">
        <v>498.67320000000001</v>
      </c>
    </row>
    <row r="7424" spans="4:5" x14ac:dyDescent="0.25">
      <c r="D7424" s="6">
        <v>561.04570000000001</v>
      </c>
      <c r="E7424" s="6">
        <v>650.70339999999999</v>
      </c>
    </row>
    <row r="7425" spans="4:5" x14ac:dyDescent="0.25">
      <c r="D7425" s="6">
        <v>4910.6790000000001</v>
      </c>
      <c r="E7425" s="6">
        <v>3589.5770000000002</v>
      </c>
    </row>
    <row r="7426" spans="4:5" x14ac:dyDescent="0.25">
      <c r="D7426" s="6">
        <v>555.58389999999997</v>
      </c>
      <c r="E7426" s="6">
        <v>733.50409999999999</v>
      </c>
    </row>
    <row r="7427" spans="4:5" x14ac:dyDescent="0.25">
      <c r="D7427" s="6">
        <v>516.54420000000005</v>
      </c>
      <c r="E7427" s="6">
        <v>8278.3269999999993</v>
      </c>
    </row>
    <row r="7428" spans="4:5" x14ac:dyDescent="0.25">
      <c r="D7428" s="6">
        <v>966.67750000000001</v>
      </c>
      <c r="E7428" s="6">
        <v>629.73540000000003</v>
      </c>
    </row>
    <row r="7429" spans="4:5" x14ac:dyDescent="0.25">
      <c r="D7429" s="6">
        <v>410.74810000000002</v>
      </c>
      <c r="E7429" s="6">
        <v>557.56439999999998</v>
      </c>
    </row>
    <row r="7430" spans="4:5" x14ac:dyDescent="0.25">
      <c r="D7430" s="6">
        <v>596.02719999999999</v>
      </c>
      <c r="E7430" s="6">
        <v>487.9674</v>
      </c>
    </row>
    <row r="7431" spans="4:5" x14ac:dyDescent="0.25">
      <c r="D7431" s="6">
        <v>546.26610000000005</v>
      </c>
      <c r="E7431" s="6">
        <v>986.98490000000004</v>
      </c>
    </row>
    <row r="7432" spans="4:5" x14ac:dyDescent="0.25">
      <c r="D7432" s="6">
        <v>509</v>
      </c>
      <c r="E7432" s="6">
        <v>1171.075</v>
      </c>
    </row>
    <row r="7433" spans="4:5" x14ac:dyDescent="0.25">
      <c r="D7433" s="6">
        <v>833.38919999999996</v>
      </c>
      <c r="E7433" s="6">
        <v>608.12819999999999</v>
      </c>
    </row>
    <row r="7434" spans="4:5" x14ac:dyDescent="0.25">
      <c r="D7434" s="6">
        <v>982.7636</v>
      </c>
      <c r="E7434" s="6">
        <v>598.62760000000003</v>
      </c>
    </row>
    <row r="7435" spans="4:5" x14ac:dyDescent="0.25">
      <c r="D7435" s="6">
        <v>8283.4770000000008</v>
      </c>
      <c r="E7435" s="6">
        <v>566.79939999999999</v>
      </c>
    </row>
    <row r="7436" spans="4:5" x14ac:dyDescent="0.25">
      <c r="D7436" s="6">
        <v>754.27850000000001</v>
      </c>
      <c r="E7436" s="6">
        <v>567.31590000000006</v>
      </c>
    </row>
    <row r="7437" spans="4:5" x14ac:dyDescent="0.25">
      <c r="D7437" s="6">
        <v>3985.11</v>
      </c>
      <c r="E7437" s="6">
        <v>1588.2670000000001</v>
      </c>
    </row>
    <row r="7438" spans="4:5" x14ac:dyDescent="0.25">
      <c r="D7438" s="6">
        <v>729.17510000000004</v>
      </c>
      <c r="E7438" s="6">
        <v>689.07309999999995</v>
      </c>
    </row>
    <row r="7439" spans="4:5" x14ac:dyDescent="0.25">
      <c r="D7439" s="6">
        <v>553.65359999999998</v>
      </c>
      <c r="E7439" s="6">
        <v>2434.0949999999998</v>
      </c>
    </row>
    <row r="7440" spans="4:5" x14ac:dyDescent="0.25">
      <c r="D7440" s="6">
        <v>1095.7539999999999</v>
      </c>
      <c r="E7440" s="6">
        <v>2677.5909999999999</v>
      </c>
    </row>
    <row r="7441" spans="4:5" x14ac:dyDescent="0.25">
      <c r="D7441" s="6">
        <v>879.42849999999999</v>
      </c>
      <c r="E7441" s="6">
        <v>1651.2</v>
      </c>
    </row>
    <row r="7442" spans="4:5" x14ac:dyDescent="0.25">
      <c r="D7442" s="6">
        <v>698.12950000000001</v>
      </c>
      <c r="E7442" s="6">
        <v>678.64300000000003</v>
      </c>
    </row>
    <row r="7443" spans="4:5" x14ac:dyDescent="0.25">
      <c r="D7443" s="6">
        <v>2985.2080000000001</v>
      </c>
      <c r="E7443" s="6">
        <v>549.16660000000002</v>
      </c>
    </row>
    <row r="7444" spans="4:5" x14ac:dyDescent="0.25">
      <c r="D7444" s="6">
        <v>735.08709999999996</v>
      </c>
      <c r="E7444" s="6">
        <v>522</v>
      </c>
    </row>
    <row r="7445" spans="4:5" x14ac:dyDescent="0.25">
      <c r="D7445" s="6">
        <v>1031.248</v>
      </c>
      <c r="E7445" s="6">
        <v>546.57410000000004</v>
      </c>
    </row>
    <row r="7446" spans="4:5" x14ac:dyDescent="0.25">
      <c r="D7446" s="6">
        <v>1187.355</v>
      </c>
      <c r="E7446" s="6">
        <v>534.04340000000002</v>
      </c>
    </row>
    <row r="7447" spans="4:5" x14ac:dyDescent="0.25">
      <c r="D7447" s="6">
        <v>1934.6310000000001</v>
      </c>
      <c r="E7447" s="6">
        <v>1501.02</v>
      </c>
    </row>
    <row r="7448" spans="4:5" x14ac:dyDescent="0.25">
      <c r="D7448" s="6">
        <v>3323.3040000000001</v>
      </c>
      <c r="E7448" s="6">
        <v>3436.9479999999999</v>
      </c>
    </row>
    <row r="7449" spans="4:5" x14ac:dyDescent="0.25">
      <c r="D7449" s="6">
        <v>376.7561</v>
      </c>
      <c r="E7449" s="6">
        <v>3130.7339999999999</v>
      </c>
    </row>
    <row r="7450" spans="4:5" x14ac:dyDescent="0.25">
      <c r="D7450" s="6">
        <v>579.39149999999995</v>
      </c>
      <c r="E7450" s="6">
        <v>739.21900000000005</v>
      </c>
    </row>
    <row r="7451" spans="4:5" x14ac:dyDescent="0.25">
      <c r="D7451" s="6">
        <v>553.50289999999995</v>
      </c>
      <c r="E7451" s="6">
        <v>2817.4879999999998</v>
      </c>
    </row>
    <row r="7452" spans="4:5" x14ac:dyDescent="0.25">
      <c r="D7452" s="6">
        <v>554.53610000000003</v>
      </c>
      <c r="E7452" s="6">
        <v>1351.1849999999999</v>
      </c>
    </row>
    <row r="7453" spans="4:5" x14ac:dyDescent="0.25">
      <c r="D7453" s="6">
        <v>414.20690000000002</v>
      </c>
      <c r="E7453" s="6">
        <v>5298.3590000000004</v>
      </c>
    </row>
    <row r="7454" spans="4:5" x14ac:dyDescent="0.25">
      <c r="D7454" s="6">
        <v>696.78629999999998</v>
      </c>
      <c r="E7454" s="6">
        <v>3931.0079999999998</v>
      </c>
    </row>
    <row r="7455" spans="4:5" x14ac:dyDescent="0.25">
      <c r="D7455" s="6">
        <v>1007.439</v>
      </c>
      <c r="E7455" s="6">
        <v>1200.739</v>
      </c>
    </row>
    <row r="7456" spans="4:5" x14ac:dyDescent="0.25">
      <c r="D7456" s="6">
        <v>9663.8119999999999</v>
      </c>
      <c r="E7456" s="6">
        <v>740.44929999999999</v>
      </c>
    </row>
    <row r="7457" spans="4:5" x14ac:dyDescent="0.25">
      <c r="D7457" s="6">
        <v>862.88019999999995</v>
      </c>
      <c r="E7457" s="6">
        <v>1164.9839999999999</v>
      </c>
    </row>
    <row r="7458" spans="4:5" x14ac:dyDescent="0.25">
      <c r="D7458" s="6">
        <v>6669.6409999999996</v>
      </c>
      <c r="E7458" s="6">
        <v>3094.94</v>
      </c>
    </row>
    <row r="7459" spans="4:5" x14ac:dyDescent="0.25">
      <c r="D7459" s="6">
        <v>825.70780000000002</v>
      </c>
      <c r="E7459" s="6">
        <v>1621.164</v>
      </c>
    </row>
    <row r="7460" spans="4:5" x14ac:dyDescent="0.25">
      <c r="D7460" s="6">
        <v>1478.713</v>
      </c>
      <c r="E7460" s="6">
        <v>592.77530000000002</v>
      </c>
    </row>
    <row r="7461" spans="4:5" x14ac:dyDescent="0.25">
      <c r="D7461" s="6">
        <v>604.11810000000003</v>
      </c>
      <c r="E7461" s="6">
        <v>1240.0119999999999</v>
      </c>
    </row>
    <row r="7462" spans="4:5" x14ac:dyDescent="0.25">
      <c r="D7462" s="6">
        <v>777.87490000000003</v>
      </c>
      <c r="E7462" s="6">
        <v>1435.1790000000001</v>
      </c>
    </row>
    <row r="7463" spans="4:5" x14ac:dyDescent="0.25">
      <c r="D7463" s="6">
        <v>685.30119999999999</v>
      </c>
      <c r="E7463" s="6">
        <v>1701.6120000000001</v>
      </c>
    </row>
    <row r="7464" spans="4:5" x14ac:dyDescent="0.25">
      <c r="D7464" s="6">
        <v>566.18859999999995</v>
      </c>
      <c r="E7464" s="6">
        <v>981.11760000000004</v>
      </c>
    </row>
    <row r="7465" spans="4:5" x14ac:dyDescent="0.25">
      <c r="D7465" s="6">
        <v>811.32839999999999</v>
      </c>
      <c r="E7465" s="6">
        <v>806.78620000000001</v>
      </c>
    </row>
    <row r="7466" spans="4:5" x14ac:dyDescent="0.25">
      <c r="D7466" s="6">
        <v>862.04340000000002</v>
      </c>
      <c r="E7466" s="6">
        <v>658.08799999999997</v>
      </c>
    </row>
    <row r="7467" spans="4:5" x14ac:dyDescent="0.25">
      <c r="D7467" s="6">
        <v>573.42150000000004</v>
      </c>
      <c r="E7467" s="6">
        <v>937.77369999999996</v>
      </c>
    </row>
    <row r="7468" spans="4:5" x14ac:dyDescent="0.25">
      <c r="D7468" s="6">
        <v>4933.3289999999997</v>
      </c>
      <c r="E7468" s="6">
        <v>618.45330000000001</v>
      </c>
    </row>
    <row r="7469" spans="4:5" x14ac:dyDescent="0.25">
      <c r="D7469" s="6">
        <v>795.44389999999999</v>
      </c>
      <c r="E7469" s="6">
        <v>800.81119999999999</v>
      </c>
    </row>
    <row r="7470" spans="4:5" x14ac:dyDescent="0.25">
      <c r="D7470" s="6">
        <v>674.74580000000003</v>
      </c>
      <c r="E7470" s="6">
        <v>2319.2069999999999</v>
      </c>
    </row>
    <row r="7471" spans="4:5" x14ac:dyDescent="0.25">
      <c r="D7471" s="6">
        <v>579.06769999999995</v>
      </c>
      <c r="E7471" s="6">
        <v>667.024</v>
      </c>
    </row>
    <row r="7472" spans="4:5" x14ac:dyDescent="0.25">
      <c r="D7472" s="6">
        <v>644.52359999999999</v>
      </c>
      <c r="E7472" s="6">
        <v>3743.6759999999999</v>
      </c>
    </row>
    <row r="7473" spans="4:5" x14ac:dyDescent="0.25">
      <c r="D7473" s="6">
        <v>882.15380000000005</v>
      </c>
      <c r="E7473" s="6">
        <v>957.02620000000002</v>
      </c>
    </row>
    <row r="7474" spans="4:5" x14ac:dyDescent="0.25">
      <c r="D7474" s="6">
        <v>840.09220000000005</v>
      </c>
      <c r="E7474" s="6">
        <v>628.22929999999997</v>
      </c>
    </row>
    <row r="7475" spans="4:5" x14ac:dyDescent="0.25">
      <c r="D7475" s="6">
        <v>716.07870000000003</v>
      </c>
      <c r="E7475" s="6">
        <v>633.95439999999996</v>
      </c>
    </row>
    <row r="7476" spans="4:5" x14ac:dyDescent="0.25">
      <c r="D7476" s="6">
        <v>621.57539999999995</v>
      </c>
      <c r="E7476" s="6">
        <v>819.72180000000003</v>
      </c>
    </row>
    <row r="7477" spans="4:5" x14ac:dyDescent="0.25">
      <c r="D7477" s="6">
        <v>573.86500000000001</v>
      </c>
      <c r="E7477" s="6">
        <v>694.78380000000004</v>
      </c>
    </row>
    <row r="7478" spans="4:5" x14ac:dyDescent="0.25">
      <c r="D7478" s="6">
        <v>5664.0550000000003</v>
      </c>
      <c r="E7478" s="6">
        <v>1563.62</v>
      </c>
    </row>
    <row r="7479" spans="4:5" x14ac:dyDescent="0.25">
      <c r="D7479" s="6">
        <v>660.04480000000001</v>
      </c>
      <c r="E7479" s="6">
        <v>534.06179999999995</v>
      </c>
    </row>
    <row r="7480" spans="4:5" x14ac:dyDescent="0.25">
      <c r="D7480" s="6">
        <v>488.84620000000001</v>
      </c>
      <c r="E7480" s="6">
        <v>7869.2309999999998</v>
      </c>
    </row>
    <row r="7481" spans="4:5" x14ac:dyDescent="0.25">
      <c r="D7481" s="6">
        <v>1577.8219999999999</v>
      </c>
      <c r="E7481" s="6">
        <v>575.55820000000006</v>
      </c>
    </row>
    <row r="7482" spans="4:5" x14ac:dyDescent="0.25">
      <c r="D7482" s="6">
        <v>504.90410000000003</v>
      </c>
      <c r="E7482" s="6">
        <v>609.74860000000001</v>
      </c>
    </row>
    <row r="7483" spans="4:5" x14ac:dyDescent="0.25">
      <c r="D7483" s="6">
        <v>558.1875</v>
      </c>
      <c r="E7483" s="6">
        <v>792.65229999999997</v>
      </c>
    </row>
    <row r="7484" spans="4:5" x14ac:dyDescent="0.25">
      <c r="D7484" s="6">
        <v>460.46609999999998</v>
      </c>
      <c r="E7484" s="6">
        <v>4934.2240000000002</v>
      </c>
    </row>
    <row r="7485" spans="4:5" x14ac:dyDescent="0.25">
      <c r="D7485" s="6">
        <v>655.93899999999996</v>
      </c>
      <c r="E7485" s="6">
        <v>1669.914</v>
      </c>
    </row>
    <row r="7486" spans="4:5" x14ac:dyDescent="0.25">
      <c r="D7486" s="6">
        <v>731.00699999999995</v>
      </c>
      <c r="E7486" s="6">
        <v>763.66669999999999</v>
      </c>
    </row>
    <row r="7487" spans="4:5" x14ac:dyDescent="0.25">
      <c r="D7487" s="6">
        <v>696.15610000000004</v>
      </c>
      <c r="E7487" s="6">
        <v>3425.3820000000001</v>
      </c>
    </row>
    <row r="7488" spans="4:5" x14ac:dyDescent="0.25">
      <c r="D7488" s="6">
        <v>555.16750000000002</v>
      </c>
      <c r="E7488" s="6">
        <v>4311.585</v>
      </c>
    </row>
    <row r="7489" spans="4:5" x14ac:dyDescent="0.25">
      <c r="D7489" s="6">
        <v>818.24149999999997</v>
      </c>
      <c r="E7489" s="6">
        <v>675.38030000000003</v>
      </c>
    </row>
    <row r="7490" spans="4:5" x14ac:dyDescent="0.25">
      <c r="D7490" s="6">
        <v>845.25990000000002</v>
      </c>
      <c r="E7490" s="6">
        <v>4109.9260000000004</v>
      </c>
    </row>
    <row r="7491" spans="4:5" x14ac:dyDescent="0.25">
      <c r="D7491" s="6">
        <v>975.1028</v>
      </c>
      <c r="E7491" s="6">
        <v>660.66959999999995</v>
      </c>
    </row>
    <row r="7492" spans="4:5" x14ac:dyDescent="0.25">
      <c r="D7492" s="6">
        <v>963.37490000000003</v>
      </c>
      <c r="E7492" s="6">
        <v>1451.0139999999999</v>
      </c>
    </row>
    <row r="7493" spans="4:5" x14ac:dyDescent="0.25">
      <c r="D7493" s="6">
        <v>913.12599999999998</v>
      </c>
      <c r="E7493" s="6">
        <v>508.38389999999998</v>
      </c>
    </row>
    <row r="7494" spans="4:5" x14ac:dyDescent="0.25">
      <c r="D7494" s="6">
        <v>4252.5820000000003</v>
      </c>
      <c r="E7494" s="6">
        <v>605.54899999999998</v>
      </c>
    </row>
    <row r="7495" spans="4:5" x14ac:dyDescent="0.25">
      <c r="D7495" s="6">
        <v>4866.7780000000002</v>
      </c>
      <c r="E7495" s="6">
        <v>499.42989999999998</v>
      </c>
    </row>
    <row r="7496" spans="4:5" x14ac:dyDescent="0.25">
      <c r="D7496" s="6">
        <v>693.86199999999997</v>
      </c>
      <c r="E7496" s="6">
        <v>1098.989</v>
      </c>
    </row>
    <row r="7497" spans="4:5" x14ac:dyDescent="0.25">
      <c r="D7497" s="6">
        <v>567.41560000000004</v>
      </c>
      <c r="E7497" s="6">
        <v>1111.693</v>
      </c>
    </row>
    <row r="7498" spans="4:5" x14ac:dyDescent="0.25">
      <c r="D7498" s="6">
        <v>459.86939999999998</v>
      </c>
      <c r="E7498" s="6">
        <v>1589.8810000000001</v>
      </c>
    </row>
    <row r="7499" spans="4:5" x14ac:dyDescent="0.25">
      <c r="D7499" s="6">
        <v>1332.0229999999999</v>
      </c>
      <c r="E7499" s="6">
        <v>583.41290000000004</v>
      </c>
    </row>
    <row r="7500" spans="4:5" x14ac:dyDescent="0.25">
      <c r="D7500" s="6">
        <v>723.63620000000003</v>
      </c>
      <c r="E7500" s="6">
        <v>593.67319999999995</v>
      </c>
    </row>
    <row r="7501" spans="4:5" x14ac:dyDescent="0.25">
      <c r="D7501" s="6">
        <v>3512.7440000000001</v>
      </c>
      <c r="E7501" s="6">
        <v>595.1277</v>
      </c>
    </row>
    <row r="7502" spans="4:5" x14ac:dyDescent="0.25">
      <c r="D7502" s="6">
        <v>593.66869999999994</v>
      </c>
      <c r="E7502" s="6">
        <v>902.64620000000002</v>
      </c>
    </row>
    <row r="7503" spans="4:5" x14ac:dyDescent="0.25">
      <c r="D7503" s="6">
        <v>9130.9050000000007</v>
      </c>
      <c r="E7503" s="6">
        <v>755.34079999999994</v>
      </c>
    </row>
    <row r="7504" spans="4:5" x14ac:dyDescent="0.25">
      <c r="D7504" s="6">
        <v>608.24490000000003</v>
      </c>
      <c r="E7504" s="6">
        <v>2207.9450000000002</v>
      </c>
    </row>
    <row r="7505" spans="4:5" x14ac:dyDescent="0.25">
      <c r="D7505" s="6">
        <v>600.78409999999997</v>
      </c>
      <c r="E7505" s="6">
        <v>697.23360000000002</v>
      </c>
    </row>
    <row r="7506" spans="4:5" x14ac:dyDescent="0.25">
      <c r="D7506" s="6">
        <v>5579.9790000000003</v>
      </c>
      <c r="E7506" s="6">
        <v>2549.9470000000001</v>
      </c>
    </row>
    <row r="7507" spans="4:5" x14ac:dyDescent="0.25">
      <c r="D7507" s="6">
        <v>564.94960000000003</v>
      </c>
      <c r="E7507" s="6">
        <v>615.4452</v>
      </c>
    </row>
    <row r="7508" spans="4:5" x14ac:dyDescent="0.25">
      <c r="D7508" s="6">
        <v>792.09130000000005</v>
      </c>
      <c r="E7508" s="6">
        <v>1931.096</v>
      </c>
    </row>
    <row r="7509" spans="4:5" x14ac:dyDescent="0.25">
      <c r="D7509" s="6">
        <v>1588</v>
      </c>
      <c r="E7509" s="6">
        <v>4869.5150000000003</v>
      </c>
    </row>
    <row r="7510" spans="4:5" x14ac:dyDescent="0.25">
      <c r="D7510" s="6">
        <v>840.15260000000001</v>
      </c>
      <c r="E7510" s="6">
        <v>730.88599999999997</v>
      </c>
    </row>
    <row r="7511" spans="4:5" x14ac:dyDescent="0.25">
      <c r="D7511" s="6">
        <v>5180.335</v>
      </c>
      <c r="E7511" s="6">
        <v>529.5779</v>
      </c>
    </row>
    <row r="7512" spans="4:5" x14ac:dyDescent="0.25">
      <c r="D7512" s="6">
        <v>2788</v>
      </c>
      <c r="E7512" s="6">
        <v>604.13390000000004</v>
      </c>
    </row>
    <row r="7513" spans="4:5" x14ac:dyDescent="0.25">
      <c r="D7513" s="6">
        <v>437.8177</v>
      </c>
      <c r="E7513" s="6">
        <v>428.48</v>
      </c>
    </row>
    <row r="7514" spans="4:5" x14ac:dyDescent="0.25">
      <c r="D7514" s="6">
        <v>656.50440000000003</v>
      </c>
      <c r="E7514" s="6">
        <v>510.928</v>
      </c>
    </row>
    <row r="7515" spans="4:5" x14ac:dyDescent="0.25">
      <c r="D7515" s="6">
        <v>785.90020000000004</v>
      </c>
      <c r="E7515" s="6">
        <v>1458.912</v>
      </c>
    </row>
    <row r="7516" spans="4:5" x14ac:dyDescent="0.25">
      <c r="D7516" s="6">
        <v>5430.1580000000004</v>
      </c>
      <c r="E7516" s="6">
        <v>367.30970000000002</v>
      </c>
    </row>
    <row r="7517" spans="4:5" x14ac:dyDescent="0.25">
      <c r="D7517" s="6">
        <v>707.40629999999999</v>
      </c>
      <c r="E7517" s="6">
        <v>1650.7550000000001</v>
      </c>
    </row>
    <row r="7518" spans="4:5" x14ac:dyDescent="0.25">
      <c r="D7518" s="6">
        <v>797.82280000000003</v>
      </c>
      <c r="E7518" s="6">
        <v>1160.9179999999999</v>
      </c>
    </row>
    <row r="7519" spans="4:5" x14ac:dyDescent="0.25">
      <c r="D7519" s="6">
        <v>1476.8889999999999</v>
      </c>
      <c r="E7519" s="6">
        <v>770.55859999999996</v>
      </c>
    </row>
    <row r="7520" spans="4:5" x14ac:dyDescent="0.25">
      <c r="D7520" s="6">
        <v>783.5009</v>
      </c>
      <c r="E7520" s="6">
        <v>465.31189999999998</v>
      </c>
    </row>
    <row r="7521" spans="4:5" x14ac:dyDescent="0.25">
      <c r="D7521" s="6">
        <v>5867.1469999999999</v>
      </c>
      <c r="E7521" s="6">
        <v>920.48889999999994</v>
      </c>
    </row>
    <row r="7522" spans="4:5" x14ac:dyDescent="0.25">
      <c r="D7522" s="6">
        <v>615.93089999999995</v>
      </c>
      <c r="E7522" s="6">
        <v>544.81970000000001</v>
      </c>
    </row>
    <row r="7523" spans="4:5" x14ac:dyDescent="0.25">
      <c r="D7523" s="6">
        <v>9846.5169999999998</v>
      </c>
      <c r="E7523" s="6">
        <v>483.63810000000001</v>
      </c>
    </row>
    <row r="7524" spans="4:5" x14ac:dyDescent="0.25">
      <c r="D7524" s="6">
        <v>662.41869999999994</v>
      </c>
      <c r="E7524" s="6">
        <v>2159.4070000000002</v>
      </c>
    </row>
    <row r="7525" spans="4:5" x14ac:dyDescent="0.25">
      <c r="D7525" s="6">
        <v>546.52449999999999</v>
      </c>
      <c r="E7525" s="6">
        <v>597.35929999999996</v>
      </c>
    </row>
    <row r="7526" spans="4:5" x14ac:dyDescent="0.25">
      <c r="D7526" s="6">
        <v>5133.5249999999996</v>
      </c>
      <c r="E7526" s="6">
        <v>836.62040000000002</v>
      </c>
    </row>
    <row r="7527" spans="4:5" x14ac:dyDescent="0.25">
      <c r="D7527" s="6">
        <v>748.5942</v>
      </c>
      <c r="E7527" s="6">
        <v>3582.415</v>
      </c>
    </row>
    <row r="7528" spans="4:5" x14ac:dyDescent="0.25">
      <c r="D7528" s="6">
        <v>418.84989999999999</v>
      </c>
      <c r="E7528" s="6">
        <v>509.51080000000002</v>
      </c>
    </row>
    <row r="7529" spans="4:5" x14ac:dyDescent="0.25">
      <c r="D7529" s="6">
        <v>553.02110000000005</v>
      </c>
      <c r="E7529" s="6">
        <v>1344.2739999999999</v>
      </c>
    </row>
    <row r="7530" spans="4:5" x14ac:dyDescent="0.25">
      <c r="D7530" s="6">
        <v>8882.7240000000002</v>
      </c>
      <c r="E7530" s="6">
        <v>659.92409999999995</v>
      </c>
    </row>
    <row r="7531" spans="4:5" x14ac:dyDescent="0.25">
      <c r="D7531" s="6">
        <v>590.61109999999996</v>
      </c>
      <c r="E7531" s="6">
        <v>589.1703</v>
      </c>
    </row>
    <row r="7532" spans="4:5" x14ac:dyDescent="0.25">
      <c r="D7532" s="6">
        <v>537.60450000000003</v>
      </c>
      <c r="E7532" s="6">
        <v>664.07439999999997</v>
      </c>
    </row>
    <row r="7533" spans="4:5" x14ac:dyDescent="0.25">
      <c r="D7533" s="6">
        <v>995.49699999999996</v>
      </c>
      <c r="E7533" s="6">
        <v>4826.9399999999996</v>
      </c>
    </row>
    <row r="7534" spans="4:5" x14ac:dyDescent="0.25">
      <c r="D7534" s="6">
        <v>6612.7370000000001</v>
      </c>
      <c r="E7534" s="6">
        <v>1116.463</v>
      </c>
    </row>
    <row r="7535" spans="4:5" x14ac:dyDescent="0.25">
      <c r="D7535" s="6">
        <v>911.51930000000004</v>
      </c>
      <c r="E7535" s="6">
        <v>626.49339999999995</v>
      </c>
    </row>
    <row r="7536" spans="4:5" x14ac:dyDescent="0.25">
      <c r="D7536" s="6">
        <v>2150.9380000000001</v>
      </c>
      <c r="E7536" s="6">
        <v>3549.163</v>
      </c>
    </row>
    <row r="7537" spans="4:5" x14ac:dyDescent="0.25">
      <c r="D7537" s="6">
        <v>641.89300000000003</v>
      </c>
      <c r="E7537" s="6">
        <v>560.15160000000003</v>
      </c>
    </row>
    <row r="7538" spans="4:5" x14ac:dyDescent="0.25">
      <c r="D7538" s="6">
        <v>1185.5830000000001</v>
      </c>
      <c r="E7538" s="6">
        <v>1554.2</v>
      </c>
    </row>
    <row r="7539" spans="4:5" x14ac:dyDescent="0.25">
      <c r="D7539" s="6">
        <v>623.78279999999995</v>
      </c>
      <c r="E7539" s="6">
        <v>492.87990000000002</v>
      </c>
    </row>
    <row r="7540" spans="4:5" x14ac:dyDescent="0.25">
      <c r="D7540" s="6">
        <v>562.48119999999994</v>
      </c>
      <c r="E7540" s="6">
        <v>621.61289999999997</v>
      </c>
    </row>
    <row r="7541" spans="4:5" x14ac:dyDescent="0.25">
      <c r="D7541" s="6">
        <v>8170.8879999999999</v>
      </c>
      <c r="E7541" s="6">
        <v>2244.6329999999998</v>
      </c>
    </row>
    <row r="7542" spans="4:5" x14ac:dyDescent="0.25">
      <c r="D7542" s="6">
        <v>679.40890000000002</v>
      </c>
      <c r="E7542" s="6">
        <v>683.41079999999999</v>
      </c>
    </row>
    <row r="7543" spans="4:5" x14ac:dyDescent="0.25">
      <c r="D7543" s="6">
        <v>981.03790000000004</v>
      </c>
      <c r="E7543" s="6">
        <v>700.37120000000004</v>
      </c>
    </row>
    <row r="7544" spans="4:5" x14ac:dyDescent="0.25">
      <c r="D7544" s="6">
        <v>5097.4390000000003</v>
      </c>
      <c r="E7544" s="6">
        <v>581.05840000000001</v>
      </c>
    </row>
    <row r="7545" spans="4:5" x14ac:dyDescent="0.25">
      <c r="D7545" s="6">
        <v>798.8877</v>
      </c>
      <c r="E7545" s="6">
        <v>1590.4359999999999</v>
      </c>
    </row>
    <row r="7546" spans="4:5" x14ac:dyDescent="0.25">
      <c r="D7546" s="6">
        <v>2440.8330000000001</v>
      </c>
      <c r="E7546" s="6">
        <v>495.73099999999999</v>
      </c>
    </row>
    <row r="7547" spans="4:5" x14ac:dyDescent="0.25">
      <c r="D7547" s="6">
        <v>7534.0079999999998</v>
      </c>
      <c r="E7547" s="6">
        <v>603.74289999999996</v>
      </c>
    </row>
    <row r="7548" spans="4:5" x14ac:dyDescent="0.25">
      <c r="D7548" s="6">
        <v>6056.6790000000001</v>
      </c>
      <c r="E7548" s="6">
        <v>1928.1479999999999</v>
      </c>
    </row>
    <row r="7549" spans="4:5" x14ac:dyDescent="0.25">
      <c r="D7549" s="6">
        <v>4660.2520000000004</v>
      </c>
      <c r="E7549" s="6">
        <v>914.45230000000004</v>
      </c>
    </row>
    <row r="7550" spans="4:5" x14ac:dyDescent="0.25">
      <c r="D7550" s="6">
        <v>7283.9759999999997</v>
      </c>
      <c r="E7550" s="6">
        <v>452.8974</v>
      </c>
    </row>
    <row r="7551" spans="4:5" x14ac:dyDescent="0.25">
      <c r="D7551" s="6">
        <v>696.42139999999995</v>
      </c>
      <c r="E7551" s="6">
        <v>5047.1779999999999</v>
      </c>
    </row>
    <row r="7552" spans="4:5" x14ac:dyDescent="0.25">
      <c r="D7552" s="6">
        <v>553.53660000000002</v>
      </c>
      <c r="E7552" s="6">
        <v>634.68320000000006</v>
      </c>
    </row>
    <row r="7553" spans="4:5" x14ac:dyDescent="0.25">
      <c r="D7553" s="6">
        <v>552.71249999999998</v>
      </c>
      <c r="E7553" s="6">
        <v>608.08150000000001</v>
      </c>
    </row>
    <row r="7554" spans="4:5" x14ac:dyDescent="0.25">
      <c r="D7554" s="6">
        <v>1626.7840000000001</v>
      </c>
      <c r="E7554" s="6">
        <v>470.73649999999998</v>
      </c>
    </row>
    <row r="7555" spans="4:5" x14ac:dyDescent="0.25">
      <c r="D7555" s="6">
        <v>775.74530000000004</v>
      </c>
      <c r="E7555" s="6">
        <v>664.78819999999996</v>
      </c>
    </row>
    <row r="7556" spans="4:5" x14ac:dyDescent="0.25">
      <c r="D7556" s="6">
        <v>458.17770000000002</v>
      </c>
      <c r="E7556" s="6">
        <v>641.15909999999997</v>
      </c>
    </row>
    <row r="7557" spans="4:5" x14ac:dyDescent="0.25">
      <c r="D7557" s="6">
        <v>5640.8959999999997</v>
      </c>
      <c r="E7557" s="6">
        <v>751.81669999999997</v>
      </c>
    </row>
    <row r="7558" spans="4:5" x14ac:dyDescent="0.25">
      <c r="D7558" s="6">
        <v>3162.413</v>
      </c>
      <c r="E7558" s="6">
        <v>484.11270000000002</v>
      </c>
    </row>
    <row r="7559" spans="4:5" x14ac:dyDescent="0.25">
      <c r="D7559" s="6">
        <v>738.80820000000006</v>
      </c>
      <c r="E7559" s="6">
        <v>4610.3370000000004</v>
      </c>
    </row>
    <row r="7560" spans="4:5" x14ac:dyDescent="0.25">
      <c r="D7560" s="6">
        <v>1136.6489999999999</v>
      </c>
      <c r="E7560" s="6">
        <v>829.05849999999998</v>
      </c>
    </row>
    <row r="7561" spans="4:5" x14ac:dyDescent="0.25">
      <c r="D7561" s="6">
        <v>836.54970000000003</v>
      </c>
      <c r="E7561" s="6">
        <v>2577.7759999999998</v>
      </c>
    </row>
    <row r="7562" spans="4:5" x14ac:dyDescent="0.25">
      <c r="D7562" s="6">
        <v>1040.4059999999999</v>
      </c>
      <c r="E7562" s="6">
        <v>618.12840000000006</v>
      </c>
    </row>
    <row r="7563" spans="4:5" x14ac:dyDescent="0.25">
      <c r="D7563" s="6">
        <v>756.15459999999996</v>
      </c>
      <c r="E7563" s="6">
        <v>5005.7309999999998</v>
      </c>
    </row>
    <row r="7564" spans="4:5" x14ac:dyDescent="0.25">
      <c r="D7564" s="6">
        <v>8287.6980000000003</v>
      </c>
      <c r="E7564" s="6">
        <v>4273.201</v>
      </c>
    </row>
    <row r="7565" spans="4:5" x14ac:dyDescent="0.25">
      <c r="D7565" s="6">
        <v>917.11360000000002</v>
      </c>
      <c r="E7565" s="6">
        <v>689.84190000000001</v>
      </c>
    </row>
    <row r="7566" spans="4:5" x14ac:dyDescent="0.25">
      <c r="D7566" s="6">
        <v>590.23770000000002</v>
      </c>
      <c r="E7566" s="6">
        <v>511.9889</v>
      </c>
    </row>
    <row r="7567" spans="4:5" x14ac:dyDescent="0.25">
      <c r="D7567" s="6">
        <v>5642</v>
      </c>
      <c r="E7567" s="6">
        <v>581.61969999999997</v>
      </c>
    </row>
    <row r="7568" spans="4:5" x14ac:dyDescent="0.25">
      <c r="D7568" s="6">
        <v>606.87049999999999</v>
      </c>
      <c r="E7568" s="6">
        <v>4264.8379999999997</v>
      </c>
    </row>
    <row r="7569" spans="4:5" x14ac:dyDescent="0.25">
      <c r="D7569" s="6">
        <v>434.8734</v>
      </c>
      <c r="E7569" s="6">
        <v>723.17930000000001</v>
      </c>
    </row>
    <row r="7570" spans="4:5" x14ac:dyDescent="0.25">
      <c r="D7570" s="6">
        <v>2452.855</v>
      </c>
      <c r="E7570" s="6">
        <v>2803.9540000000002</v>
      </c>
    </row>
    <row r="7571" spans="4:5" x14ac:dyDescent="0.25">
      <c r="D7571" s="6">
        <v>7338.3249999999998</v>
      </c>
      <c r="E7571" s="6">
        <v>939.70299999999997</v>
      </c>
    </row>
    <row r="7572" spans="4:5" x14ac:dyDescent="0.25">
      <c r="D7572" s="6">
        <v>753.33860000000004</v>
      </c>
      <c r="E7572" s="6">
        <v>701.58299999999997</v>
      </c>
    </row>
    <row r="7573" spans="4:5" x14ac:dyDescent="0.25">
      <c r="D7573" s="6">
        <v>546.59950000000003</v>
      </c>
      <c r="E7573" s="6">
        <v>656.01530000000002</v>
      </c>
    </row>
    <row r="7574" spans="4:5" x14ac:dyDescent="0.25">
      <c r="D7574" s="6">
        <v>530.74030000000005</v>
      </c>
      <c r="E7574" s="6">
        <v>1364.9670000000001</v>
      </c>
    </row>
    <row r="7575" spans="4:5" x14ac:dyDescent="0.25">
      <c r="D7575" s="6">
        <v>855.5</v>
      </c>
      <c r="E7575" s="6">
        <v>413.8229</v>
      </c>
    </row>
    <row r="7576" spans="4:5" x14ac:dyDescent="0.25">
      <c r="D7576" s="6">
        <v>573.52459999999996</v>
      </c>
      <c r="E7576" s="6">
        <v>4334.0349999999999</v>
      </c>
    </row>
    <row r="7577" spans="4:5" x14ac:dyDescent="0.25">
      <c r="D7577" s="6">
        <v>780.70479999999998</v>
      </c>
      <c r="E7577" s="6">
        <v>607.62279999999998</v>
      </c>
    </row>
    <row r="7578" spans="4:5" x14ac:dyDescent="0.25">
      <c r="D7578" s="6">
        <v>999.67129999999997</v>
      </c>
      <c r="E7578" s="6">
        <v>624.93119999999999</v>
      </c>
    </row>
    <row r="7579" spans="4:5" x14ac:dyDescent="0.25">
      <c r="D7579" s="6">
        <v>666.28909999999996</v>
      </c>
      <c r="E7579" s="6">
        <v>827.48559999999998</v>
      </c>
    </row>
    <row r="7580" spans="4:5" x14ac:dyDescent="0.25">
      <c r="D7580" s="6">
        <v>1285.8889999999999</v>
      </c>
      <c r="E7580" s="6">
        <v>2767.0230000000001</v>
      </c>
    </row>
    <row r="7581" spans="4:5" x14ac:dyDescent="0.25">
      <c r="D7581" s="6">
        <v>544.44780000000003</v>
      </c>
      <c r="E7581" s="6">
        <v>603.34879999999998</v>
      </c>
    </row>
    <row r="7582" spans="4:5" x14ac:dyDescent="0.25">
      <c r="D7582" s="6">
        <v>606.46529999999996</v>
      </c>
      <c r="E7582" s="6">
        <v>2446.674</v>
      </c>
    </row>
    <row r="7583" spans="4:5" x14ac:dyDescent="0.25">
      <c r="D7583" s="6">
        <v>733.55840000000001</v>
      </c>
      <c r="E7583" s="6">
        <v>905.80190000000005</v>
      </c>
    </row>
    <row r="7584" spans="4:5" x14ac:dyDescent="0.25">
      <c r="D7584" s="6">
        <v>570.66269999999997</v>
      </c>
      <c r="E7584" s="6">
        <v>968.60979999999995</v>
      </c>
    </row>
    <row r="7585" spans="4:5" x14ac:dyDescent="0.25">
      <c r="D7585" s="6">
        <v>761.51530000000002</v>
      </c>
      <c r="E7585" s="6">
        <v>576.56389999999999</v>
      </c>
    </row>
    <row r="7586" spans="4:5" x14ac:dyDescent="0.25">
      <c r="D7586" s="6">
        <v>1319</v>
      </c>
      <c r="E7586" s="6">
        <v>3768.0189999999998</v>
      </c>
    </row>
    <row r="7587" spans="4:5" x14ac:dyDescent="0.25">
      <c r="D7587" s="6">
        <v>769.09860000000003</v>
      </c>
      <c r="E7587" s="6">
        <v>4436.192</v>
      </c>
    </row>
    <row r="7588" spans="4:5" x14ac:dyDescent="0.25">
      <c r="D7588" s="6">
        <v>668.10569999999996</v>
      </c>
      <c r="E7588" s="6">
        <v>634.41110000000003</v>
      </c>
    </row>
    <row r="7589" spans="4:5" x14ac:dyDescent="0.25">
      <c r="D7589" s="6">
        <v>983.30039999999997</v>
      </c>
      <c r="E7589" s="6">
        <v>634.50139999999999</v>
      </c>
    </row>
    <row r="7590" spans="4:5" x14ac:dyDescent="0.25">
      <c r="D7590" s="6">
        <v>782.79340000000002</v>
      </c>
      <c r="E7590" s="6">
        <v>2575.4250000000002</v>
      </c>
    </row>
    <row r="7591" spans="4:5" x14ac:dyDescent="0.25">
      <c r="D7591" s="6">
        <v>982</v>
      </c>
      <c r="E7591" s="6">
        <v>1525.61</v>
      </c>
    </row>
    <row r="7592" spans="4:5" x14ac:dyDescent="0.25">
      <c r="D7592" s="6">
        <v>600.15150000000006</v>
      </c>
      <c r="E7592" s="6">
        <v>704.22720000000004</v>
      </c>
    </row>
    <row r="7593" spans="4:5" x14ac:dyDescent="0.25">
      <c r="D7593" s="6">
        <v>815.43489999999997</v>
      </c>
      <c r="E7593" s="6">
        <v>667.98940000000005</v>
      </c>
    </row>
    <row r="7594" spans="4:5" x14ac:dyDescent="0.25">
      <c r="D7594" s="6">
        <v>968.60559999999998</v>
      </c>
      <c r="E7594" s="6">
        <v>633.55589999999995</v>
      </c>
    </row>
    <row r="7595" spans="4:5" x14ac:dyDescent="0.25">
      <c r="D7595" s="6">
        <v>796.88930000000005</v>
      </c>
      <c r="E7595" s="6">
        <v>813.89700000000005</v>
      </c>
    </row>
    <row r="7596" spans="4:5" x14ac:dyDescent="0.25">
      <c r="D7596" s="6">
        <v>373.1207</v>
      </c>
      <c r="E7596" s="6">
        <v>740.40499999999997</v>
      </c>
    </row>
    <row r="7597" spans="4:5" x14ac:dyDescent="0.25">
      <c r="D7597" s="6">
        <v>8947.8850000000002</v>
      </c>
      <c r="E7597" s="6">
        <v>412</v>
      </c>
    </row>
    <row r="7598" spans="4:5" x14ac:dyDescent="0.25">
      <c r="D7598" s="6">
        <v>596.11069999999995</v>
      </c>
      <c r="E7598" s="6">
        <v>531.03449999999998</v>
      </c>
    </row>
    <row r="7599" spans="4:5" x14ac:dyDescent="0.25">
      <c r="D7599" s="6">
        <v>756.74239999999998</v>
      </c>
      <c r="E7599" s="6">
        <v>597.41639999999995</v>
      </c>
    </row>
    <row r="7600" spans="4:5" x14ac:dyDescent="0.25">
      <c r="D7600" s="6">
        <v>737.70979999999997</v>
      </c>
      <c r="E7600" s="6">
        <v>808.96109999999999</v>
      </c>
    </row>
    <row r="7601" spans="4:5" x14ac:dyDescent="0.25">
      <c r="D7601" s="6">
        <v>738.89710000000002</v>
      </c>
      <c r="E7601" s="6">
        <v>716.25940000000003</v>
      </c>
    </row>
    <row r="7602" spans="4:5" x14ac:dyDescent="0.25">
      <c r="D7602" s="6">
        <v>8390.1020000000008</v>
      </c>
      <c r="E7602" s="6">
        <v>531.24789999999996</v>
      </c>
    </row>
    <row r="7603" spans="4:5" x14ac:dyDescent="0.25">
      <c r="D7603" s="6">
        <v>3630.404</v>
      </c>
      <c r="E7603" s="6">
        <v>2058.6779999999999</v>
      </c>
    </row>
    <row r="7604" spans="4:5" x14ac:dyDescent="0.25">
      <c r="D7604" s="6">
        <v>6754.3540000000003</v>
      </c>
      <c r="E7604" s="6">
        <v>1125.269</v>
      </c>
    </row>
    <row r="7605" spans="4:5" x14ac:dyDescent="0.25">
      <c r="D7605" s="6">
        <v>924.94569999999999</v>
      </c>
      <c r="E7605" s="6">
        <v>615.28750000000002</v>
      </c>
    </row>
    <row r="7606" spans="4:5" x14ac:dyDescent="0.25">
      <c r="D7606" s="6">
        <v>808.0009</v>
      </c>
      <c r="E7606" s="6">
        <v>818.25070000000005</v>
      </c>
    </row>
    <row r="7607" spans="4:5" x14ac:dyDescent="0.25">
      <c r="D7607" s="6">
        <v>556.09069999999997</v>
      </c>
      <c r="E7607" s="6">
        <v>884.75</v>
      </c>
    </row>
    <row r="7608" spans="4:5" x14ac:dyDescent="0.25">
      <c r="D7608" s="6">
        <v>4240.3969999999999</v>
      </c>
      <c r="E7608" s="6">
        <v>401.4941</v>
      </c>
    </row>
    <row r="7609" spans="4:5" x14ac:dyDescent="0.25">
      <c r="D7609" s="6">
        <v>1704.5419999999999</v>
      </c>
      <c r="E7609" s="6">
        <v>730.34439999999995</v>
      </c>
    </row>
    <row r="7610" spans="4:5" x14ac:dyDescent="0.25">
      <c r="D7610" s="6">
        <v>511.69139999999999</v>
      </c>
      <c r="E7610" s="6">
        <v>569.13739999999996</v>
      </c>
    </row>
    <row r="7611" spans="4:5" x14ac:dyDescent="0.25">
      <c r="D7611" s="6">
        <v>1369.29</v>
      </c>
      <c r="E7611" s="6">
        <v>4738.1689999999999</v>
      </c>
    </row>
    <row r="7612" spans="4:5" x14ac:dyDescent="0.25">
      <c r="D7612" s="6">
        <v>708.1105</v>
      </c>
      <c r="E7612" s="6">
        <v>468.46159999999998</v>
      </c>
    </row>
    <row r="7613" spans="4:5" x14ac:dyDescent="0.25">
      <c r="D7613" s="6">
        <v>857.88630000000001</v>
      </c>
      <c r="E7613" s="6">
        <v>535.17750000000001</v>
      </c>
    </row>
    <row r="7614" spans="4:5" x14ac:dyDescent="0.25">
      <c r="D7614" s="6">
        <v>728</v>
      </c>
      <c r="E7614" s="6">
        <v>1069.5</v>
      </c>
    </row>
    <row r="7615" spans="4:5" x14ac:dyDescent="0.25">
      <c r="D7615" s="6">
        <v>1507.364</v>
      </c>
      <c r="E7615" s="6">
        <v>701.58870000000002</v>
      </c>
    </row>
    <row r="7616" spans="4:5" x14ac:dyDescent="0.25">
      <c r="D7616" s="6">
        <v>846.3021</v>
      </c>
      <c r="E7616" s="6">
        <v>514.70749999999998</v>
      </c>
    </row>
    <row r="7617" spans="4:5" x14ac:dyDescent="0.25">
      <c r="D7617" s="6">
        <v>733.07240000000002</v>
      </c>
      <c r="E7617" s="6">
        <v>528.11929999999995</v>
      </c>
    </row>
    <row r="7618" spans="4:5" x14ac:dyDescent="0.25">
      <c r="D7618" s="6">
        <v>679.96889999999996</v>
      </c>
      <c r="E7618" s="6">
        <v>386.33330000000001</v>
      </c>
    </row>
    <row r="7619" spans="4:5" x14ac:dyDescent="0.25">
      <c r="D7619" s="6">
        <v>587.37429999999995</v>
      </c>
      <c r="E7619" s="6">
        <v>1587.8530000000001</v>
      </c>
    </row>
    <row r="7620" spans="4:5" x14ac:dyDescent="0.25">
      <c r="D7620" s="6">
        <v>444.1148</v>
      </c>
      <c r="E7620" s="6">
        <v>1309.0350000000001</v>
      </c>
    </row>
    <row r="7621" spans="4:5" x14ac:dyDescent="0.25">
      <c r="D7621" s="6">
        <v>2906</v>
      </c>
      <c r="E7621" s="6">
        <v>773.21109999999999</v>
      </c>
    </row>
    <row r="7622" spans="4:5" x14ac:dyDescent="0.25">
      <c r="D7622" s="6">
        <v>990.82129999999995</v>
      </c>
      <c r="E7622" s="6">
        <v>4075.5</v>
      </c>
    </row>
    <row r="7623" spans="4:5" x14ac:dyDescent="0.25">
      <c r="D7623" s="6">
        <v>767.55909999999994</v>
      </c>
      <c r="E7623" s="6">
        <v>1035.6410000000001</v>
      </c>
    </row>
    <row r="7624" spans="4:5" x14ac:dyDescent="0.25">
      <c r="D7624" s="6">
        <v>511.81040000000002</v>
      </c>
      <c r="E7624" s="6">
        <v>2624.6509999999998</v>
      </c>
    </row>
    <row r="7625" spans="4:5" x14ac:dyDescent="0.25">
      <c r="D7625" s="6">
        <v>847.72329999999999</v>
      </c>
      <c r="E7625" s="6">
        <v>673.55420000000004</v>
      </c>
    </row>
    <row r="7626" spans="4:5" x14ac:dyDescent="0.25">
      <c r="D7626" s="6">
        <v>698.29880000000003</v>
      </c>
      <c r="E7626" s="6">
        <v>931.9461</v>
      </c>
    </row>
    <row r="7627" spans="4:5" x14ac:dyDescent="0.25">
      <c r="D7627" s="6">
        <v>436.577</v>
      </c>
      <c r="E7627" s="6">
        <v>525.89700000000005</v>
      </c>
    </row>
    <row r="7628" spans="4:5" x14ac:dyDescent="0.25">
      <c r="D7628" s="6">
        <v>452.94650000000001</v>
      </c>
      <c r="E7628" s="6">
        <v>1331.6690000000001</v>
      </c>
    </row>
    <row r="7629" spans="4:5" x14ac:dyDescent="0.25">
      <c r="D7629" s="6">
        <v>554.28589999999997</v>
      </c>
      <c r="E7629" s="6">
        <v>531.76059999999995</v>
      </c>
    </row>
    <row r="7630" spans="4:5" x14ac:dyDescent="0.25">
      <c r="D7630" s="6">
        <v>900.43679999999995</v>
      </c>
      <c r="E7630" s="6">
        <v>668.95389999999998</v>
      </c>
    </row>
    <row r="7631" spans="4:5" x14ac:dyDescent="0.25">
      <c r="D7631" s="6">
        <v>614.99749999999995</v>
      </c>
      <c r="E7631" s="6">
        <v>2976.5619999999999</v>
      </c>
    </row>
    <row r="7632" spans="4:5" x14ac:dyDescent="0.25">
      <c r="D7632" s="6">
        <v>961.80889999999999</v>
      </c>
      <c r="E7632" s="6">
        <v>633.56039999999996</v>
      </c>
    </row>
    <row r="7633" spans="4:5" x14ac:dyDescent="0.25">
      <c r="D7633" s="6">
        <v>581.49300000000005</v>
      </c>
      <c r="E7633" s="6">
        <v>1191.0219999999999</v>
      </c>
    </row>
    <row r="7634" spans="4:5" x14ac:dyDescent="0.25">
      <c r="D7634" s="6">
        <v>811.3682</v>
      </c>
      <c r="E7634" s="6">
        <v>5902.4170000000004</v>
      </c>
    </row>
    <row r="7635" spans="4:5" x14ac:dyDescent="0.25">
      <c r="D7635" s="6">
        <v>791.83860000000004</v>
      </c>
      <c r="E7635" s="6">
        <v>638.43589999999995</v>
      </c>
    </row>
    <row r="7636" spans="4:5" x14ac:dyDescent="0.25">
      <c r="D7636" s="6">
        <v>1555.578</v>
      </c>
      <c r="E7636" s="6">
        <v>525.08309999999994</v>
      </c>
    </row>
    <row r="7637" spans="4:5" x14ac:dyDescent="0.25">
      <c r="D7637" s="6">
        <v>8653.2279999999992</v>
      </c>
      <c r="E7637" s="6">
        <v>499.88240000000002</v>
      </c>
    </row>
    <row r="7638" spans="4:5" x14ac:dyDescent="0.25">
      <c r="D7638" s="6">
        <v>592.30759999999998</v>
      </c>
      <c r="E7638" s="6">
        <v>510.18389999999999</v>
      </c>
    </row>
    <row r="7639" spans="4:5" x14ac:dyDescent="0.25">
      <c r="D7639" s="6">
        <v>513.23599999999999</v>
      </c>
      <c r="E7639" s="6">
        <v>556.50869999999998</v>
      </c>
    </row>
    <row r="7640" spans="4:5" x14ac:dyDescent="0.25">
      <c r="D7640" s="6">
        <v>1553.681</v>
      </c>
      <c r="E7640" s="6">
        <v>4549.1109999999999</v>
      </c>
    </row>
    <row r="7641" spans="4:5" x14ac:dyDescent="0.25">
      <c r="D7641" s="6">
        <v>950.88520000000005</v>
      </c>
      <c r="E7641" s="6">
        <v>3797.2269999999999</v>
      </c>
    </row>
    <row r="7642" spans="4:5" x14ac:dyDescent="0.25">
      <c r="D7642" s="6">
        <v>1043.0419999999999</v>
      </c>
      <c r="E7642" s="6">
        <v>1901.2239999999999</v>
      </c>
    </row>
    <row r="7643" spans="4:5" x14ac:dyDescent="0.25">
      <c r="D7643" s="6">
        <v>572.34760000000006</v>
      </c>
      <c r="E7643" s="6">
        <v>4019.3960000000002</v>
      </c>
    </row>
    <row r="7644" spans="4:5" x14ac:dyDescent="0.25">
      <c r="D7644" s="6">
        <v>1052.5609999999999</v>
      </c>
      <c r="E7644" s="6">
        <v>416.57139999999998</v>
      </c>
    </row>
    <row r="7645" spans="4:5" x14ac:dyDescent="0.25">
      <c r="D7645" s="6">
        <v>534.92100000000005</v>
      </c>
      <c r="E7645" s="6">
        <v>442.79509999999999</v>
      </c>
    </row>
    <row r="7646" spans="4:5" x14ac:dyDescent="0.25">
      <c r="D7646" s="6">
        <v>6675.5129999999999</v>
      </c>
      <c r="E7646" s="6">
        <v>1349.829</v>
      </c>
    </row>
    <row r="7647" spans="4:5" x14ac:dyDescent="0.25">
      <c r="D7647" s="6">
        <v>942.57140000000004</v>
      </c>
      <c r="E7647" s="6">
        <v>4907.0150000000003</v>
      </c>
    </row>
    <row r="7648" spans="4:5" x14ac:dyDescent="0.25">
      <c r="D7648" s="6">
        <v>551.11109999999996</v>
      </c>
      <c r="E7648" s="6">
        <v>1449.1579999999999</v>
      </c>
    </row>
    <row r="7649" spans="4:5" x14ac:dyDescent="0.25">
      <c r="D7649" s="6">
        <v>767.76469999999995</v>
      </c>
      <c r="E7649" s="6">
        <v>1079.55</v>
      </c>
    </row>
    <row r="7650" spans="4:5" x14ac:dyDescent="0.25">
      <c r="D7650" s="6">
        <v>897.20740000000001</v>
      </c>
      <c r="E7650" s="6">
        <v>566.07719999999995</v>
      </c>
    </row>
    <row r="7651" spans="4:5" x14ac:dyDescent="0.25">
      <c r="D7651" s="6">
        <v>1402.6869999999999</v>
      </c>
      <c r="E7651" s="6">
        <v>518.78710000000001</v>
      </c>
    </row>
    <row r="7652" spans="4:5" x14ac:dyDescent="0.25">
      <c r="D7652" s="6">
        <v>532.58330000000001</v>
      </c>
      <c r="E7652" s="6">
        <v>494.47680000000003</v>
      </c>
    </row>
    <row r="7653" spans="4:5" x14ac:dyDescent="0.25">
      <c r="D7653" s="6">
        <v>528.91020000000003</v>
      </c>
      <c r="E7653" s="6">
        <v>1014.995</v>
      </c>
    </row>
    <row r="7654" spans="4:5" x14ac:dyDescent="0.25">
      <c r="D7654" s="6">
        <v>1687.021</v>
      </c>
      <c r="E7654" s="6">
        <v>3401.9479999999999</v>
      </c>
    </row>
    <row r="7655" spans="4:5" x14ac:dyDescent="0.25">
      <c r="D7655" s="6">
        <v>5111.03</v>
      </c>
      <c r="E7655" s="6">
        <v>1297.106</v>
      </c>
    </row>
    <row r="7656" spans="4:5" x14ac:dyDescent="0.25">
      <c r="D7656" s="6">
        <v>766.05769999999995</v>
      </c>
      <c r="E7656" s="6">
        <v>631.6771</v>
      </c>
    </row>
    <row r="7657" spans="4:5" x14ac:dyDescent="0.25">
      <c r="D7657" s="6">
        <v>672.62950000000001</v>
      </c>
      <c r="E7657" s="6">
        <v>530.97450000000003</v>
      </c>
    </row>
    <row r="7658" spans="4:5" x14ac:dyDescent="0.25">
      <c r="D7658" s="6">
        <v>616.75530000000003</v>
      </c>
      <c r="E7658" s="6">
        <v>595.68299999999999</v>
      </c>
    </row>
    <row r="7659" spans="4:5" x14ac:dyDescent="0.25">
      <c r="D7659" s="6">
        <v>2385.0479999999998</v>
      </c>
      <c r="E7659" s="6">
        <v>4138.442</v>
      </c>
    </row>
    <row r="7660" spans="4:5" x14ac:dyDescent="0.25">
      <c r="D7660" s="6">
        <v>7335.2860000000001</v>
      </c>
      <c r="E7660" s="6">
        <v>1008.0650000000001</v>
      </c>
    </row>
    <row r="7661" spans="4:5" x14ac:dyDescent="0.25">
      <c r="D7661" s="6">
        <v>4924.6580000000004</v>
      </c>
      <c r="E7661" s="6">
        <v>668.21749999999997</v>
      </c>
    </row>
    <row r="7662" spans="4:5" x14ac:dyDescent="0.25">
      <c r="D7662" s="6">
        <v>2025.5239999999999</v>
      </c>
      <c r="E7662" s="6">
        <v>1987.778</v>
      </c>
    </row>
    <row r="7663" spans="4:5" x14ac:dyDescent="0.25">
      <c r="D7663" s="6">
        <v>6285.4089999999997</v>
      </c>
      <c r="E7663" s="6">
        <v>560.22329999999999</v>
      </c>
    </row>
    <row r="7664" spans="4:5" x14ac:dyDescent="0.25">
      <c r="D7664" s="6">
        <v>458.49709999999999</v>
      </c>
      <c r="E7664" s="6">
        <v>428.375</v>
      </c>
    </row>
    <row r="7665" spans="4:5" x14ac:dyDescent="0.25">
      <c r="D7665" s="6">
        <v>524.79219999999998</v>
      </c>
      <c r="E7665" s="6">
        <v>669.05629999999996</v>
      </c>
    </row>
    <row r="7666" spans="4:5" x14ac:dyDescent="0.25">
      <c r="D7666" s="6">
        <v>1420.5039999999999</v>
      </c>
      <c r="E7666" s="6">
        <v>706.61339999999996</v>
      </c>
    </row>
    <row r="7667" spans="4:5" x14ac:dyDescent="0.25">
      <c r="D7667" s="6">
        <v>492.88889999999998</v>
      </c>
      <c r="E7667" s="6">
        <v>673.60410000000002</v>
      </c>
    </row>
    <row r="7668" spans="4:5" x14ac:dyDescent="0.25">
      <c r="D7668" s="6">
        <v>605.98450000000003</v>
      </c>
      <c r="E7668" s="6">
        <v>949.35040000000004</v>
      </c>
    </row>
    <row r="7669" spans="4:5" x14ac:dyDescent="0.25">
      <c r="D7669" s="6">
        <v>8341.7999999999993</v>
      </c>
      <c r="E7669" s="6">
        <v>614.85249999999996</v>
      </c>
    </row>
    <row r="7670" spans="4:5" x14ac:dyDescent="0.25">
      <c r="D7670" s="6">
        <v>903.47040000000004</v>
      </c>
      <c r="E7670" s="6">
        <v>557.04070000000002</v>
      </c>
    </row>
    <row r="7671" spans="4:5" x14ac:dyDescent="0.25">
      <c r="D7671" s="6">
        <v>5784.6689999999999</v>
      </c>
      <c r="E7671" s="6">
        <v>636.4434</v>
      </c>
    </row>
    <row r="7672" spans="4:5" x14ac:dyDescent="0.25">
      <c r="D7672" s="6">
        <v>7878.1469999999999</v>
      </c>
      <c r="E7672" s="6">
        <v>703.15570000000002</v>
      </c>
    </row>
    <row r="7673" spans="4:5" x14ac:dyDescent="0.25">
      <c r="D7673" s="6">
        <v>436.61700000000002</v>
      </c>
      <c r="E7673" s="6">
        <v>503.65039999999999</v>
      </c>
    </row>
    <row r="7674" spans="4:5" x14ac:dyDescent="0.25">
      <c r="D7674" s="6">
        <v>571.77670000000001</v>
      </c>
      <c r="E7674" s="6">
        <v>1614.944</v>
      </c>
    </row>
    <row r="7675" spans="4:5" x14ac:dyDescent="0.25">
      <c r="D7675" s="6">
        <v>480.93430000000001</v>
      </c>
      <c r="E7675" s="6">
        <v>3974.7849999999999</v>
      </c>
    </row>
    <row r="7676" spans="4:5" x14ac:dyDescent="0.25">
      <c r="D7676" s="6">
        <v>883.3587</v>
      </c>
      <c r="E7676" s="6">
        <v>2498.9169999999999</v>
      </c>
    </row>
    <row r="7677" spans="4:5" x14ac:dyDescent="0.25">
      <c r="D7677" s="6">
        <v>478.75</v>
      </c>
      <c r="E7677" s="6">
        <v>505.99200000000002</v>
      </c>
    </row>
    <row r="7678" spans="4:5" x14ac:dyDescent="0.25">
      <c r="D7678" s="6">
        <v>522.5</v>
      </c>
      <c r="E7678" s="6">
        <v>1174.2329999999999</v>
      </c>
    </row>
    <row r="7679" spans="4:5" x14ac:dyDescent="0.25">
      <c r="D7679" s="6">
        <v>5402.0029999999997</v>
      </c>
      <c r="E7679" s="6">
        <v>3988.3180000000002</v>
      </c>
    </row>
    <row r="7680" spans="4:5" x14ac:dyDescent="0.25">
      <c r="D7680" s="6">
        <v>616.625</v>
      </c>
      <c r="E7680" s="6">
        <v>514.65239999999994</v>
      </c>
    </row>
    <row r="7681" spans="4:5" x14ac:dyDescent="0.25">
      <c r="D7681" s="6">
        <v>557.56719999999996</v>
      </c>
      <c r="E7681" s="6">
        <v>877.33330000000001</v>
      </c>
    </row>
    <row r="7682" spans="4:5" x14ac:dyDescent="0.25">
      <c r="D7682" s="6">
        <v>403.32960000000003</v>
      </c>
      <c r="E7682" s="6">
        <v>734.50980000000004</v>
      </c>
    </row>
    <row r="7683" spans="4:5" x14ac:dyDescent="0.25">
      <c r="D7683" s="6">
        <v>604.62940000000003</v>
      </c>
      <c r="E7683" s="6">
        <v>867.98689999999999</v>
      </c>
    </row>
    <row r="7684" spans="4:5" x14ac:dyDescent="0.25">
      <c r="D7684" s="6">
        <v>5130.8370000000004</v>
      </c>
      <c r="E7684" s="6">
        <v>3762.7040000000002</v>
      </c>
    </row>
    <row r="7685" spans="4:5" x14ac:dyDescent="0.25">
      <c r="D7685" s="6">
        <v>643.64250000000004</v>
      </c>
      <c r="E7685" s="6">
        <v>591.57989999999995</v>
      </c>
    </row>
    <row r="7686" spans="4:5" x14ac:dyDescent="0.25">
      <c r="D7686" s="6">
        <v>577.9049</v>
      </c>
      <c r="E7686" s="6">
        <v>501.8442</v>
      </c>
    </row>
    <row r="7687" spans="4:5" x14ac:dyDescent="0.25">
      <c r="D7687" s="6">
        <v>491.85329999999999</v>
      </c>
      <c r="E7687" s="6">
        <v>698.92079999999999</v>
      </c>
    </row>
    <row r="7688" spans="4:5" x14ac:dyDescent="0.25">
      <c r="D7688" s="6">
        <v>541.39409999999998</v>
      </c>
      <c r="E7688" s="6">
        <v>4822.2110000000002</v>
      </c>
    </row>
    <row r="7689" spans="4:5" x14ac:dyDescent="0.25">
      <c r="D7689" s="6">
        <v>710.8596</v>
      </c>
      <c r="E7689" s="6">
        <v>662.43409999999994</v>
      </c>
    </row>
    <row r="7690" spans="4:5" x14ac:dyDescent="0.25">
      <c r="D7690" s="6">
        <v>642.25969999999995</v>
      </c>
      <c r="E7690" s="6">
        <v>4892.1390000000001</v>
      </c>
    </row>
    <row r="7691" spans="4:5" x14ac:dyDescent="0.25">
      <c r="D7691" s="6">
        <v>780.66319999999996</v>
      </c>
      <c r="E7691" s="6">
        <v>2782.5</v>
      </c>
    </row>
    <row r="7692" spans="4:5" x14ac:dyDescent="0.25">
      <c r="D7692" s="6">
        <v>2965.4589999999998</v>
      </c>
      <c r="E7692" s="6">
        <v>713.00419999999997</v>
      </c>
    </row>
    <row r="7693" spans="4:5" x14ac:dyDescent="0.25">
      <c r="D7693" s="6">
        <v>408.95</v>
      </c>
      <c r="E7693" s="6">
        <v>639.56020000000001</v>
      </c>
    </row>
    <row r="7694" spans="4:5" x14ac:dyDescent="0.25">
      <c r="D7694" s="6">
        <v>516.99350000000004</v>
      </c>
      <c r="E7694" s="6">
        <v>678.87270000000001</v>
      </c>
    </row>
    <row r="7695" spans="4:5" x14ac:dyDescent="0.25">
      <c r="D7695" s="6">
        <v>667.19970000000001</v>
      </c>
      <c r="E7695" s="6">
        <v>2515.192</v>
      </c>
    </row>
    <row r="7696" spans="4:5" x14ac:dyDescent="0.25">
      <c r="D7696" s="6">
        <v>698.64179999999999</v>
      </c>
      <c r="E7696" s="6">
        <v>553.17539999999997</v>
      </c>
    </row>
    <row r="7697" spans="4:5" x14ac:dyDescent="0.25">
      <c r="D7697" s="6">
        <v>626.10559999999998</v>
      </c>
      <c r="E7697" s="6">
        <v>3651.828</v>
      </c>
    </row>
    <row r="7698" spans="4:5" x14ac:dyDescent="0.25">
      <c r="D7698" s="6">
        <v>619.01670000000001</v>
      </c>
      <c r="E7698" s="6">
        <v>534.82380000000001</v>
      </c>
    </row>
    <row r="7699" spans="4:5" x14ac:dyDescent="0.25">
      <c r="D7699" s="6">
        <v>658</v>
      </c>
      <c r="E7699" s="6">
        <v>688.13660000000004</v>
      </c>
    </row>
    <row r="7700" spans="4:5" x14ac:dyDescent="0.25">
      <c r="D7700" s="6">
        <v>412</v>
      </c>
      <c r="E7700" s="6">
        <v>2996.05</v>
      </c>
    </row>
    <row r="7701" spans="4:5" x14ac:dyDescent="0.25">
      <c r="D7701" s="6">
        <v>4059.877</v>
      </c>
      <c r="E7701" s="6">
        <v>2421.6509999999998</v>
      </c>
    </row>
    <row r="7702" spans="4:5" x14ac:dyDescent="0.25">
      <c r="D7702" s="6">
        <v>715.4307</v>
      </c>
      <c r="E7702" s="6">
        <v>2054.4160000000002</v>
      </c>
    </row>
    <row r="7703" spans="4:5" x14ac:dyDescent="0.25">
      <c r="D7703" s="6">
        <v>1016.223</v>
      </c>
      <c r="E7703" s="6">
        <v>4747.4740000000002</v>
      </c>
    </row>
    <row r="7704" spans="4:5" x14ac:dyDescent="0.25">
      <c r="D7704" s="6">
        <v>1356.4110000000001</v>
      </c>
      <c r="E7704" s="6">
        <v>1090.627</v>
      </c>
    </row>
    <row r="7705" spans="4:5" x14ac:dyDescent="0.25">
      <c r="D7705" s="6">
        <v>497.55529999999999</v>
      </c>
      <c r="E7705" s="6">
        <v>858.70209999999997</v>
      </c>
    </row>
    <row r="7706" spans="4:5" x14ac:dyDescent="0.25">
      <c r="D7706" s="6">
        <v>4742.67</v>
      </c>
      <c r="E7706" s="6">
        <v>631.44029999999998</v>
      </c>
    </row>
    <row r="7707" spans="4:5" x14ac:dyDescent="0.25">
      <c r="D7707" s="6">
        <v>1585.3230000000001</v>
      </c>
      <c r="E7707" s="6">
        <v>550.62760000000003</v>
      </c>
    </row>
    <row r="7708" spans="4:5" x14ac:dyDescent="0.25">
      <c r="D7708" s="6">
        <v>381.64440000000002</v>
      </c>
      <c r="E7708" s="6">
        <v>3831.14</v>
      </c>
    </row>
    <row r="7709" spans="4:5" x14ac:dyDescent="0.25">
      <c r="D7709" s="6">
        <v>719.68910000000005</v>
      </c>
      <c r="E7709" s="6">
        <v>525.79920000000004</v>
      </c>
    </row>
    <row r="7710" spans="4:5" x14ac:dyDescent="0.25">
      <c r="D7710" s="6">
        <v>5628.4740000000002</v>
      </c>
      <c r="E7710" s="6">
        <v>655.16420000000005</v>
      </c>
    </row>
    <row r="7711" spans="4:5" x14ac:dyDescent="0.25">
      <c r="D7711" s="6">
        <v>636.29359999999997</v>
      </c>
      <c r="E7711" s="6">
        <v>467.77109999999999</v>
      </c>
    </row>
    <row r="7712" spans="4:5" x14ac:dyDescent="0.25">
      <c r="D7712" s="6">
        <v>6597.6049999999996</v>
      </c>
      <c r="E7712" s="6">
        <v>1506.885</v>
      </c>
    </row>
    <row r="7713" spans="4:5" x14ac:dyDescent="0.25">
      <c r="D7713" s="6">
        <v>590.22220000000004</v>
      </c>
      <c r="E7713" s="6">
        <v>332.05119999999999</v>
      </c>
    </row>
    <row r="7714" spans="4:5" x14ac:dyDescent="0.25">
      <c r="D7714" s="6">
        <v>485.81150000000002</v>
      </c>
      <c r="E7714" s="6">
        <v>545.78009999999995</v>
      </c>
    </row>
    <row r="7715" spans="4:5" x14ac:dyDescent="0.25">
      <c r="D7715" s="6">
        <v>656.90869999999995</v>
      </c>
      <c r="E7715" s="6">
        <v>4747.2439999999997</v>
      </c>
    </row>
    <row r="7716" spans="4:5" x14ac:dyDescent="0.25">
      <c r="D7716" s="6">
        <v>4909.0940000000001</v>
      </c>
      <c r="E7716" s="6">
        <v>2096.2089999999998</v>
      </c>
    </row>
    <row r="7717" spans="4:5" x14ac:dyDescent="0.25">
      <c r="D7717" s="6">
        <v>880.322</v>
      </c>
      <c r="E7717" s="6">
        <v>5610</v>
      </c>
    </row>
    <row r="7718" spans="4:5" x14ac:dyDescent="0.25">
      <c r="D7718" s="6">
        <v>500.28570000000002</v>
      </c>
      <c r="E7718" s="6">
        <v>4112.1559999999999</v>
      </c>
    </row>
    <row r="7719" spans="4:5" x14ac:dyDescent="0.25">
      <c r="D7719" s="6">
        <v>2340.6759999999999</v>
      </c>
      <c r="E7719" s="6">
        <v>647.67290000000003</v>
      </c>
    </row>
    <row r="7720" spans="4:5" x14ac:dyDescent="0.25">
      <c r="D7720" s="6">
        <v>1076.0930000000001</v>
      </c>
      <c r="E7720" s="6">
        <v>1310.4079999999999</v>
      </c>
    </row>
    <row r="7721" spans="4:5" x14ac:dyDescent="0.25">
      <c r="D7721" s="6">
        <v>586.45450000000005</v>
      </c>
      <c r="E7721" s="6">
        <v>6360.8969999999999</v>
      </c>
    </row>
    <row r="7722" spans="4:5" x14ac:dyDescent="0.25">
      <c r="D7722" s="6">
        <v>6227.2749999999996</v>
      </c>
      <c r="E7722" s="6">
        <v>865.26969999999994</v>
      </c>
    </row>
    <row r="7723" spans="4:5" x14ac:dyDescent="0.25">
      <c r="D7723" s="6">
        <v>771.71280000000002</v>
      </c>
      <c r="E7723" s="6">
        <v>1420.346</v>
      </c>
    </row>
    <row r="7724" spans="4:5" x14ac:dyDescent="0.25">
      <c r="D7724" s="6">
        <v>677.21600000000001</v>
      </c>
      <c r="E7724" s="6">
        <v>545.17439999999999</v>
      </c>
    </row>
    <row r="7725" spans="4:5" x14ac:dyDescent="0.25">
      <c r="D7725" s="6">
        <v>701.44650000000001</v>
      </c>
      <c r="E7725" s="6">
        <v>686.77790000000005</v>
      </c>
    </row>
    <row r="7726" spans="4:5" x14ac:dyDescent="0.25">
      <c r="D7726" s="6">
        <v>982.02179999999998</v>
      </c>
      <c r="E7726" s="6">
        <v>1531.3610000000001</v>
      </c>
    </row>
    <row r="7727" spans="4:5" x14ac:dyDescent="0.25">
      <c r="D7727" s="6">
        <v>4643.4989999999998</v>
      </c>
      <c r="E7727" s="6">
        <v>513.29169999999999</v>
      </c>
    </row>
    <row r="7728" spans="4:5" x14ac:dyDescent="0.25">
      <c r="D7728" s="6">
        <v>5648.8580000000002</v>
      </c>
      <c r="E7728" s="6">
        <v>1827.278</v>
      </c>
    </row>
    <row r="7729" spans="4:5" x14ac:dyDescent="0.25">
      <c r="D7729" s="6">
        <v>9761.6380000000008</v>
      </c>
      <c r="E7729" s="6">
        <v>734.75940000000003</v>
      </c>
    </row>
    <row r="7730" spans="4:5" x14ac:dyDescent="0.25">
      <c r="D7730" s="6">
        <v>758.26089999999999</v>
      </c>
      <c r="E7730" s="6">
        <v>381.26</v>
      </c>
    </row>
    <row r="7731" spans="4:5" x14ac:dyDescent="0.25">
      <c r="D7731" s="6">
        <v>311.27030000000002</v>
      </c>
      <c r="E7731" s="6">
        <v>4083.9850000000001</v>
      </c>
    </row>
    <row r="7732" spans="4:5" x14ac:dyDescent="0.25">
      <c r="D7732" s="6">
        <v>1281.3330000000001</v>
      </c>
      <c r="E7732" s="6">
        <v>1313.0340000000001</v>
      </c>
    </row>
    <row r="7733" spans="4:5" x14ac:dyDescent="0.25">
      <c r="D7733" s="6">
        <v>918.44309999999996</v>
      </c>
      <c r="E7733" s="6">
        <v>700.35540000000003</v>
      </c>
    </row>
    <row r="7734" spans="4:5" x14ac:dyDescent="0.25">
      <c r="D7734" s="6">
        <v>6325.4759999999997</v>
      </c>
      <c r="E7734" s="6">
        <v>2798.4290000000001</v>
      </c>
    </row>
    <row r="7735" spans="4:5" x14ac:dyDescent="0.25">
      <c r="D7735" s="6">
        <v>8850.9660000000003</v>
      </c>
      <c r="E7735" s="6">
        <v>1280.2570000000001</v>
      </c>
    </row>
    <row r="7736" spans="4:5" x14ac:dyDescent="0.25">
      <c r="D7736" s="6">
        <v>624.15120000000002</v>
      </c>
      <c r="E7736" s="6">
        <v>584.57629999999995</v>
      </c>
    </row>
    <row r="7737" spans="4:5" x14ac:dyDescent="0.25">
      <c r="D7737" s="6">
        <v>501.93689999999998</v>
      </c>
      <c r="E7737" s="6">
        <v>646.53129999999999</v>
      </c>
    </row>
    <row r="7738" spans="4:5" x14ac:dyDescent="0.25">
      <c r="D7738" s="6">
        <v>919.74839999999995</v>
      </c>
      <c r="E7738" s="6">
        <v>4364.8119999999999</v>
      </c>
    </row>
    <row r="7739" spans="4:5" x14ac:dyDescent="0.25">
      <c r="D7739" s="6">
        <v>5301.8220000000001</v>
      </c>
      <c r="E7739" s="6">
        <v>583.72550000000001</v>
      </c>
    </row>
    <row r="7740" spans="4:5" x14ac:dyDescent="0.25">
      <c r="D7740" s="6">
        <v>637.94050000000004</v>
      </c>
      <c r="E7740" s="6">
        <v>4939.5309999999999</v>
      </c>
    </row>
    <row r="7741" spans="4:5" x14ac:dyDescent="0.25">
      <c r="D7741" s="6">
        <v>547.18579999999997</v>
      </c>
      <c r="E7741" s="6">
        <v>4810.4250000000002</v>
      </c>
    </row>
    <row r="7742" spans="4:5" x14ac:dyDescent="0.25">
      <c r="D7742" s="6">
        <v>890.97469999999998</v>
      </c>
      <c r="E7742" s="6">
        <v>652.16690000000006</v>
      </c>
    </row>
    <row r="7743" spans="4:5" x14ac:dyDescent="0.25">
      <c r="D7743" s="6">
        <v>1189.8</v>
      </c>
      <c r="E7743" s="6">
        <v>526.87260000000003</v>
      </c>
    </row>
    <row r="7744" spans="4:5" x14ac:dyDescent="0.25">
      <c r="D7744" s="6">
        <v>522.8605</v>
      </c>
      <c r="E7744" s="6">
        <v>3132.154</v>
      </c>
    </row>
    <row r="7745" spans="4:5" x14ac:dyDescent="0.25">
      <c r="D7745" s="6">
        <v>949.02300000000002</v>
      </c>
      <c r="E7745" s="6">
        <v>5966.1319999999996</v>
      </c>
    </row>
    <row r="7746" spans="4:5" x14ac:dyDescent="0.25">
      <c r="D7746" s="6">
        <v>736.85770000000002</v>
      </c>
      <c r="E7746" s="6">
        <v>1030.5150000000001</v>
      </c>
    </row>
    <row r="7747" spans="4:5" x14ac:dyDescent="0.25">
      <c r="D7747" s="6">
        <v>974.58019999999999</v>
      </c>
      <c r="E7747" s="6">
        <v>474.33620000000002</v>
      </c>
    </row>
    <row r="7748" spans="4:5" x14ac:dyDescent="0.25">
      <c r="D7748" s="6">
        <v>760.46</v>
      </c>
      <c r="E7748" s="6">
        <v>1057.2670000000001</v>
      </c>
    </row>
    <row r="7749" spans="4:5" x14ac:dyDescent="0.25">
      <c r="D7749" s="6">
        <v>7941.8950000000004</v>
      </c>
      <c r="E7749" s="6">
        <v>748.60619999999994</v>
      </c>
    </row>
    <row r="7750" spans="4:5" x14ac:dyDescent="0.25">
      <c r="D7750" s="6">
        <v>5072.4530000000004</v>
      </c>
      <c r="E7750" s="6">
        <v>4945.1670000000004</v>
      </c>
    </row>
    <row r="7751" spans="4:5" x14ac:dyDescent="0.25">
      <c r="D7751" s="6">
        <v>587.7876</v>
      </c>
      <c r="E7751" s="6">
        <v>821.98950000000002</v>
      </c>
    </row>
    <row r="7752" spans="4:5" x14ac:dyDescent="0.25">
      <c r="D7752" s="6">
        <v>1238.2850000000001</v>
      </c>
      <c r="E7752" s="6">
        <v>3723.4079999999999</v>
      </c>
    </row>
    <row r="7753" spans="4:5" x14ac:dyDescent="0.25">
      <c r="D7753" s="6">
        <v>708.10329999999999</v>
      </c>
      <c r="E7753" s="6">
        <v>3018.172</v>
      </c>
    </row>
    <row r="7754" spans="4:5" x14ac:dyDescent="0.25">
      <c r="D7754" s="6">
        <v>2992.6669999999999</v>
      </c>
      <c r="E7754" s="6">
        <v>744.15650000000005</v>
      </c>
    </row>
    <row r="7755" spans="4:5" x14ac:dyDescent="0.25">
      <c r="D7755" s="6">
        <v>738.56899999999996</v>
      </c>
      <c r="E7755" s="6">
        <v>592.46220000000005</v>
      </c>
    </row>
    <row r="7756" spans="4:5" x14ac:dyDescent="0.25">
      <c r="D7756" s="6">
        <v>506.1902</v>
      </c>
      <c r="E7756" s="6">
        <v>489.39370000000002</v>
      </c>
    </row>
    <row r="7757" spans="4:5" x14ac:dyDescent="0.25">
      <c r="D7757" s="6">
        <v>1082.6759999999999</v>
      </c>
      <c r="E7757" s="6">
        <v>634.43820000000005</v>
      </c>
    </row>
    <row r="7758" spans="4:5" x14ac:dyDescent="0.25">
      <c r="D7758" s="6">
        <v>666.48929999999996</v>
      </c>
      <c r="E7758" s="6">
        <v>564.31579999999997</v>
      </c>
    </row>
    <row r="7759" spans="4:5" x14ac:dyDescent="0.25">
      <c r="D7759" s="6">
        <v>773.78949999999998</v>
      </c>
      <c r="E7759" s="6">
        <v>4137.5959999999995</v>
      </c>
    </row>
    <row r="7760" spans="4:5" x14ac:dyDescent="0.25">
      <c r="D7760" s="6">
        <v>488</v>
      </c>
      <c r="E7760" s="6">
        <v>3238.9369999999999</v>
      </c>
    </row>
    <row r="7761" spans="4:5" x14ac:dyDescent="0.25">
      <c r="D7761" s="6">
        <v>1036.046</v>
      </c>
      <c r="E7761" s="6">
        <v>567.28060000000005</v>
      </c>
    </row>
    <row r="7762" spans="4:5" x14ac:dyDescent="0.25">
      <c r="D7762" s="6">
        <v>971.24580000000003</v>
      </c>
      <c r="E7762" s="6">
        <v>676.58100000000002</v>
      </c>
    </row>
    <row r="7763" spans="4:5" x14ac:dyDescent="0.25">
      <c r="D7763" s="6">
        <v>761.92949999999996</v>
      </c>
      <c r="E7763" s="6">
        <v>5313.1880000000001</v>
      </c>
    </row>
    <row r="7764" spans="4:5" x14ac:dyDescent="0.25">
      <c r="D7764" s="6">
        <v>5988.5010000000002</v>
      </c>
      <c r="E7764" s="6">
        <v>4186.643</v>
      </c>
    </row>
    <row r="7765" spans="4:5" x14ac:dyDescent="0.25">
      <c r="D7765" s="6">
        <v>2351.2710000000002</v>
      </c>
      <c r="E7765" s="6">
        <v>1881.91</v>
      </c>
    </row>
    <row r="7766" spans="4:5" x14ac:dyDescent="0.25">
      <c r="D7766" s="6">
        <v>584.68409999999994</v>
      </c>
      <c r="E7766" s="6">
        <v>4498.7619999999997</v>
      </c>
    </row>
    <row r="7767" spans="4:5" x14ac:dyDescent="0.25">
      <c r="D7767" s="6">
        <v>3400.654</v>
      </c>
      <c r="E7767" s="6">
        <v>482.2826</v>
      </c>
    </row>
    <row r="7768" spans="4:5" x14ac:dyDescent="0.25">
      <c r="D7768" s="6">
        <v>1165</v>
      </c>
      <c r="E7768" s="6">
        <v>556.21590000000003</v>
      </c>
    </row>
    <row r="7769" spans="4:5" x14ac:dyDescent="0.25">
      <c r="D7769" s="6">
        <v>752.02290000000005</v>
      </c>
      <c r="E7769" s="6">
        <v>600.57650000000001</v>
      </c>
    </row>
    <row r="7770" spans="4:5" x14ac:dyDescent="0.25">
      <c r="D7770" s="6">
        <v>765.73699999999997</v>
      </c>
      <c r="E7770" s="6">
        <v>610.48879999999997</v>
      </c>
    </row>
    <row r="7771" spans="4:5" x14ac:dyDescent="0.25">
      <c r="D7771" s="6">
        <v>1377.105</v>
      </c>
      <c r="E7771" s="6">
        <v>879.31539999999995</v>
      </c>
    </row>
    <row r="7772" spans="4:5" x14ac:dyDescent="0.25">
      <c r="D7772" s="6">
        <v>320.34500000000003</v>
      </c>
      <c r="E7772" s="6">
        <v>1562.6669999999999</v>
      </c>
    </row>
    <row r="7773" spans="4:5" x14ac:dyDescent="0.25">
      <c r="D7773" s="6">
        <v>8263.5470000000005</v>
      </c>
      <c r="E7773" s="6">
        <v>455.85160000000002</v>
      </c>
    </row>
    <row r="7774" spans="4:5" x14ac:dyDescent="0.25">
      <c r="D7774" s="6">
        <v>4037.43</v>
      </c>
      <c r="E7774" s="6">
        <v>614.88019999999995</v>
      </c>
    </row>
    <row r="7775" spans="4:5" x14ac:dyDescent="0.25">
      <c r="D7775" s="6">
        <v>5718.4560000000001</v>
      </c>
      <c r="E7775" s="6">
        <v>540.01710000000003</v>
      </c>
    </row>
    <row r="7776" spans="4:5" x14ac:dyDescent="0.25">
      <c r="D7776" s="6">
        <v>722.41650000000004</v>
      </c>
      <c r="E7776" s="6">
        <v>3093.0340000000001</v>
      </c>
    </row>
    <row r="7777" spans="4:5" x14ac:dyDescent="0.25">
      <c r="D7777" s="6">
        <v>845.5</v>
      </c>
      <c r="E7777" s="6">
        <v>2068.9690000000001</v>
      </c>
    </row>
    <row r="7778" spans="4:5" x14ac:dyDescent="0.25">
      <c r="D7778" s="6">
        <v>1024.6669999999999</v>
      </c>
      <c r="E7778" s="6">
        <v>3791.3589999999999</v>
      </c>
    </row>
    <row r="7779" spans="4:5" x14ac:dyDescent="0.25">
      <c r="D7779" s="6">
        <v>7608.3810000000003</v>
      </c>
      <c r="E7779" s="6">
        <v>384.8322</v>
      </c>
    </row>
    <row r="7780" spans="4:5" x14ac:dyDescent="0.25">
      <c r="D7780" s="6">
        <v>819.24760000000003</v>
      </c>
      <c r="E7780" s="6">
        <v>1237.932</v>
      </c>
    </row>
    <row r="7781" spans="4:5" x14ac:dyDescent="0.25">
      <c r="D7781" s="6">
        <v>720.98239999999998</v>
      </c>
      <c r="E7781" s="6">
        <v>1497.96</v>
      </c>
    </row>
    <row r="7782" spans="4:5" x14ac:dyDescent="0.25">
      <c r="D7782" s="6">
        <v>886.28359999999998</v>
      </c>
      <c r="E7782" s="6">
        <v>477.6671</v>
      </c>
    </row>
    <row r="7783" spans="4:5" x14ac:dyDescent="0.25">
      <c r="D7783" s="6">
        <v>601.12480000000005</v>
      </c>
      <c r="E7783" s="6">
        <v>2600.3879999999999</v>
      </c>
    </row>
    <row r="7784" spans="4:5" x14ac:dyDescent="0.25">
      <c r="D7784" s="6">
        <v>6542.8360000000002</v>
      </c>
      <c r="E7784" s="6">
        <v>461</v>
      </c>
    </row>
    <row r="7785" spans="4:5" x14ac:dyDescent="0.25">
      <c r="D7785" s="6">
        <v>733.01319999999998</v>
      </c>
      <c r="E7785" s="6">
        <v>4649.7070000000003</v>
      </c>
    </row>
    <row r="7786" spans="4:5" x14ac:dyDescent="0.25">
      <c r="D7786" s="6">
        <v>817.97979999999995</v>
      </c>
      <c r="E7786" s="6">
        <v>3798.6669999999999</v>
      </c>
    </row>
    <row r="7787" spans="4:5" x14ac:dyDescent="0.25">
      <c r="D7787" s="6">
        <v>529.35170000000005</v>
      </c>
      <c r="E7787" s="6">
        <v>1057.403</v>
      </c>
    </row>
    <row r="7788" spans="4:5" x14ac:dyDescent="0.25">
      <c r="D7788" s="6">
        <v>878.4076</v>
      </c>
      <c r="E7788" s="6">
        <v>1106.124</v>
      </c>
    </row>
    <row r="7789" spans="4:5" x14ac:dyDescent="0.25">
      <c r="D7789" s="6">
        <v>684.26170000000002</v>
      </c>
      <c r="E7789" s="6">
        <v>548.88789999999995</v>
      </c>
    </row>
    <row r="7790" spans="4:5" x14ac:dyDescent="0.25">
      <c r="D7790" s="6">
        <v>1084.6099999999999</v>
      </c>
      <c r="E7790" s="6">
        <v>506.9975</v>
      </c>
    </row>
    <row r="7791" spans="4:5" x14ac:dyDescent="0.25">
      <c r="D7791" s="6">
        <v>3135.2779999999998</v>
      </c>
      <c r="E7791" s="6">
        <v>746.07560000000001</v>
      </c>
    </row>
    <row r="7792" spans="4:5" x14ac:dyDescent="0.25">
      <c r="D7792" s="6">
        <v>455.5874</v>
      </c>
      <c r="E7792" s="6">
        <v>841.68</v>
      </c>
    </row>
    <row r="7793" spans="4:5" x14ac:dyDescent="0.25">
      <c r="D7793" s="6">
        <v>1115</v>
      </c>
      <c r="E7793" s="6">
        <v>873.30489999999998</v>
      </c>
    </row>
    <row r="7794" spans="4:5" x14ac:dyDescent="0.25">
      <c r="D7794" s="6">
        <v>4568.3</v>
      </c>
      <c r="E7794" s="6">
        <v>3549.6669999999999</v>
      </c>
    </row>
    <row r="7795" spans="4:5" x14ac:dyDescent="0.25">
      <c r="D7795" s="6">
        <v>751.97379999999998</v>
      </c>
      <c r="E7795" s="6">
        <v>1524.922</v>
      </c>
    </row>
    <row r="7796" spans="4:5" x14ac:dyDescent="0.25">
      <c r="D7796" s="6">
        <v>4845.9769999999999</v>
      </c>
      <c r="E7796" s="6">
        <v>654.15380000000005</v>
      </c>
    </row>
    <row r="7797" spans="4:5" x14ac:dyDescent="0.25">
      <c r="D7797" s="6">
        <v>4995.5479999999998</v>
      </c>
      <c r="E7797" s="6">
        <v>1635.347</v>
      </c>
    </row>
    <row r="7798" spans="4:5" x14ac:dyDescent="0.25">
      <c r="D7798" s="6">
        <v>722.39559999999994</v>
      </c>
      <c r="E7798" s="6">
        <v>5219.3440000000001</v>
      </c>
    </row>
    <row r="7799" spans="4:5" x14ac:dyDescent="0.25">
      <c r="D7799" s="6">
        <v>5582.6980000000003</v>
      </c>
      <c r="E7799" s="6">
        <v>973.35590000000002</v>
      </c>
    </row>
    <row r="7800" spans="4:5" x14ac:dyDescent="0.25">
      <c r="D7800" s="6">
        <v>674.84559999999999</v>
      </c>
      <c r="E7800" s="6">
        <v>5855.87</v>
      </c>
    </row>
    <row r="7801" spans="4:5" x14ac:dyDescent="0.25">
      <c r="D7801" s="6">
        <v>682.75</v>
      </c>
      <c r="E7801" s="6">
        <v>3661.5770000000002</v>
      </c>
    </row>
    <row r="7802" spans="4:5" x14ac:dyDescent="0.25">
      <c r="D7802" s="6">
        <v>861.4076</v>
      </c>
      <c r="E7802" s="6">
        <v>623.44230000000005</v>
      </c>
    </row>
    <row r="7803" spans="4:5" x14ac:dyDescent="0.25">
      <c r="D7803" s="6">
        <v>7695.6809999999996</v>
      </c>
      <c r="E7803" s="6">
        <v>1799.759</v>
      </c>
    </row>
    <row r="7804" spans="4:5" x14ac:dyDescent="0.25">
      <c r="D7804" s="6">
        <v>864.58720000000005</v>
      </c>
      <c r="E7804" s="6">
        <v>1297.0229999999999</v>
      </c>
    </row>
    <row r="7805" spans="4:5" x14ac:dyDescent="0.25">
      <c r="D7805" s="6">
        <v>734.15650000000005</v>
      </c>
      <c r="E7805" s="6">
        <v>622.79520000000002</v>
      </c>
    </row>
    <row r="7806" spans="4:5" x14ac:dyDescent="0.25">
      <c r="D7806" s="6">
        <v>570.96299999999997</v>
      </c>
      <c r="E7806" s="6">
        <v>699.97990000000004</v>
      </c>
    </row>
    <row r="7807" spans="4:5" x14ac:dyDescent="0.25">
      <c r="D7807" s="6">
        <v>926.66160000000002</v>
      </c>
      <c r="E7807" s="6">
        <v>455.78129999999999</v>
      </c>
    </row>
    <row r="7808" spans="4:5" x14ac:dyDescent="0.25">
      <c r="D7808" s="6">
        <v>779.48630000000003</v>
      </c>
      <c r="E7808" s="6">
        <v>1254.952</v>
      </c>
    </row>
    <row r="7809" spans="4:5" x14ac:dyDescent="0.25">
      <c r="D7809" s="6">
        <v>2336.0839999999998</v>
      </c>
      <c r="E7809" s="6">
        <v>1216.9000000000001</v>
      </c>
    </row>
    <row r="7810" spans="4:5" x14ac:dyDescent="0.25">
      <c r="D7810" s="6">
        <v>820.27179999999998</v>
      </c>
      <c r="E7810" s="6">
        <v>3782.011</v>
      </c>
    </row>
    <row r="7811" spans="4:5" x14ac:dyDescent="0.25">
      <c r="D7811" s="6">
        <v>583.16660000000002</v>
      </c>
      <c r="E7811" s="6">
        <v>4598.8590000000004</v>
      </c>
    </row>
    <row r="7812" spans="4:5" x14ac:dyDescent="0.25">
      <c r="D7812" s="6">
        <v>782.91189999999995</v>
      </c>
      <c r="E7812" s="6">
        <v>1056.3119999999999</v>
      </c>
    </row>
    <row r="7813" spans="4:5" x14ac:dyDescent="0.25">
      <c r="D7813" s="6">
        <v>1632.67</v>
      </c>
      <c r="E7813" s="6">
        <v>528.62760000000003</v>
      </c>
    </row>
    <row r="7814" spans="4:5" x14ac:dyDescent="0.25">
      <c r="D7814" s="6">
        <v>4360.8140000000003</v>
      </c>
      <c r="E7814" s="6">
        <v>901.49900000000002</v>
      </c>
    </row>
    <row r="7815" spans="4:5" x14ac:dyDescent="0.25">
      <c r="D7815" s="6">
        <v>4108.125</v>
      </c>
      <c r="E7815" s="6">
        <v>701.57929999999999</v>
      </c>
    </row>
    <row r="7816" spans="4:5" x14ac:dyDescent="0.25">
      <c r="D7816" s="6">
        <v>1039.2360000000001</v>
      </c>
      <c r="E7816" s="6">
        <v>521.96</v>
      </c>
    </row>
    <row r="7817" spans="4:5" x14ac:dyDescent="0.25">
      <c r="D7817" s="6">
        <v>517.76409999999998</v>
      </c>
      <c r="E7817" s="6">
        <v>1388.3140000000001</v>
      </c>
    </row>
    <row r="7818" spans="4:5" x14ac:dyDescent="0.25">
      <c r="D7818" s="6">
        <v>1093.0319999999999</v>
      </c>
      <c r="E7818" s="6">
        <v>2409.4879999999998</v>
      </c>
    </row>
    <row r="7819" spans="4:5" x14ac:dyDescent="0.25">
      <c r="D7819" s="6">
        <v>8380.4740000000002</v>
      </c>
      <c r="E7819" s="6">
        <v>1542.1679999999999</v>
      </c>
    </row>
    <row r="7820" spans="4:5" x14ac:dyDescent="0.25">
      <c r="D7820" s="6">
        <v>2188.96</v>
      </c>
      <c r="E7820" s="6">
        <v>856.91129999999998</v>
      </c>
    </row>
    <row r="7821" spans="4:5" x14ac:dyDescent="0.25">
      <c r="D7821" s="6">
        <v>7356.9260000000004</v>
      </c>
      <c r="E7821" s="6">
        <v>1328.55</v>
      </c>
    </row>
    <row r="7822" spans="4:5" x14ac:dyDescent="0.25">
      <c r="D7822" s="6">
        <v>577.26379999999995</v>
      </c>
      <c r="E7822" s="6">
        <v>388.89190000000002</v>
      </c>
    </row>
    <row r="7823" spans="4:5" x14ac:dyDescent="0.25">
      <c r="D7823" s="6">
        <v>987.29380000000003</v>
      </c>
      <c r="E7823" s="6">
        <v>888.6</v>
      </c>
    </row>
    <row r="7824" spans="4:5" x14ac:dyDescent="0.25">
      <c r="D7824" s="6">
        <v>638.5874</v>
      </c>
      <c r="E7824" s="6">
        <v>614.28290000000004</v>
      </c>
    </row>
    <row r="7825" spans="4:5" x14ac:dyDescent="0.25">
      <c r="D7825" s="6">
        <v>1073.5160000000001</v>
      </c>
      <c r="E7825" s="6">
        <v>439.06670000000003</v>
      </c>
    </row>
    <row r="7826" spans="4:5" x14ac:dyDescent="0.25">
      <c r="D7826" s="6">
        <v>2576.3330000000001</v>
      </c>
      <c r="E7826" s="6">
        <v>542.69470000000001</v>
      </c>
    </row>
    <row r="7827" spans="4:5" x14ac:dyDescent="0.25">
      <c r="D7827" s="6">
        <v>598.31870000000004</v>
      </c>
      <c r="E7827" s="6">
        <v>566.81569999999999</v>
      </c>
    </row>
    <row r="7828" spans="4:5" x14ac:dyDescent="0.25">
      <c r="D7828" s="6">
        <v>819.19029999999998</v>
      </c>
      <c r="E7828" s="6">
        <v>4495.6940000000004</v>
      </c>
    </row>
    <row r="7829" spans="4:5" x14ac:dyDescent="0.25">
      <c r="D7829" s="6">
        <v>470</v>
      </c>
      <c r="E7829" s="6">
        <v>668.86159999999995</v>
      </c>
    </row>
    <row r="7830" spans="4:5" x14ac:dyDescent="0.25">
      <c r="D7830" s="6">
        <v>6412.7489999999998</v>
      </c>
      <c r="E7830" s="6">
        <v>763.69280000000003</v>
      </c>
    </row>
    <row r="7831" spans="4:5" x14ac:dyDescent="0.25">
      <c r="D7831" s="6">
        <v>521.15790000000004</v>
      </c>
      <c r="E7831" s="6">
        <v>1492.867</v>
      </c>
    </row>
    <row r="7832" spans="4:5" x14ac:dyDescent="0.25">
      <c r="D7832" s="6">
        <v>2113.63</v>
      </c>
      <c r="E7832" s="6">
        <v>548.44920000000002</v>
      </c>
    </row>
    <row r="7833" spans="4:5" x14ac:dyDescent="0.25">
      <c r="D7833" s="6">
        <v>733.52739999999994</v>
      </c>
      <c r="E7833" s="6">
        <v>493.74880000000002</v>
      </c>
    </row>
    <row r="7834" spans="4:5" x14ac:dyDescent="0.25">
      <c r="D7834" s="6">
        <v>6455.7820000000002</v>
      </c>
      <c r="E7834" s="6">
        <v>584.90700000000004</v>
      </c>
    </row>
    <row r="7835" spans="4:5" x14ac:dyDescent="0.25">
      <c r="D7835" s="6">
        <v>613.20000000000005</v>
      </c>
      <c r="E7835" s="6">
        <v>535.95479999999998</v>
      </c>
    </row>
    <row r="7836" spans="4:5" x14ac:dyDescent="0.25">
      <c r="D7836" s="6">
        <v>967.68629999999996</v>
      </c>
      <c r="E7836" s="6">
        <v>1340.827</v>
      </c>
    </row>
    <row r="7837" spans="4:5" x14ac:dyDescent="0.25">
      <c r="D7837" s="6">
        <v>1867.9829999999999</v>
      </c>
      <c r="E7837" s="6">
        <v>1065.1020000000001</v>
      </c>
    </row>
    <row r="7838" spans="4:5" x14ac:dyDescent="0.25">
      <c r="D7838" s="6">
        <v>649.85929999999996</v>
      </c>
      <c r="E7838" s="6">
        <v>1833.231</v>
      </c>
    </row>
    <row r="7839" spans="4:5" x14ac:dyDescent="0.25">
      <c r="D7839" s="6">
        <v>611.11760000000004</v>
      </c>
      <c r="E7839" s="6">
        <v>1172.3420000000001</v>
      </c>
    </row>
    <row r="7840" spans="4:5" x14ac:dyDescent="0.25">
      <c r="D7840" s="6">
        <v>5515.9160000000002</v>
      </c>
      <c r="E7840" s="6">
        <v>569.62310000000002</v>
      </c>
    </row>
    <row r="7841" spans="4:5" x14ac:dyDescent="0.25">
      <c r="D7841" s="6">
        <v>3005</v>
      </c>
      <c r="E7841" s="6">
        <v>3133.5650000000001</v>
      </c>
    </row>
    <row r="7842" spans="4:5" x14ac:dyDescent="0.25">
      <c r="D7842" s="6">
        <v>7441.4040000000005</v>
      </c>
      <c r="E7842" s="6">
        <v>4607.5379999999996</v>
      </c>
    </row>
    <row r="7843" spans="4:5" x14ac:dyDescent="0.25">
      <c r="D7843" s="6">
        <v>3336.183</v>
      </c>
      <c r="E7843" s="6">
        <v>611.33069999999998</v>
      </c>
    </row>
    <row r="7844" spans="4:5" x14ac:dyDescent="0.25">
      <c r="D7844" s="6">
        <v>5691.4930000000004</v>
      </c>
      <c r="E7844" s="6">
        <v>613.11410000000001</v>
      </c>
    </row>
    <row r="7845" spans="4:5" x14ac:dyDescent="0.25">
      <c r="D7845" s="6">
        <v>1718.8330000000001</v>
      </c>
      <c r="E7845" s="6">
        <v>819.91579999999999</v>
      </c>
    </row>
    <row r="7846" spans="4:5" x14ac:dyDescent="0.25">
      <c r="D7846" s="6">
        <v>6234.643</v>
      </c>
      <c r="E7846" s="6">
        <v>3578.28</v>
      </c>
    </row>
    <row r="7847" spans="4:5" x14ac:dyDescent="0.25">
      <c r="D7847" s="6">
        <v>2637.1</v>
      </c>
      <c r="E7847" s="6">
        <v>711.58820000000003</v>
      </c>
    </row>
    <row r="7848" spans="4:5" x14ac:dyDescent="0.25">
      <c r="D7848" s="6">
        <v>733.02829999999994</v>
      </c>
      <c r="E7848" s="6">
        <v>781.45500000000004</v>
      </c>
    </row>
    <row r="7849" spans="4:5" x14ac:dyDescent="0.25">
      <c r="D7849" s="6">
        <v>5582.86</v>
      </c>
      <c r="E7849" s="6">
        <v>701.91729999999995</v>
      </c>
    </row>
    <row r="7850" spans="4:5" x14ac:dyDescent="0.25">
      <c r="D7850" s="6">
        <v>583.67449999999997</v>
      </c>
      <c r="E7850" s="6">
        <v>443.43189999999998</v>
      </c>
    </row>
    <row r="7851" spans="4:5" x14ac:dyDescent="0.25">
      <c r="D7851" s="6">
        <v>8663.0550000000003</v>
      </c>
      <c r="E7851" s="6">
        <v>1557.107</v>
      </c>
    </row>
    <row r="7852" spans="4:5" x14ac:dyDescent="0.25">
      <c r="D7852" s="6">
        <v>4704.7359999999999</v>
      </c>
      <c r="E7852" s="6">
        <v>746.54920000000004</v>
      </c>
    </row>
    <row r="7853" spans="4:5" x14ac:dyDescent="0.25">
      <c r="D7853" s="6">
        <v>714.83929999999998</v>
      </c>
      <c r="E7853" s="6">
        <v>945.88980000000004</v>
      </c>
    </row>
    <row r="7854" spans="4:5" x14ac:dyDescent="0.25">
      <c r="D7854" s="6">
        <v>5633.0129999999999</v>
      </c>
      <c r="E7854" s="6">
        <v>634.58280000000002</v>
      </c>
    </row>
    <row r="7855" spans="4:5" x14ac:dyDescent="0.25">
      <c r="D7855" s="6">
        <v>1373.3309999999999</v>
      </c>
      <c r="E7855" s="6">
        <v>642.3664</v>
      </c>
    </row>
    <row r="7856" spans="4:5" x14ac:dyDescent="0.25">
      <c r="D7856" s="6">
        <v>661.58079999999995</v>
      </c>
      <c r="E7856" s="6">
        <v>600.58079999999995</v>
      </c>
    </row>
    <row r="7857" spans="4:5" x14ac:dyDescent="0.25">
      <c r="D7857" s="6">
        <v>6296.7470000000003</v>
      </c>
      <c r="E7857" s="6">
        <v>1459.3489999999999</v>
      </c>
    </row>
    <row r="7858" spans="4:5" x14ac:dyDescent="0.25">
      <c r="D7858" s="6">
        <v>539.25</v>
      </c>
      <c r="E7858" s="6">
        <v>570.16070000000002</v>
      </c>
    </row>
    <row r="7859" spans="4:5" x14ac:dyDescent="0.25">
      <c r="D7859" s="6">
        <v>758.86009999999999</v>
      </c>
      <c r="E7859" s="6">
        <v>1675.117</v>
      </c>
    </row>
    <row r="7860" spans="4:5" x14ac:dyDescent="0.25">
      <c r="D7860" s="6">
        <v>3282.5839999999998</v>
      </c>
      <c r="E7860" s="6">
        <v>4944.8</v>
      </c>
    </row>
    <row r="7861" spans="4:5" x14ac:dyDescent="0.25">
      <c r="D7861" s="6">
        <v>5533.0469999999996</v>
      </c>
      <c r="E7861" s="6">
        <v>433.61700000000002</v>
      </c>
    </row>
    <row r="7862" spans="4:5" x14ac:dyDescent="0.25">
      <c r="D7862" s="6">
        <v>611.61040000000003</v>
      </c>
      <c r="E7862" s="6">
        <v>3592.9450000000002</v>
      </c>
    </row>
    <row r="7863" spans="4:5" x14ac:dyDescent="0.25">
      <c r="D7863" s="6">
        <v>760.63940000000002</v>
      </c>
      <c r="E7863" s="6">
        <v>656.56399999999996</v>
      </c>
    </row>
    <row r="7864" spans="4:5" x14ac:dyDescent="0.25">
      <c r="D7864" s="6">
        <v>639.88239999999996</v>
      </c>
      <c r="E7864" s="6">
        <v>1970.32</v>
      </c>
    </row>
    <row r="7865" spans="4:5" x14ac:dyDescent="0.25">
      <c r="D7865" s="6">
        <v>509.43709999999999</v>
      </c>
      <c r="E7865" s="6">
        <v>674.92139999999995</v>
      </c>
    </row>
    <row r="7866" spans="4:5" x14ac:dyDescent="0.25">
      <c r="D7866" s="6">
        <v>644.63739999999996</v>
      </c>
      <c r="E7866" s="6">
        <v>511.63470000000001</v>
      </c>
    </row>
    <row r="7867" spans="4:5" x14ac:dyDescent="0.25">
      <c r="D7867" s="6">
        <v>492.99599999999998</v>
      </c>
      <c r="E7867" s="6">
        <v>607.62350000000004</v>
      </c>
    </row>
    <row r="7868" spans="4:5" x14ac:dyDescent="0.25">
      <c r="D7868" s="6">
        <v>1689.423</v>
      </c>
      <c r="E7868" s="6">
        <v>881.62900000000002</v>
      </c>
    </row>
    <row r="7869" spans="4:5" x14ac:dyDescent="0.25">
      <c r="D7869" s="6">
        <v>576.63969999999995</v>
      </c>
      <c r="E7869" s="6">
        <v>1381.1759999999999</v>
      </c>
    </row>
    <row r="7870" spans="4:5" x14ac:dyDescent="0.25">
      <c r="D7870" s="6">
        <v>5051.22</v>
      </c>
      <c r="E7870" s="6">
        <v>625.28440000000001</v>
      </c>
    </row>
    <row r="7871" spans="4:5" x14ac:dyDescent="0.25">
      <c r="D7871" s="6">
        <v>709.45799999999997</v>
      </c>
      <c r="E7871" s="6">
        <v>1883.374</v>
      </c>
    </row>
    <row r="7872" spans="4:5" x14ac:dyDescent="0.25">
      <c r="D7872" s="6">
        <v>925.66980000000001</v>
      </c>
      <c r="E7872" s="6">
        <v>824.63409999999999</v>
      </c>
    </row>
    <row r="7873" spans="4:5" x14ac:dyDescent="0.25">
      <c r="D7873" s="6">
        <v>1013.1559999999999</v>
      </c>
      <c r="E7873" s="6">
        <v>451.74650000000003</v>
      </c>
    </row>
    <row r="7874" spans="4:5" x14ac:dyDescent="0.25">
      <c r="D7874" s="6">
        <v>510.08429999999998</v>
      </c>
      <c r="E7874" s="6">
        <v>343.75080000000003</v>
      </c>
    </row>
    <row r="7875" spans="4:5" x14ac:dyDescent="0.25">
      <c r="D7875" s="6">
        <v>5985.7920000000004</v>
      </c>
      <c r="E7875" s="6">
        <v>513.71069999999997</v>
      </c>
    </row>
    <row r="7876" spans="4:5" x14ac:dyDescent="0.25">
      <c r="D7876" s="6">
        <v>5457.8620000000001</v>
      </c>
      <c r="E7876" s="6">
        <v>497.67509999999999</v>
      </c>
    </row>
    <row r="7877" spans="4:5" x14ac:dyDescent="0.25">
      <c r="D7877" s="6">
        <v>540.0498</v>
      </c>
      <c r="E7877" s="6">
        <v>1324.479</v>
      </c>
    </row>
    <row r="7878" spans="4:5" x14ac:dyDescent="0.25">
      <c r="D7878" s="6">
        <v>13317.2</v>
      </c>
      <c r="E7878" s="6">
        <v>1261.9770000000001</v>
      </c>
    </row>
    <row r="7879" spans="4:5" x14ac:dyDescent="0.25">
      <c r="D7879" s="6">
        <v>3115.4110000000001</v>
      </c>
      <c r="E7879" s="6">
        <v>555.05709999999999</v>
      </c>
    </row>
    <row r="7880" spans="4:5" x14ac:dyDescent="0.25">
      <c r="D7880" s="6">
        <v>2025.6590000000001</v>
      </c>
      <c r="E7880" s="6">
        <v>2918.038</v>
      </c>
    </row>
    <row r="7881" spans="4:5" x14ac:dyDescent="0.25">
      <c r="D7881" s="6">
        <v>569.90049999999997</v>
      </c>
      <c r="E7881" s="6">
        <v>687.31389999999999</v>
      </c>
    </row>
    <row r="7882" spans="4:5" x14ac:dyDescent="0.25">
      <c r="D7882" s="6">
        <v>5008.7269999999999</v>
      </c>
      <c r="E7882" s="6">
        <v>2156.261</v>
      </c>
    </row>
    <row r="7883" spans="4:5" x14ac:dyDescent="0.25">
      <c r="D7883" s="6">
        <v>5410.3580000000002</v>
      </c>
      <c r="E7883" s="6">
        <v>1680.1420000000001</v>
      </c>
    </row>
    <row r="7884" spans="4:5" x14ac:dyDescent="0.25">
      <c r="D7884" s="6">
        <v>2530.8330000000001</v>
      </c>
      <c r="E7884" s="6">
        <v>440.20319999999998</v>
      </c>
    </row>
    <row r="7885" spans="4:5" x14ac:dyDescent="0.25">
      <c r="D7885" s="6">
        <v>523.40089999999998</v>
      </c>
      <c r="E7885" s="6">
        <v>549.93550000000005</v>
      </c>
    </row>
    <row r="7886" spans="4:5" x14ac:dyDescent="0.25">
      <c r="D7886" s="6">
        <v>872.22950000000003</v>
      </c>
      <c r="E7886" s="6">
        <v>3699.25</v>
      </c>
    </row>
    <row r="7887" spans="4:5" x14ac:dyDescent="0.25">
      <c r="D7887" s="6">
        <v>558.89970000000005</v>
      </c>
      <c r="E7887" s="6">
        <v>550.1848</v>
      </c>
    </row>
    <row r="7888" spans="4:5" x14ac:dyDescent="0.25">
      <c r="D7888" s="6">
        <v>4192.152</v>
      </c>
      <c r="E7888" s="6">
        <v>665.09709999999995</v>
      </c>
    </row>
    <row r="7889" spans="4:5" x14ac:dyDescent="0.25">
      <c r="D7889" s="6">
        <v>609.54160000000002</v>
      </c>
      <c r="E7889" s="6">
        <v>1822.1969999999999</v>
      </c>
    </row>
    <row r="7890" spans="4:5" x14ac:dyDescent="0.25">
      <c r="D7890" s="6">
        <v>4424.4189999999999</v>
      </c>
      <c r="E7890" s="6">
        <v>646.41200000000003</v>
      </c>
    </row>
    <row r="7891" spans="4:5" x14ac:dyDescent="0.25">
      <c r="D7891" s="6">
        <v>840.64110000000005</v>
      </c>
      <c r="E7891" s="6">
        <v>3403.681</v>
      </c>
    </row>
    <row r="7892" spans="4:5" x14ac:dyDescent="0.25">
      <c r="D7892" s="6">
        <v>533.44460000000004</v>
      </c>
      <c r="E7892" s="6">
        <v>506.23559999999998</v>
      </c>
    </row>
    <row r="7893" spans="4:5" x14ac:dyDescent="0.25">
      <c r="D7893" s="6">
        <v>4248.2560000000003</v>
      </c>
      <c r="E7893" s="6">
        <v>919.09059999999999</v>
      </c>
    </row>
    <row r="7894" spans="4:5" x14ac:dyDescent="0.25">
      <c r="D7894" s="6">
        <v>2105.6529999999998</v>
      </c>
      <c r="E7894" s="6">
        <v>492.42840000000001</v>
      </c>
    </row>
    <row r="7895" spans="4:5" x14ac:dyDescent="0.25">
      <c r="D7895" s="6">
        <v>502.00459999999998</v>
      </c>
      <c r="E7895" s="6">
        <v>1409.94</v>
      </c>
    </row>
    <row r="7896" spans="4:5" x14ac:dyDescent="0.25">
      <c r="D7896" s="6">
        <v>874.18690000000004</v>
      </c>
      <c r="E7896" s="6">
        <v>621.03700000000003</v>
      </c>
    </row>
    <row r="7897" spans="4:5" x14ac:dyDescent="0.25">
      <c r="D7897" s="6">
        <v>459.02710000000002</v>
      </c>
      <c r="E7897" s="6">
        <v>495.37290000000002</v>
      </c>
    </row>
    <row r="7898" spans="4:5" x14ac:dyDescent="0.25">
      <c r="D7898" s="6">
        <v>705.93</v>
      </c>
      <c r="E7898" s="6">
        <v>4786.643</v>
      </c>
    </row>
    <row r="7899" spans="4:5" x14ac:dyDescent="0.25">
      <c r="D7899" s="6">
        <v>984.73159999999996</v>
      </c>
      <c r="E7899" s="6">
        <v>765.82470000000001</v>
      </c>
    </row>
    <row r="7900" spans="4:5" x14ac:dyDescent="0.25">
      <c r="D7900" s="6">
        <v>2523.3139999999999</v>
      </c>
      <c r="E7900" s="6">
        <v>490.98880000000003</v>
      </c>
    </row>
    <row r="7901" spans="4:5" x14ac:dyDescent="0.25">
      <c r="D7901" s="6">
        <v>359.84390000000002</v>
      </c>
      <c r="E7901" s="6">
        <v>667.50630000000001</v>
      </c>
    </row>
    <row r="7902" spans="4:5" x14ac:dyDescent="0.25">
      <c r="D7902" s="6">
        <v>1753.018</v>
      </c>
      <c r="E7902" s="6">
        <v>542.93129999999996</v>
      </c>
    </row>
    <row r="7903" spans="4:5" x14ac:dyDescent="0.25">
      <c r="D7903" s="6">
        <v>2533.4110000000001</v>
      </c>
      <c r="E7903" s="6">
        <v>1898.73</v>
      </c>
    </row>
    <row r="7904" spans="4:5" x14ac:dyDescent="0.25">
      <c r="D7904" s="6">
        <v>3986.125</v>
      </c>
      <c r="E7904" s="6">
        <v>3492.0729999999999</v>
      </c>
    </row>
    <row r="7905" spans="4:5" x14ac:dyDescent="0.25">
      <c r="D7905" s="6">
        <v>6426.6180000000004</v>
      </c>
      <c r="E7905" s="6">
        <v>1358.7239999999999</v>
      </c>
    </row>
    <row r="7906" spans="4:5" x14ac:dyDescent="0.25">
      <c r="D7906" s="6">
        <v>425.09460000000001</v>
      </c>
      <c r="E7906" s="6">
        <v>1827</v>
      </c>
    </row>
    <row r="7907" spans="4:5" x14ac:dyDescent="0.25">
      <c r="D7907" s="6">
        <v>4962.0429999999997</v>
      </c>
      <c r="E7907" s="6">
        <v>602.00419999999997</v>
      </c>
    </row>
    <row r="7908" spans="4:5" x14ac:dyDescent="0.25">
      <c r="D7908" s="6">
        <v>661.17089999999996</v>
      </c>
      <c r="E7908" s="6">
        <v>661.73820000000001</v>
      </c>
    </row>
    <row r="7909" spans="4:5" x14ac:dyDescent="0.25">
      <c r="D7909" s="6">
        <v>554.17349999999999</v>
      </c>
      <c r="E7909" s="6">
        <v>1710.5260000000001</v>
      </c>
    </row>
    <row r="7910" spans="4:5" x14ac:dyDescent="0.25">
      <c r="D7910" s="6">
        <v>680.83979999999997</v>
      </c>
      <c r="E7910" s="6">
        <v>1015.6660000000001</v>
      </c>
    </row>
    <row r="7911" spans="4:5" x14ac:dyDescent="0.25">
      <c r="D7911" s="6">
        <v>680.52340000000004</v>
      </c>
      <c r="E7911" s="6">
        <v>3831.145</v>
      </c>
    </row>
    <row r="7912" spans="4:5" x14ac:dyDescent="0.25">
      <c r="D7912" s="6">
        <v>6904.17</v>
      </c>
      <c r="E7912" s="6">
        <v>742.97159999999997</v>
      </c>
    </row>
    <row r="7913" spans="4:5" x14ac:dyDescent="0.25">
      <c r="D7913" s="6">
        <v>514.15729999999996</v>
      </c>
      <c r="E7913" s="6">
        <v>1090.1590000000001</v>
      </c>
    </row>
    <row r="7914" spans="4:5" x14ac:dyDescent="0.25">
      <c r="D7914" s="6">
        <v>518.71680000000003</v>
      </c>
      <c r="E7914" s="6">
        <v>701.99199999999996</v>
      </c>
    </row>
    <row r="7915" spans="4:5" x14ac:dyDescent="0.25">
      <c r="D7915" s="6">
        <v>528.2921</v>
      </c>
      <c r="E7915" s="6">
        <v>4118.8329999999996</v>
      </c>
    </row>
    <row r="7916" spans="4:5" x14ac:dyDescent="0.25">
      <c r="D7916" s="6">
        <v>685.21029999999996</v>
      </c>
      <c r="E7916" s="6">
        <v>733.65970000000004</v>
      </c>
    </row>
    <row r="7917" spans="4:5" x14ac:dyDescent="0.25">
      <c r="D7917" s="6">
        <v>489.83280000000002</v>
      </c>
      <c r="E7917" s="6">
        <v>972.05539999999996</v>
      </c>
    </row>
    <row r="7918" spans="4:5" x14ac:dyDescent="0.25">
      <c r="D7918" s="6">
        <v>677.2491</v>
      </c>
      <c r="E7918" s="6">
        <v>396.7586</v>
      </c>
    </row>
    <row r="7919" spans="4:5" x14ac:dyDescent="0.25">
      <c r="D7919" s="6">
        <v>2911.3609999999999</v>
      </c>
      <c r="E7919" s="6">
        <v>3656.739</v>
      </c>
    </row>
    <row r="7920" spans="4:5" x14ac:dyDescent="0.25">
      <c r="D7920" s="6">
        <v>776.76080000000002</v>
      </c>
      <c r="E7920" s="6">
        <v>2643.875</v>
      </c>
    </row>
    <row r="7921" spans="4:5" x14ac:dyDescent="0.25">
      <c r="D7921" s="6">
        <v>1404.5</v>
      </c>
      <c r="E7921" s="6">
        <v>2721.2930000000001</v>
      </c>
    </row>
    <row r="7922" spans="4:5" x14ac:dyDescent="0.25">
      <c r="D7922" s="6">
        <v>7869.7439999999997</v>
      </c>
      <c r="E7922" s="6">
        <v>2681.2449999999999</v>
      </c>
    </row>
    <row r="7923" spans="4:5" x14ac:dyDescent="0.25">
      <c r="D7923" s="6">
        <v>715.79859999999996</v>
      </c>
      <c r="E7923" s="6">
        <v>892.27710000000002</v>
      </c>
    </row>
    <row r="7924" spans="4:5" x14ac:dyDescent="0.25">
      <c r="D7924" s="6">
        <v>735.10540000000003</v>
      </c>
      <c r="E7924" s="6">
        <v>1273.7139999999999</v>
      </c>
    </row>
    <row r="7925" spans="4:5" x14ac:dyDescent="0.25">
      <c r="D7925" s="6">
        <v>927</v>
      </c>
      <c r="E7925" s="6">
        <v>895.80740000000003</v>
      </c>
    </row>
    <row r="7926" spans="4:5" x14ac:dyDescent="0.25">
      <c r="D7926" s="6">
        <v>651.24170000000004</v>
      </c>
      <c r="E7926" s="6">
        <v>800.93809999999996</v>
      </c>
    </row>
    <row r="7927" spans="4:5" x14ac:dyDescent="0.25">
      <c r="D7927" s="6">
        <v>490.07990000000001</v>
      </c>
      <c r="E7927" s="6">
        <v>4216.9340000000002</v>
      </c>
    </row>
    <row r="7928" spans="4:5" x14ac:dyDescent="0.25">
      <c r="D7928" s="6">
        <v>1081.1849999999999</v>
      </c>
      <c r="E7928" s="6">
        <v>656.322</v>
      </c>
    </row>
    <row r="7929" spans="4:5" x14ac:dyDescent="0.25">
      <c r="D7929" s="6">
        <v>882.15129999999999</v>
      </c>
      <c r="E7929" s="6">
        <v>4509.5219999999999</v>
      </c>
    </row>
    <row r="7930" spans="4:5" x14ac:dyDescent="0.25">
      <c r="D7930" s="6">
        <v>4568.1710000000003</v>
      </c>
      <c r="E7930" s="6">
        <v>542.41470000000004</v>
      </c>
    </row>
    <row r="7931" spans="4:5" x14ac:dyDescent="0.25">
      <c r="D7931" s="6">
        <v>693.84540000000004</v>
      </c>
      <c r="E7931" s="6">
        <v>536.35400000000004</v>
      </c>
    </row>
    <row r="7932" spans="4:5" x14ac:dyDescent="0.25">
      <c r="D7932" s="6">
        <v>903.84439999999995</v>
      </c>
      <c r="E7932" s="6">
        <v>1504.6659999999999</v>
      </c>
    </row>
    <row r="7933" spans="4:5" x14ac:dyDescent="0.25">
      <c r="D7933" s="6">
        <v>3801.1680000000001</v>
      </c>
      <c r="E7933" s="6">
        <v>1971.27</v>
      </c>
    </row>
    <row r="7934" spans="4:5" x14ac:dyDescent="0.25">
      <c r="D7934" s="6">
        <v>677.1463</v>
      </c>
      <c r="E7934" s="6">
        <v>752.64290000000005</v>
      </c>
    </row>
    <row r="7935" spans="4:5" x14ac:dyDescent="0.25">
      <c r="D7935" s="6">
        <v>594.89009999999996</v>
      </c>
      <c r="E7935" s="6">
        <v>523.54420000000005</v>
      </c>
    </row>
    <row r="7936" spans="4:5" x14ac:dyDescent="0.25">
      <c r="D7936" s="6">
        <v>1354.068</v>
      </c>
      <c r="E7936" s="6">
        <v>686.00319999999999</v>
      </c>
    </row>
    <row r="7937" spans="4:5" x14ac:dyDescent="0.25">
      <c r="D7937" s="6">
        <v>794.90629999999999</v>
      </c>
      <c r="E7937" s="6">
        <v>656.88729999999998</v>
      </c>
    </row>
    <row r="7938" spans="4:5" x14ac:dyDescent="0.25">
      <c r="D7938" s="6">
        <v>8280.48</v>
      </c>
      <c r="E7938" s="6">
        <v>811.7491</v>
      </c>
    </row>
    <row r="7939" spans="4:5" x14ac:dyDescent="0.25">
      <c r="D7939" s="6">
        <v>591.52440000000001</v>
      </c>
      <c r="E7939" s="6">
        <v>537.98080000000004</v>
      </c>
    </row>
    <row r="7940" spans="4:5" x14ac:dyDescent="0.25">
      <c r="D7940" s="6">
        <v>5938.33</v>
      </c>
      <c r="E7940" s="6">
        <v>3638.7640000000001</v>
      </c>
    </row>
    <row r="7941" spans="4:5" x14ac:dyDescent="0.25">
      <c r="D7941" s="6">
        <v>1109.6400000000001</v>
      </c>
      <c r="E7941" s="6">
        <v>1486.2829999999999</v>
      </c>
    </row>
    <row r="7942" spans="4:5" x14ac:dyDescent="0.25">
      <c r="D7942" s="6">
        <v>850.92229999999995</v>
      </c>
      <c r="E7942" s="6">
        <v>3577.1669999999999</v>
      </c>
    </row>
    <row r="7943" spans="4:5" x14ac:dyDescent="0.25">
      <c r="D7943" s="6">
        <v>727.00750000000005</v>
      </c>
      <c r="E7943" s="6">
        <v>544.97720000000004</v>
      </c>
    </row>
    <row r="7944" spans="4:5" x14ac:dyDescent="0.25">
      <c r="D7944" s="6">
        <v>647.93619999999999</v>
      </c>
      <c r="E7944" s="6">
        <v>1732.393</v>
      </c>
    </row>
    <row r="7945" spans="4:5" x14ac:dyDescent="0.25">
      <c r="D7945" s="6">
        <v>833.27790000000005</v>
      </c>
      <c r="E7945" s="6">
        <v>4004.9960000000001</v>
      </c>
    </row>
    <row r="7946" spans="4:5" x14ac:dyDescent="0.25">
      <c r="D7946" s="6">
        <v>2513.13</v>
      </c>
      <c r="E7946" s="6">
        <v>768.13980000000004</v>
      </c>
    </row>
    <row r="7947" spans="4:5" x14ac:dyDescent="0.25">
      <c r="D7947" s="6">
        <v>4844.9279999999999</v>
      </c>
      <c r="E7947" s="6">
        <v>621.43550000000005</v>
      </c>
    </row>
    <row r="7948" spans="4:5" x14ac:dyDescent="0.25">
      <c r="D7948" s="6">
        <v>7065.9709999999995</v>
      </c>
      <c r="E7948" s="6">
        <v>506.60520000000002</v>
      </c>
    </row>
    <row r="7949" spans="4:5" x14ac:dyDescent="0.25">
      <c r="D7949" s="6">
        <v>453</v>
      </c>
      <c r="E7949" s="6">
        <v>752.30229999999995</v>
      </c>
    </row>
    <row r="7950" spans="4:5" x14ac:dyDescent="0.25">
      <c r="D7950" s="6">
        <v>618.42859999999996</v>
      </c>
      <c r="E7950" s="6">
        <v>627.56550000000004</v>
      </c>
    </row>
    <row r="7951" spans="4:5" x14ac:dyDescent="0.25">
      <c r="D7951" s="6">
        <v>9094.5</v>
      </c>
      <c r="E7951" s="6">
        <v>5236.7510000000002</v>
      </c>
    </row>
    <row r="7952" spans="4:5" x14ac:dyDescent="0.25">
      <c r="D7952" s="6">
        <v>7263.335</v>
      </c>
      <c r="E7952" s="6">
        <v>1162.1489999999999</v>
      </c>
    </row>
    <row r="7953" spans="4:5" x14ac:dyDescent="0.25">
      <c r="D7953" s="6">
        <v>1297.143</v>
      </c>
      <c r="E7953" s="6">
        <v>888.3306</v>
      </c>
    </row>
    <row r="7954" spans="4:5" x14ac:dyDescent="0.25">
      <c r="D7954" s="6">
        <v>5124.0190000000002</v>
      </c>
      <c r="E7954" s="6">
        <v>516.16650000000004</v>
      </c>
    </row>
    <row r="7955" spans="4:5" x14ac:dyDescent="0.25">
      <c r="D7955" s="6">
        <v>495.6284</v>
      </c>
      <c r="E7955" s="6">
        <v>1597.33</v>
      </c>
    </row>
    <row r="7956" spans="4:5" x14ac:dyDescent="0.25">
      <c r="D7956" s="6">
        <v>538.09280000000001</v>
      </c>
      <c r="E7956" s="6">
        <v>974.13679999999999</v>
      </c>
    </row>
    <row r="7957" spans="4:5" x14ac:dyDescent="0.25">
      <c r="D7957" s="6">
        <v>534.41420000000005</v>
      </c>
      <c r="E7957" s="6">
        <v>891.37480000000005</v>
      </c>
    </row>
    <row r="7958" spans="4:5" x14ac:dyDescent="0.25">
      <c r="D7958" s="6">
        <v>2146.8829999999998</v>
      </c>
      <c r="E7958" s="6">
        <v>559.74009999999998</v>
      </c>
    </row>
    <row r="7959" spans="4:5" x14ac:dyDescent="0.25">
      <c r="D7959" s="6">
        <v>939.66669999999999</v>
      </c>
      <c r="E7959" s="6">
        <v>648.21159999999998</v>
      </c>
    </row>
    <row r="7960" spans="4:5" x14ac:dyDescent="0.25">
      <c r="D7960" s="6">
        <v>777.37059999999997</v>
      </c>
      <c r="E7960" s="6">
        <v>585.68020000000001</v>
      </c>
    </row>
    <row r="7961" spans="4:5" x14ac:dyDescent="0.25">
      <c r="D7961" s="6">
        <v>5795.8490000000002</v>
      </c>
      <c r="E7961" s="6">
        <v>738.15170000000001</v>
      </c>
    </row>
    <row r="7962" spans="4:5" x14ac:dyDescent="0.25">
      <c r="D7962" s="6">
        <v>568.48699999999997</v>
      </c>
      <c r="E7962" s="6">
        <v>1799</v>
      </c>
    </row>
    <row r="7963" spans="4:5" x14ac:dyDescent="0.25">
      <c r="D7963" s="6">
        <v>2734.8850000000002</v>
      </c>
      <c r="E7963" s="6">
        <v>4842.3249999999998</v>
      </c>
    </row>
    <row r="7964" spans="4:5" x14ac:dyDescent="0.25">
      <c r="D7964" s="6">
        <v>3836.6030000000001</v>
      </c>
      <c r="E7964" s="6">
        <v>897.61059999999998</v>
      </c>
    </row>
    <row r="7965" spans="4:5" x14ac:dyDescent="0.25">
      <c r="D7965" s="6">
        <v>798.97879999999998</v>
      </c>
      <c r="E7965" s="6">
        <v>1419.528</v>
      </c>
    </row>
    <row r="7966" spans="4:5" x14ac:dyDescent="0.25">
      <c r="D7966" s="6">
        <v>2599.3850000000002</v>
      </c>
      <c r="E7966" s="6">
        <v>1072.0530000000001</v>
      </c>
    </row>
    <row r="7967" spans="4:5" x14ac:dyDescent="0.25">
      <c r="D7967" s="6">
        <v>5413.2110000000002</v>
      </c>
      <c r="E7967" s="6">
        <v>552.84900000000005</v>
      </c>
    </row>
    <row r="7968" spans="4:5" x14ac:dyDescent="0.25">
      <c r="D7968" s="6">
        <v>718.09870000000001</v>
      </c>
      <c r="E7968" s="6">
        <v>604.07690000000002</v>
      </c>
    </row>
    <row r="7969" spans="4:5" x14ac:dyDescent="0.25">
      <c r="D7969" s="6">
        <v>630.08569999999997</v>
      </c>
      <c r="E7969" s="6">
        <v>3850.6179999999999</v>
      </c>
    </row>
    <row r="7970" spans="4:5" x14ac:dyDescent="0.25">
      <c r="D7970" s="6">
        <v>4688.3500000000004</v>
      </c>
      <c r="E7970" s="6">
        <v>3485.1260000000002</v>
      </c>
    </row>
    <row r="7971" spans="4:5" x14ac:dyDescent="0.25">
      <c r="D7971" s="6">
        <v>3529.6509999999998</v>
      </c>
      <c r="E7971" s="6">
        <v>420.90140000000002</v>
      </c>
    </row>
    <row r="7972" spans="4:5" x14ac:dyDescent="0.25">
      <c r="D7972" s="6">
        <v>663.16150000000005</v>
      </c>
      <c r="E7972" s="6">
        <v>594.09429999999998</v>
      </c>
    </row>
    <row r="7973" spans="4:5" x14ac:dyDescent="0.25">
      <c r="D7973" s="6">
        <v>383.72390000000001</v>
      </c>
      <c r="E7973" s="6">
        <v>611.26930000000004</v>
      </c>
    </row>
    <row r="7974" spans="4:5" x14ac:dyDescent="0.25">
      <c r="D7974" s="6">
        <v>583.30679999999995</v>
      </c>
      <c r="E7974" s="6">
        <v>563.71900000000005</v>
      </c>
    </row>
    <row r="7975" spans="4:5" x14ac:dyDescent="0.25">
      <c r="D7975" s="6">
        <v>1035.7719999999999</v>
      </c>
      <c r="E7975" s="6">
        <v>3116.192</v>
      </c>
    </row>
    <row r="7976" spans="4:5" x14ac:dyDescent="0.25">
      <c r="D7976" s="6">
        <v>606.77779999999996</v>
      </c>
      <c r="E7976" s="6">
        <v>798.31859999999995</v>
      </c>
    </row>
    <row r="7977" spans="4:5" x14ac:dyDescent="0.25">
      <c r="D7977" s="6">
        <v>1109</v>
      </c>
      <c r="E7977" s="6">
        <v>630.10919999999999</v>
      </c>
    </row>
    <row r="7978" spans="4:5" x14ac:dyDescent="0.25">
      <c r="D7978" s="6">
        <v>5725.0379999999996</v>
      </c>
      <c r="E7978" s="6">
        <v>729.97559999999999</v>
      </c>
    </row>
    <row r="7979" spans="4:5" x14ac:dyDescent="0.25">
      <c r="D7979" s="6">
        <v>2058.4650000000001</v>
      </c>
      <c r="E7979" s="6">
        <v>626.01800000000003</v>
      </c>
    </row>
    <row r="7980" spans="4:5" x14ac:dyDescent="0.25">
      <c r="D7980" s="6">
        <v>976.64890000000003</v>
      </c>
      <c r="E7980" s="6">
        <v>591.93640000000005</v>
      </c>
    </row>
    <row r="7981" spans="4:5" x14ac:dyDescent="0.25">
      <c r="D7981" s="6">
        <v>718.45219999999995</v>
      </c>
      <c r="E7981" s="6">
        <v>1560.1780000000001</v>
      </c>
    </row>
    <row r="7982" spans="4:5" x14ac:dyDescent="0.25">
      <c r="D7982" s="6">
        <v>601.70079999999996</v>
      </c>
      <c r="E7982" s="6">
        <v>1227.2370000000001</v>
      </c>
    </row>
    <row r="7983" spans="4:5" x14ac:dyDescent="0.25">
      <c r="D7983" s="6">
        <v>1191.2829999999999</v>
      </c>
      <c r="E7983" s="6">
        <v>1109.921</v>
      </c>
    </row>
    <row r="7984" spans="4:5" x14ac:dyDescent="0.25">
      <c r="D7984" s="6">
        <v>644.51729999999998</v>
      </c>
      <c r="E7984" s="6">
        <v>736.72550000000001</v>
      </c>
    </row>
    <row r="7985" spans="4:5" x14ac:dyDescent="0.25">
      <c r="D7985" s="6">
        <v>7322.5219999999999</v>
      </c>
      <c r="E7985" s="6">
        <v>521.15170000000001</v>
      </c>
    </row>
    <row r="7986" spans="4:5" x14ac:dyDescent="0.25">
      <c r="D7986" s="6">
        <v>596.15509999999995</v>
      </c>
      <c r="E7986" s="6">
        <v>523.83219999999994</v>
      </c>
    </row>
    <row r="7987" spans="4:5" x14ac:dyDescent="0.25">
      <c r="D7987" s="6">
        <v>4851.6459999999997</v>
      </c>
      <c r="E7987" s="6">
        <v>517.67039999999997</v>
      </c>
    </row>
    <row r="7988" spans="4:5" x14ac:dyDescent="0.25">
      <c r="D7988" s="6">
        <v>603.50289999999995</v>
      </c>
      <c r="E7988" s="6">
        <v>558.29729999999995</v>
      </c>
    </row>
    <row r="7989" spans="4:5" x14ac:dyDescent="0.25">
      <c r="D7989" s="6">
        <v>633.14170000000001</v>
      </c>
      <c r="E7989" s="6">
        <v>1698.1949999999999</v>
      </c>
    </row>
    <row r="7990" spans="4:5" x14ac:dyDescent="0.25">
      <c r="D7990" s="6">
        <v>6703.4570000000003</v>
      </c>
      <c r="E7990" s="6">
        <v>1866.579</v>
      </c>
    </row>
    <row r="7991" spans="4:5" x14ac:dyDescent="0.25">
      <c r="D7991" s="6">
        <v>5127.5559999999996</v>
      </c>
      <c r="E7991" s="6">
        <v>1194.4390000000001</v>
      </c>
    </row>
    <row r="7992" spans="4:5" x14ac:dyDescent="0.25">
      <c r="D7992" s="6">
        <v>452.9511</v>
      </c>
      <c r="E7992" s="6">
        <v>4254.7740000000003</v>
      </c>
    </row>
    <row r="7993" spans="4:5" x14ac:dyDescent="0.25">
      <c r="D7993" s="6">
        <v>507.38069999999999</v>
      </c>
      <c r="E7993" s="6">
        <v>547.32429999999999</v>
      </c>
    </row>
    <row r="7994" spans="4:5" x14ac:dyDescent="0.25">
      <c r="D7994" s="6">
        <v>557.74940000000004</v>
      </c>
      <c r="E7994" s="6">
        <v>3442.0909999999999</v>
      </c>
    </row>
    <row r="7995" spans="4:5" x14ac:dyDescent="0.25">
      <c r="D7995" s="6">
        <v>721.22159999999997</v>
      </c>
      <c r="E7995" s="6">
        <v>655.25900000000001</v>
      </c>
    </row>
    <row r="7996" spans="4:5" x14ac:dyDescent="0.25">
      <c r="D7996" s="6">
        <v>8525.3359999999993</v>
      </c>
      <c r="E7996" s="6">
        <v>3421.9470000000001</v>
      </c>
    </row>
    <row r="7997" spans="4:5" x14ac:dyDescent="0.25">
      <c r="D7997" s="6">
        <v>4283.009</v>
      </c>
      <c r="E7997" s="6">
        <v>1084.2329999999999</v>
      </c>
    </row>
    <row r="7998" spans="4:5" x14ac:dyDescent="0.25">
      <c r="D7998" s="6">
        <v>5024.5990000000002</v>
      </c>
      <c r="E7998" s="6">
        <v>3270.8910000000001</v>
      </c>
    </row>
    <row r="7999" spans="4:5" x14ac:dyDescent="0.25">
      <c r="D7999" s="6">
        <v>603.59410000000003</v>
      </c>
      <c r="E7999" s="6">
        <v>1143.441</v>
      </c>
    </row>
    <row r="8000" spans="4:5" x14ac:dyDescent="0.25">
      <c r="D8000" s="6">
        <v>676.58150000000001</v>
      </c>
      <c r="E8000" s="6">
        <v>718.95439999999996</v>
      </c>
    </row>
    <row r="8001" spans="4:5" x14ac:dyDescent="0.25">
      <c r="D8001" s="6">
        <v>564.88679999999999</v>
      </c>
      <c r="E8001" s="6">
        <v>679.37800000000004</v>
      </c>
    </row>
    <row r="8002" spans="4:5" x14ac:dyDescent="0.25">
      <c r="D8002" s="6">
        <v>7819.9750000000004</v>
      </c>
      <c r="E8002" s="6">
        <v>2686.2620000000002</v>
      </c>
    </row>
    <row r="8003" spans="4:5" x14ac:dyDescent="0.25">
      <c r="D8003" s="6">
        <v>736.37609999999995</v>
      </c>
      <c r="E8003" s="6">
        <v>2543.299</v>
      </c>
    </row>
    <row r="8004" spans="4:5" x14ac:dyDescent="0.25">
      <c r="D8004" s="6">
        <v>668.01459999999997</v>
      </c>
      <c r="E8004" s="6">
        <v>1156.6980000000001</v>
      </c>
    </row>
    <row r="8005" spans="4:5" x14ac:dyDescent="0.25">
      <c r="D8005" s="6">
        <v>7160.9170000000004</v>
      </c>
      <c r="E8005" s="6">
        <v>2087.183</v>
      </c>
    </row>
    <row r="8006" spans="4:5" x14ac:dyDescent="0.25">
      <c r="D8006" s="6">
        <v>1690.1120000000001</v>
      </c>
      <c r="E8006" s="6">
        <v>659.60490000000004</v>
      </c>
    </row>
    <row r="8007" spans="4:5" x14ac:dyDescent="0.25">
      <c r="D8007" s="6">
        <v>820.8999</v>
      </c>
      <c r="E8007" s="6">
        <v>1587.442</v>
      </c>
    </row>
    <row r="8008" spans="4:5" x14ac:dyDescent="0.25">
      <c r="D8008" s="6">
        <v>793.2278</v>
      </c>
      <c r="E8008" s="6">
        <v>719.71730000000002</v>
      </c>
    </row>
    <row r="8009" spans="4:5" x14ac:dyDescent="0.25">
      <c r="D8009" s="6">
        <v>625.03599999999994</v>
      </c>
      <c r="E8009" s="6">
        <v>828.70230000000004</v>
      </c>
    </row>
    <row r="8010" spans="4:5" x14ac:dyDescent="0.25">
      <c r="D8010" s="6">
        <v>1326.646</v>
      </c>
      <c r="E8010" s="6">
        <v>2020.6210000000001</v>
      </c>
    </row>
    <row r="8011" spans="4:5" x14ac:dyDescent="0.25">
      <c r="D8011" s="6">
        <v>4199.3329999999996</v>
      </c>
      <c r="E8011" s="6">
        <v>4264.7830000000004</v>
      </c>
    </row>
    <row r="8012" spans="4:5" x14ac:dyDescent="0.25">
      <c r="D8012" s="6">
        <v>7036.8320000000003</v>
      </c>
      <c r="E8012" s="6">
        <v>561.49990000000003</v>
      </c>
    </row>
    <row r="8013" spans="4:5" x14ac:dyDescent="0.25">
      <c r="D8013" s="6">
        <v>1495.59</v>
      </c>
      <c r="E8013" s="6">
        <v>627.48180000000002</v>
      </c>
    </row>
    <row r="8014" spans="4:5" x14ac:dyDescent="0.25">
      <c r="D8014" s="6">
        <v>545.91179999999997</v>
      </c>
      <c r="E8014" s="6">
        <v>582.88229999999999</v>
      </c>
    </row>
    <row r="8015" spans="4:5" x14ac:dyDescent="0.25">
      <c r="D8015" s="6">
        <v>1224.067</v>
      </c>
      <c r="E8015" s="6">
        <v>518.90890000000002</v>
      </c>
    </row>
    <row r="8016" spans="4:5" x14ac:dyDescent="0.25">
      <c r="D8016" s="6">
        <v>579.01409999999998</v>
      </c>
      <c r="E8016" s="6">
        <v>2701.5639999999999</v>
      </c>
    </row>
    <row r="8017" spans="4:5" x14ac:dyDescent="0.25">
      <c r="D8017" s="6">
        <v>697.65099999999995</v>
      </c>
      <c r="E8017" s="6">
        <v>452.68090000000001</v>
      </c>
    </row>
    <row r="8018" spans="4:5" x14ac:dyDescent="0.25">
      <c r="D8018" s="6">
        <v>638.80399999999997</v>
      </c>
      <c r="E8018" s="6">
        <v>488.57499999999999</v>
      </c>
    </row>
    <row r="8019" spans="4:5" x14ac:dyDescent="0.25">
      <c r="D8019" s="6">
        <v>174.10489999999999</v>
      </c>
      <c r="E8019" s="6">
        <v>828.76819999999998</v>
      </c>
    </row>
    <row r="8020" spans="4:5" x14ac:dyDescent="0.25">
      <c r="D8020" s="6">
        <v>1582.953</v>
      </c>
      <c r="E8020" s="6">
        <v>606.19209999999998</v>
      </c>
    </row>
    <row r="8021" spans="4:5" x14ac:dyDescent="0.25">
      <c r="D8021" s="6">
        <v>520.70050000000003</v>
      </c>
      <c r="E8021" s="6">
        <v>4570.9639999999999</v>
      </c>
    </row>
    <row r="8022" spans="4:5" x14ac:dyDescent="0.25">
      <c r="D8022" s="6">
        <v>755.35209999999995</v>
      </c>
      <c r="E8022" s="6">
        <v>470.23219999999998</v>
      </c>
    </row>
    <row r="8023" spans="4:5" x14ac:dyDescent="0.25">
      <c r="D8023" s="6">
        <v>604.68679999999995</v>
      </c>
      <c r="E8023" s="6">
        <v>6341.2749999999996</v>
      </c>
    </row>
    <row r="8024" spans="4:5" x14ac:dyDescent="0.25">
      <c r="D8024" s="6">
        <v>785.35260000000005</v>
      </c>
      <c r="E8024" s="6">
        <v>869.42719999999997</v>
      </c>
    </row>
    <row r="8025" spans="4:5" x14ac:dyDescent="0.25">
      <c r="D8025" s="6">
        <v>764.00649999999996</v>
      </c>
      <c r="E8025" s="6">
        <v>566.01229999999998</v>
      </c>
    </row>
    <row r="8026" spans="4:5" x14ac:dyDescent="0.25">
      <c r="D8026" s="6">
        <v>853.90639999999996</v>
      </c>
      <c r="E8026" s="6">
        <v>853.14099999999996</v>
      </c>
    </row>
    <row r="8027" spans="4:5" x14ac:dyDescent="0.25">
      <c r="D8027" s="6">
        <v>656.49310000000003</v>
      </c>
      <c r="E8027" s="6">
        <v>3655.5990000000002</v>
      </c>
    </row>
    <row r="8028" spans="4:5" x14ac:dyDescent="0.25">
      <c r="D8028" s="6">
        <v>8233.2340000000004</v>
      </c>
      <c r="E8028" s="6">
        <v>1302.328</v>
      </c>
    </row>
    <row r="8029" spans="4:5" x14ac:dyDescent="0.25">
      <c r="D8029" s="6">
        <v>543.88199999999995</v>
      </c>
      <c r="E8029" s="6">
        <v>4573.2700000000004</v>
      </c>
    </row>
    <row r="8030" spans="4:5" x14ac:dyDescent="0.25">
      <c r="D8030" s="6">
        <v>600.76689999999996</v>
      </c>
      <c r="E8030" s="6">
        <v>1994.828</v>
      </c>
    </row>
    <row r="8031" spans="4:5" x14ac:dyDescent="0.25">
      <c r="D8031" s="6">
        <v>7409.7489999999998</v>
      </c>
      <c r="E8031" s="6">
        <v>889.19380000000001</v>
      </c>
    </row>
    <row r="8032" spans="4:5" x14ac:dyDescent="0.25">
      <c r="D8032" s="6">
        <v>5419.4049999999997</v>
      </c>
      <c r="E8032" s="6">
        <v>4107.2</v>
      </c>
    </row>
    <row r="8033" spans="4:5" x14ac:dyDescent="0.25">
      <c r="D8033" s="6">
        <v>642.50599999999997</v>
      </c>
      <c r="E8033" s="6">
        <v>1022.154</v>
      </c>
    </row>
    <row r="8034" spans="4:5" x14ac:dyDescent="0.25">
      <c r="D8034" s="6">
        <v>718.94460000000004</v>
      </c>
      <c r="E8034" s="6">
        <v>753.96900000000005</v>
      </c>
    </row>
    <row r="8035" spans="4:5" x14ac:dyDescent="0.25">
      <c r="D8035" s="6">
        <v>3413.6550000000002</v>
      </c>
      <c r="E8035" s="6">
        <v>3637.3220000000001</v>
      </c>
    </row>
    <row r="8036" spans="4:5" x14ac:dyDescent="0.25">
      <c r="D8036" s="6">
        <v>1164.45</v>
      </c>
      <c r="E8036" s="6">
        <v>584.05229999999995</v>
      </c>
    </row>
    <row r="8037" spans="4:5" x14ac:dyDescent="0.25">
      <c r="D8037" s="6">
        <v>637.5308</v>
      </c>
      <c r="E8037" s="6">
        <v>629.44979999999998</v>
      </c>
    </row>
    <row r="8038" spans="4:5" x14ac:dyDescent="0.25">
      <c r="D8038" s="6">
        <v>9052.2900000000009</v>
      </c>
      <c r="E8038" s="6">
        <v>580.89940000000001</v>
      </c>
    </row>
    <row r="8039" spans="4:5" x14ac:dyDescent="0.25">
      <c r="D8039" s="6">
        <v>1093.8910000000001</v>
      </c>
      <c r="E8039" s="6">
        <v>615.08169999999996</v>
      </c>
    </row>
    <row r="8040" spans="4:5" x14ac:dyDescent="0.25">
      <c r="D8040" s="6">
        <v>4397.1009999999997</v>
      </c>
      <c r="E8040" s="6">
        <v>1162.3230000000001</v>
      </c>
    </row>
    <row r="8041" spans="4:5" x14ac:dyDescent="0.25">
      <c r="D8041" s="6">
        <v>2077.3829999999998</v>
      </c>
      <c r="E8041" s="6">
        <v>589.48500000000001</v>
      </c>
    </row>
    <row r="8042" spans="4:5" x14ac:dyDescent="0.25">
      <c r="D8042" s="6">
        <v>7458.5990000000002</v>
      </c>
      <c r="E8042" s="6">
        <v>1363.0160000000001</v>
      </c>
    </row>
    <row r="8043" spans="4:5" x14ac:dyDescent="0.25">
      <c r="D8043" s="6">
        <v>1745.597</v>
      </c>
      <c r="E8043" s="6">
        <v>545.99620000000004</v>
      </c>
    </row>
    <row r="8044" spans="4:5" x14ac:dyDescent="0.25">
      <c r="D8044" s="6">
        <v>1625.75</v>
      </c>
      <c r="E8044" s="6">
        <v>614.88319999999999</v>
      </c>
    </row>
    <row r="8045" spans="4:5" x14ac:dyDescent="0.25">
      <c r="D8045" s="6">
        <v>520.46379999999999</v>
      </c>
      <c r="E8045" s="6">
        <v>666.29430000000002</v>
      </c>
    </row>
    <row r="8046" spans="4:5" x14ac:dyDescent="0.25">
      <c r="D8046" s="6">
        <v>472.72</v>
      </c>
      <c r="E8046" s="6">
        <v>656.46540000000005</v>
      </c>
    </row>
    <row r="8047" spans="4:5" x14ac:dyDescent="0.25">
      <c r="D8047" s="6">
        <v>1174.29</v>
      </c>
      <c r="E8047" s="6">
        <v>2897.11</v>
      </c>
    </row>
    <row r="8048" spans="4:5" x14ac:dyDescent="0.25">
      <c r="D8048" s="6">
        <v>8609.8870000000006</v>
      </c>
      <c r="E8048" s="6">
        <v>1291.423</v>
      </c>
    </row>
    <row r="8049" spans="4:5" x14ac:dyDescent="0.25">
      <c r="D8049" s="6">
        <v>4672.0360000000001</v>
      </c>
      <c r="E8049" s="6">
        <v>3530.95</v>
      </c>
    </row>
    <row r="8050" spans="4:5" x14ac:dyDescent="0.25">
      <c r="D8050" s="6">
        <v>1382.462</v>
      </c>
      <c r="E8050" s="6">
        <v>1128.0440000000001</v>
      </c>
    </row>
    <row r="8051" spans="4:5" x14ac:dyDescent="0.25">
      <c r="D8051" s="6">
        <v>1473.8910000000001</v>
      </c>
      <c r="E8051" s="6">
        <v>788.125</v>
      </c>
    </row>
    <row r="8052" spans="4:5" x14ac:dyDescent="0.25">
      <c r="D8052" s="6">
        <v>6764.0680000000002</v>
      </c>
      <c r="E8052" s="6">
        <v>383.48930000000001</v>
      </c>
    </row>
    <row r="8053" spans="4:5" x14ac:dyDescent="0.25">
      <c r="D8053" s="6">
        <v>698.51769999999999</v>
      </c>
      <c r="E8053" s="6">
        <v>608.97439999999995</v>
      </c>
    </row>
    <row r="8054" spans="4:5" x14ac:dyDescent="0.25">
      <c r="D8054" s="6">
        <v>5867.11</v>
      </c>
      <c r="E8054" s="6">
        <v>2632.12</v>
      </c>
    </row>
    <row r="8055" spans="4:5" x14ac:dyDescent="0.25">
      <c r="D8055" s="6">
        <v>496.32830000000001</v>
      </c>
      <c r="E8055" s="6">
        <v>4034</v>
      </c>
    </row>
    <row r="8056" spans="4:5" x14ac:dyDescent="0.25">
      <c r="D8056" s="6">
        <v>788.30849999999998</v>
      </c>
      <c r="E8056" s="6">
        <v>1281.182</v>
      </c>
    </row>
    <row r="8057" spans="4:5" x14ac:dyDescent="0.25">
      <c r="D8057" s="6">
        <v>4156.4669999999996</v>
      </c>
      <c r="E8057" s="6">
        <v>565.13580000000002</v>
      </c>
    </row>
    <row r="8058" spans="4:5" x14ac:dyDescent="0.25">
      <c r="D8058" s="6">
        <v>6418.165</v>
      </c>
      <c r="E8058" s="6">
        <v>3608.527</v>
      </c>
    </row>
    <row r="8059" spans="4:5" x14ac:dyDescent="0.25">
      <c r="D8059" s="6">
        <v>587.32270000000005</v>
      </c>
      <c r="E8059" s="6">
        <v>616.05420000000004</v>
      </c>
    </row>
    <row r="8060" spans="4:5" x14ac:dyDescent="0.25">
      <c r="D8060" s="6">
        <v>732.97249999999997</v>
      </c>
      <c r="E8060" s="6">
        <v>2506.4189999999999</v>
      </c>
    </row>
    <row r="8061" spans="4:5" x14ac:dyDescent="0.25">
      <c r="D8061" s="6">
        <v>746.94780000000003</v>
      </c>
      <c r="E8061" s="6">
        <v>3104.5880000000002</v>
      </c>
    </row>
    <row r="8062" spans="4:5" x14ac:dyDescent="0.25">
      <c r="D8062" s="6">
        <v>953.2672</v>
      </c>
      <c r="E8062" s="6">
        <v>428.625</v>
      </c>
    </row>
    <row r="8063" spans="4:5" x14ac:dyDescent="0.25">
      <c r="D8063" s="6">
        <v>1175.029</v>
      </c>
      <c r="E8063" s="6">
        <v>3189.2420000000002</v>
      </c>
    </row>
    <row r="8064" spans="4:5" x14ac:dyDescent="0.25">
      <c r="D8064" s="6">
        <v>861.84010000000001</v>
      </c>
      <c r="E8064" s="6">
        <v>480.1139</v>
      </c>
    </row>
    <row r="8065" spans="4:5" x14ac:dyDescent="0.25">
      <c r="D8065" s="6">
        <v>421.0729</v>
      </c>
      <c r="E8065" s="6">
        <v>3706.8249999999998</v>
      </c>
    </row>
    <row r="8066" spans="4:5" x14ac:dyDescent="0.25">
      <c r="D8066" s="6">
        <v>3721.15</v>
      </c>
      <c r="E8066" s="6">
        <v>691.64089999999999</v>
      </c>
    </row>
    <row r="8067" spans="4:5" x14ac:dyDescent="0.25">
      <c r="D8067" s="6">
        <v>5916.3280000000004</v>
      </c>
      <c r="E8067" s="6">
        <v>630.39980000000003</v>
      </c>
    </row>
    <row r="8068" spans="4:5" x14ac:dyDescent="0.25">
      <c r="D8068" s="6">
        <v>584.23310000000004</v>
      </c>
      <c r="E8068" s="6">
        <v>3365.7739999999999</v>
      </c>
    </row>
    <row r="8069" spans="4:5" x14ac:dyDescent="0.25">
      <c r="D8069" s="6">
        <v>837.44150000000002</v>
      </c>
      <c r="E8069" s="6">
        <v>1255.144</v>
      </c>
    </row>
    <row r="8070" spans="4:5" x14ac:dyDescent="0.25">
      <c r="D8070" s="6">
        <v>1222.0229999999999</v>
      </c>
      <c r="E8070" s="6">
        <v>537.36760000000004</v>
      </c>
    </row>
    <row r="8071" spans="4:5" x14ac:dyDescent="0.25">
      <c r="D8071" s="6">
        <v>637.45079999999996</v>
      </c>
      <c r="E8071" s="6">
        <v>691.66030000000001</v>
      </c>
    </row>
    <row r="8072" spans="4:5" x14ac:dyDescent="0.25">
      <c r="D8072" s="6">
        <v>4905.0860000000002</v>
      </c>
      <c r="E8072" s="6">
        <v>555.6771</v>
      </c>
    </row>
    <row r="8073" spans="4:5" x14ac:dyDescent="0.25">
      <c r="D8073" s="6">
        <v>7488.1180000000004</v>
      </c>
      <c r="E8073" s="6">
        <v>3070.3989999999999</v>
      </c>
    </row>
    <row r="8074" spans="4:5" x14ac:dyDescent="0.25">
      <c r="D8074" s="6">
        <v>575.11900000000003</v>
      </c>
      <c r="E8074" s="6">
        <v>1277.123</v>
      </c>
    </row>
    <row r="8075" spans="4:5" x14ac:dyDescent="0.25">
      <c r="D8075" s="6">
        <v>6563.3320000000003</v>
      </c>
      <c r="E8075" s="6">
        <v>5009.1729999999998</v>
      </c>
    </row>
    <row r="8076" spans="4:5" x14ac:dyDescent="0.25">
      <c r="D8076" s="6">
        <v>762.47329999999999</v>
      </c>
      <c r="E8076" s="6">
        <v>581.23490000000004</v>
      </c>
    </row>
    <row r="8077" spans="4:5" x14ac:dyDescent="0.25">
      <c r="D8077" s="6">
        <v>723.50099999999998</v>
      </c>
      <c r="E8077" s="6">
        <v>1342.076</v>
      </c>
    </row>
    <row r="8078" spans="4:5" x14ac:dyDescent="0.25">
      <c r="D8078" s="6">
        <v>5145.3869999999997</v>
      </c>
      <c r="E8078" s="6">
        <v>489.36869999999999</v>
      </c>
    </row>
    <row r="8079" spans="4:5" x14ac:dyDescent="0.25">
      <c r="D8079" s="6">
        <v>570.75739999999996</v>
      </c>
      <c r="E8079" s="6">
        <v>5026.8670000000002</v>
      </c>
    </row>
    <row r="8080" spans="4:5" x14ac:dyDescent="0.25">
      <c r="D8080" s="6">
        <v>788.72969999999998</v>
      </c>
      <c r="E8080" s="6">
        <v>4416.2669999999998</v>
      </c>
    </row>
    <row r="8081" spans="4:5" x14ac:dyDescent="0.25">
      <c r="D8081" s="6">
        <v>2377.2249999999999</v>
      </c>
      <c r="E8081" s="6">
        <v>2104.6489999999999</v>
      </c>
    </row>
    <row r="8082" spans="4:5" x14ac:dyDescent="0.25">
      <c r="D8082" s="6">
        <v>503.0677</v>
      </c>
      <c r="E8082" s="6">
        <v>1873.596</v>
      </c>
    </row>
    <row r="8083" spans="4:5" x14ac:dyDescent="0.25">
      <c r="D8083" s="6">
        <v>960</v>
      </c>
      <c r="E8083" s="6">
        <v>8900.1190000000006</v>
      </c>
    </row>
    <row r="8084" spans="4:5" x14ac:dyDescent="0.25">
      <c r="D8084" s="6">
        <v>5431</v>
      </c>
      <c r="E8084" s="6">
        <v>1931.722</v>
      </c>
    </row>
    <row r="8085" spans="4:5" x14ac:dyDescent="0.25">
      <c r="D8085" s="6">
        <v>3388.165</v>
      </c>
      <c r="E8085" s="6">
        <v>862.16549999999995</v>
      </c>
    </row>
    <row r="8086" spans="4:5" x14ac:dyDescent="0.25">
      <c r="D8086" s="6">
        <v>589.66039999999998</v>
      </c>
      <c r="E8086" s="6">
        <v>1183.365</v>
      </c>
    </row>
    <row r="8087" spans="4:5" x14ac:dyDescent="0.25">
      <c r="D8087" s="6">
        <v>371.125</v>
      </c>
      <c r="E8087" s="6">
        <v>674.75540000000001</v>
      </c>
    </row>
    <row r="8088" spans="4:5" x14ac:dyDescent="0.25">
      <c r="D8088" s="6">
        <v>728.65520000000004</v>
      </c>
      <c r="E8088" s="6">
        <v>1226.9390000000001</v>
      </c>
    </row>
    <row r="8089" spans="4:5" x14ac:dyDescent="0.25">
      <c r="D8089" s="6">
        <v>788.25490000000002</v>
      </c>
      <c r="E8089" s="6">
        <v>558.54629999999997</v>
      </c>
    </row>
    <row r="8090" spans="4:5" x14ac:dyDescent="0.25">
      <c r="D8090" s="6">
        <v>915.75630000000001</v>
      </c>
      <c r="E8090" s="6">
        <v>3555.6669999999999</v>
      </c>
    </row>
    <row r="8091" spans="4:5" x14ac:dyDescent="0.25">
      <c r="D8091" s="6">
        <v>1472.539</v>
      </c>
      <c r="E8091" s="6">
        <v>410.45670000000001</v>
      </c>
    </row>
    <row r="8092" spans="4:5" x14ac:dyDescent="0.25">
      <c r="D8092" s="6">
        <v>512.58939999999996</v>
      </c>
      <c r="E8092" s="6">
        <v>2428.261</v>
      </c>
    </row>
    <row r="8093" spans="4:5" x14ac:dyDescent="0.25">
      <c r="D8093" s="6">
        <v>698.18849999999998</v>
      </c>
      <c r="E8093" s="6">
        <v>5051.4219999999996</v>
      </c>
    </row>
    <row r="8094" spans="4:5" x14ac:dyDescent="0.25">
      <c r="D8094" s="6">
        <v>739.78340000000003</v>
      </c>
      <c r="E8094" s="6">
        <v>606.9316</v>
      </c>
    </row>
    <row r="8095" spans="4:5" x14ac:dyDescent="0.25">
      <c r="D8095" s="6">
        <v>596.37400000000002</v>
      </c>
      <c r="E8095" s="6">
        <v>1317.8689999999999</v>
      </c>
    </row>
    <row r="8096" spans="4:5" x14ac:dyDescent="0.25">
      <c r="D8096" s="6">
        <v>1872.4</v>
      </c>
      <c r="E8096" s="6">
        <v>2577.7249999999999</v>
      </c>
    </row>
    <row r="8097" spans="4:5" x14ac:dyDescent="0.25">
      <c r="D8097" s="6">
        <v>673.8</v>
      </c>
      <c r="E8097" s="6">
        <v>3605.0309999999999</v>
      </c>
    </row>
    <row r="8098" spans="4:5" x14ac:dyDescent="0.25">
      <c r="D8098" s="6">
        <v>731.28459999999995</v>
      </c>
      <c r="E8098" s="6">
        <v>524.4058</v>
      </c>
    </row>
    <row r="8099" spans="4:5" x14ac:dyDescent="0.25">
      <c r="D8099" s="6">
        <v>5542.3419999999996</v>
      </c>
      <c r="E8099" s="6">
        <v>595.79660000000001</v>
      </c>
    </row>
    <row r="8100" spans="4:5" x14ac:dyDescent="0.25">
      <c r="D8100" s="6">
        <v>703.94269999999995</v>
      </c>
      <c r="E8100" s="6">
        <v>584.57470000000001</v>
      </c>
    </row>
    <row r="8101" spans="4:5" x14ac:dyDescent="0.25">
      <c r="D8101" s="6">
        <v>751.51599999999996</v>
      </c>
      <c r="E8101" s="6">
        <v>519.20830000000001</v>
      </c>
    </row>
    <row r="8102" spans="4:5" x14ac:dyDescent="0.25">
      <c r="D8102" s="6">
        <v>3674.44</v>
      </c>
      <c r="E8102" s="6">
        <v>612.09590000000003</v>
      </c>
    </row>
    <row r="8103" spans="4:5" x14ac:dyDescent="0.25">
      <c r="D8103" s="6">
        <v>921.60400000000004</v>
      </c>
      <c r="E8103" s="6">
        <v>989.20600000000002</v>
      </c>
    </row>
    <row r="8104" spans="4:5" x14ac:dyDescent="0.25">
      <c r="D8104" s="6">
        <v>704.45500000000004</v>
      </c>
      <c r="E8104" s="6">
        <v>1011.713</v>
      </c>
    </row>
    <row r="8105" spans="4:5" x14ac:dyDescent="0.25">
      <c r="D8105" s="6">
        <v>793.59349999999995</v>
      </c>
      <c r="E8105" s="6">
        <v>732.1585</v>
      </c>
    </row>
    <row r="8106" spans="4:5" x14ac:dyDescent="0.25">
      <c r="D8106" s="6">
        <v>3863.4279999999999</v>
      </c>
      <c r="E8106" s="6">
        <v>594.73199999999997</v>
      </c>
    </row>
    <row r="8107" spans="4:5" x14ac:dyDescent="0.25">
      <c r="D8107" s="6">
        <v>2006.14</v>
      </c>
      <c r="E8107" s="6">
        <v>662.57309999999995</v>
      </c>
    </row>
    <row r="8108" spans="4:5" x14ac:dyDescent="0.25">
      <c r="D8108" s="6">
        <v>1001.586</v>
      </c>
      <c r="E8108" s="6">
        <v>1116.395</v>
      </c>
    </row>
    <row r="8109" spans="4:5" x14ac:dyDescent="0.25">
      <c r="D8109" s="6">
        <v>603.61320000000001</v>
      </c>
      <c r="E8109" s="6">
        <v>941.38940000000002</v>
      </c>
    </row>
    <row r="8110" spans="4:5" x14ac:dyDescent="0.25">
      <c r="D8110" s="6">
        <v>600.74760000000003</v>
      </c>
      <c r="E8110" s="6">
        <v>3954.12</v>
      </c>
    </row>
    <row r="8111" spans="4:5" x14ac:dyDescent="0.25">
      <c r="D8111" s="6">
        <v>740.64290000000005</v>
      </c>
      <c r="E8111" s="6">
        <v>703.35860000000002</v>
      </c>
    </row>
    <row r="8112" spans="4:5" x14ac:dyDescent="0.25">
      <c r="D8112" s="6">
        <v>825.96400000000006</v>
      </c>
      <c r="E8112" s="6">
        <v>1434.7570000000001</v>
      </c>
    </row>
    <row r="8113" spans="4:5" x14ac:dyDescent="0.25">
      <c r="D8113" s="6">
        <v>665.55520000000001</v>
      </c>
      <c r="E8113" s="6">
        <v>728.45569999999998</v>
      </c>
    </row>
    <row r="8114" spans="4:5" x14ac:dyDescent="0.25">
      <c r="D8114" s="6">
        <v>594.19690000000003</v>
      </c>
      <c r="E8114" s="6">
        <v>573.15620000000001</v>
      </c>
    </row>
    <row r="8115" spans="4:5" x14ac:dyDescent="0.25">
      <c r="D8115" s="6">
        <v>798.16790000000003</v>
      </c>
      <c r="E8115" s="6">
        <v>699.22699999999998</v>
      </c>
    </row>
    <row r="8116" spans="4:5" x14ac:dyDescent="0.25">
      <c r="D8116" s="6">
        <v>4272.6279999999997</v>
      </c>
      <c r="E8116" s="6">
        <v>562.24030000000005</v>
      </c>
    </row>
    <row r="8117" spans="4:5" x14ac:dyDescent="0.25">
      <c r="D8117" s="6">
        <v>500.1182</v>
      </c>
      <c r="E8117" s="6">
        <v>1598.316</v>
      </c>
    </row>
    <row r="8118" spans="4:5" x14ac:dyDescent="0.25">
      <c r="D8118" s="6">
        <v>1418.0429999999999</v>
      </c>
      <c r="E8118" s="6">
        <v>662.39589999999998</v>
      </c>
    </row>
    <row r="8119" spans="4:5" x14ac:dyDescent="0.25">
      <c r="D8119" s="6">
        <v>7686.4920000000002</v>
      </c>
      <c r="E8119" s="6">
        <v>9132.8070000000007</v>
      </c>
    </row>
    <row r="8120" spans="4:5" x14ac:dyDescent="0.25">
      <c r="D8120" s="6">
        <v>767.66989999999998</v>
      </c>
      <c r="E8120" s="6">
        <v>3202.74</v>
      </c>
    </row>
    <row r="8121" spans="4:5" x14ac:dyDescent="0.25">
      <c r="D8121" s="6">
        <v>7284.3419999999996</v>
      </c>
      <c r="E8121" s="6">
        <v>574.62530000000004</v>
      </c>
    </row>
    <row r="8122" spans="4:5" x14ac:dyDescent="0.25">
      <c r="D8122" s="6">
        <v>924.18179999999995</v>
      </c>
      <c r="E8122" s="6">
        <v>414.43389999999999</v>
      </c>
    </row>
    <row r="8123" spans="4:5" x14ac:dyDescent="0.25">
      <c r="D8123" s="6">
        <v>820.86360000000002</v>
      </c>
      <c r="E8123" s="6">
        <v>2233.1320000000001</v>
      </c>
    </row>
    <row r="8124" spans="4:5" x14ac:dyDescent="0.25">
      <c r="D8124" s="6">
        <v>920.46159999999998</v>
      </c>
      <c r="E8124" s="6">
        <v>3703.607</v>
      </c>
    </row>
    <row r="8125" spans="4:5" x14ac:dyDescent="0.25">
      <c r="D8125" s="6">
        <v>763.28120000000001</v>
      </c>
      <c r="E8125" s="6">
        <v>621.65409999999997</v>
      </c>
    </row>
    <row r="8126" spans="4:5" x14ac:dyDescent="0.25">
      <c r="D8126" s="6">
        <v>682.28449999999998</v>
      </c>
      <c r="E8126" s="6">
        <v>484.07499999999999</v>
      </c>
    </row>
    <row r="8127" spans="4:5" x14ac:dyDescent="0.25">
      <c r="D8127" s="6">
        <v>587.09190000000001</v>
      </c>
      <c r="E8127" s="6">
        <v>3517.2939999999999</v>
      </c>
    </row>
    <row r="8128" spans="4:5" x14ac:dyDescent="0.25">
      <c r="D8128" s="6">
        <v>6197.9179999999997</v>
      </c>
      <c r="E8128" s="6">
        <v>776</v>
      </c>
    </row>
    <row r="8129" spans="4:5" x14ac:dyDescent="0.25">
      <c r="D8129" s="6">
        <v>1203.1010000000001</v>
      </c>
      <c r="E8129" s="6">
        <v>634.7749</v>
      </c>
    </row>
    <row r="8130" spans="4:5" x14ac:dyDescent="0.25">
      <c r="D8130" s="6">
        <v>8862.9689999999991</v>
      </c>
      <c r="E8130" s="6">
        <v>1506.8340000000001</v>
      </c>
    </row>
    <row r="8131" spans="4:5" x14ac:dyDescent="0.25">
      <c r="D8131" s="6">
        <v>4005.7669999999998</v>
      </c>
      <c r="E8131" s="6">
        <v>2686.6619999999998</v>
      </c>
    </row>
    <row r="8132" spans="4:5" x14ac:dyDescent="0.25">
      <c r="D8132" s="6">
        <v>1027.8610000000001</v>
      </c>
      <c r="E8132" s="6">
        <v>1266.836</v>
      </c>
    </row>
    <row r="8133" spans="4:5" x14ac:dyDescent="0.25">
      <c r="D8133" s="6">
        <v>768.78250000000003</v>
      </c>
      <c r="E8133" s="6">
        <v>588.13520000000005</v>
      </c>
    </row>
    <row r="8134" spans="4:5" x14ac:dyDescent="0.25">
      <c r="D8134" s="6">
        <v>3028.54</v>
      </c>
      <c r="E8134" s="6">
        <v>3983.4859999999999</v>
      </c>
    </row>
    <row r="8135" spans="4:5" x14ac:dyDescent="0.25">
      <c r="D8135" s="6">
        <v>962.32650000000001</v>
      </c>
      <c r="E8135" s="6">
        <v>903.46630000000005</v>
      </c>
    </row>
    <row r="8136" spans="4:5" x14ac:dyDescent="0.25">
      <c r="D8136" s="6">
        <v>6418.5330000000004</v>
      </c>
      <c r="E8136" s="6">
        <v>4459.5780000000004</v>
      </c>
    </row>
    <row r="8137" spans="4:5" x14ac:dyDescent="0.25">
      <c r="D8137" s="6">
        <v>7865.4409999999998</v>
      </c>
      <c r="E8137" s="6">
        <v>3063.1959999999999</v>
      </c>
    </row>
    <row r="8138" spans="4:5" x14ac:dyDescent="0.25">
      <c r="D8138" s="6">
        <v>730.7586</v>
      </c>
      <c r="E8138" s="6">
        <v>533.79250000000002</v>
      </c>
    </row>
    <row r="8139" spans="4:5" x14ac:dyDescent="0.25">
      <c r="D8139" s="6">
        <v>1095.354</v>
      </c>
      <c r="E8139" s="6">
        <v>4438.799</v>
      </c>
    </row>
    <row r="8140" spans="4:5" x14ac:dyDescent="0.25">
      <c r="D8140" s="6">
        <v>517.58119999999997</v>
      </c>
      <c r="E8140" s="6">
        <v>1419.289</v>
      </c>
    </row>
    <row r="8141" spans="4:5" x14ac:dyDescent="0.25">
      <c r="D8141" s="6">
        <v>5274.6350000000002</v>
      </c>
      <c r="E8141" s="6">
        <v>1836.89</v>
      </c>
    </row>
    <row r="8142" spans="4:5" x14ac:dyDescent="0.25">
      <c r="D8142" s="6">
        <v>6359.5370000000003</v>
      </c>
      <c r="E8142" s="6">
        <v>560.09199999999998</v>
      </c>
    </row>
    <row r="8143" spans="4:5" x14ac:dyDescent="0.25">
      <c r="D8143" s="6">
        <v>1004.872</v>
      </c>
      <c r="E8143" s="6">
        <v>1642.1089999999999</v>
      </c>
    </row>
    <row r="8144" spans="4:5" x14ac:dyDescent="0.25">
      <c r="D8144" s="6">
        <v>4969.9309999999996</v>
      </c>
      <c r="E8144" s="6">
        <v>857.2432</v>
      </c>
    </row>
    <row r="8145" spans="4:5" x14ac:dyDescent="0.25">
      <c r="D8145" s="6">
        <v>5999.5510000000004</v>
      </c>
      <c r="E8145" s="6">
        <v>492.5702</v>
      </c>
    </row>
    <row r="8146" spans="4:5" x14ac:dyDescent="0.25">
      <c r="D8146" s="6">
        <v>4045.9760000000001</v>
      </c>
      <c r="E8146" s="6">
        <v>940.83079999999995</v>
      </c>
    </row>
    <row r="8147" spans="4:5" x14ac:dyDescent="0.25">
      <c r="D8147" s="6">
        <v>1179.3230000000001</v>
      </c>
      <c r="E8147" s="6">
        <v>675.7944</v>
      </c>
    </row>
    <row r="8148" spans="4:5" x14ac:dyDescent="0.25">
      <c r="D8148" s="6">
        <v>538</v>
      </c>
      <c r="E8148" s="6">
        <v>617.90390000000002</v>
      </c>
    </row>
    <row r="8149" spans="4:5" x14ac:dyDescent="0.25">
      <c r="D8149" s="6">
        <v>679.63440000000003</v>
      </c>
      <c r="E8149" s="6">
        <v>986.5</v>
      </c>
    </row>
    <row r="8150" spans="4:5" x14ac:dyDescent="0.25">
      <c r="D8150" s="6">
        <v>610.51800000000003</v>
      </c>
      <c r="E8150" s="6">
        <v>509.73680000000002</v>
      </c>
    </row>
    <row r="8151" spans="4:5" x14ac:dyDescent="0.25">
      <c r="D8151" s="6">
        <v>4197.2790000000005</v>
      </c>
      <c r="E8151" s="6">
        <v>974.25360000000001</v>
      </c>
    </row>
    <row r="8152" spans="4:5" x14ac:dyDescent="0.25">
      <c r="D8152" s="6">
        <v>918.07190000000003</v>
      </c>
      <c r="E8152" s="6">
        <v>897.65409999999997</v>
      </c>
    </row>
    <row r="8153" spans="4:5" x14ac:dyDescent="0.25">
      <c r="D8153" s="6">
        <v>1043.5</v>
      </c>
      <c r="E8153" s="6">
        <v>637.91859999999997</v>
      </c>
    </row>
    <row r="8154" spans="4:5" x14ac:dyDescent="0.25">
      <c r="D8154" s="6">
        <v>1304</v>
      </c>
      <c r="E8154" s="6">
        <v>1656.692</v>
      </c>
    </row>
    <row r="8155" spans="4:5" x14ac:dyDescent="0.25">
      <c r="D8155" s="6">
        <v>550.73050000000001</v>
      </c>
      <c r="E8155" s="6">
        <v>3024.692</v>
      </c>
    </row>
    <row r="8156" spans="4:5" x14ac:dyDescent="0.25">
      <c r="D8156" s="6">
        <v>1910.463</v>
      </c>
      <c r="E8156" s="6">
        <v>4532.2510000000002</v>
      </c>
    </row>
    <row r="8157" spans="4:5" x14ac:dyDescent="0.25">
      <c r="D8157" s="6">
        <v>2316.6950000000002</v>
      </c>
      <c r="E8157" s="6">
        <v>652.25</v>
      </c>
    </row>
    <row r="8158" spans="4:5" x14ac:dyDescent="0.25">
      <c r="D8158" s="6">
        <v>5786.1080000000002</v>
      </c>
      <c r="E8158" s="6">
        <v>474.87860000000001</v>
      </c>
    </row>
    <row r="8159" spans="4:5" x14ac:dyDescent="0.25">
      <c r="D8159" s="6">
        <v>1208.944</v>
      </c>
      <c r="E8159" s="6">
        <v>1292.6659999999999</v>
      </c>
    </row>
    <row r="8160" spans="4:5" x14ac:dyDescent="0.25">
      <c r="D8160" s="6">
        <v>2308.306</v>
      </c>
      <c r="E8160" s="6">
        <v>511</v>
      </c>
    </row>
    <row r="8161" spans="4:5" x14ac:dyDescent="0.25">
      <c r="D8161" s="6">
        <v>2724.884</v>
      </c>
      <c r="E8161" s="6">
        <v>922.52269999999999</v>
      </c>
    </row>
    <row r="8162" spans="4:5" x14ac:dyDescent="0.25">
      <c r="D8162" s="6">
        <v>7754.3289999999997</v>
      </c>
      <c r="E8162" s="6">
        <v>485.13290000000001</v>
      </c>
    </row>
    <row r="8163" spans="4:5" x14ac:dyDescent="0.25">
      <c r="D8163" s="6">
        <v>4474.1869999999999</v>
      </c>
      <c r="E8163" s="6">
        <v>3510.9319999999998</v>
      </c>
    </row>
    <row r="8164" spans="4:5" x14ac:dyDescent="0.25">
      <c r="D8164" s="6">
        <v>5544.857</v>
      </c>
      <c r="E8164" s="6">
        <v>419.91140000000001</v>
      </c>
    </row>
    <row r="8165" spans="4:5" x14ac:dyDescent="0.25">
      <c r="D8165" s="6">
        <v>4748.1289999999999</v>
      </c>
      <c r="E8165" s="6">
        <v>1589.8889999999999</v>
      </c>
    </row>
    <row r="8166" spans="4:5" x14ac:dyDescent="0.25">
      <c r="D8166" s="6">
        <v>4915.2539999999999</v>
      </c>
      <c r="E8166" s="6">
        <v>524.34010000000001</v>
      </c>
    </row>
    <row r="8167" spans="4:5" x14ac:dyDescent="0.25">
      <c r="D8167" s="6">
        <v>765.0104</v>
      </c>
      <c r="E8167" s="6">
        <v>591.56439999999998</v>
      </c>
    </row>
    <row r="8168" spans="4:5" x14ac:dyDescent="0.25">
      <c r="D8168" s="6">
        <v>635.55089999999996</v>
      </c>
      <c r="E8168" s="6">
        <v>707.97839999999997</v>
      </c>
    </row>
    <row r="8169" spans="4:5" x14ac:dyDescent="0.25">
      <c r="D8169" s="6">
        <v>709.19150000000002</v>
      </c>
      <c r="E8169" s="6">
        <v>592.86810000000003</v>
      </c>
    </row>
    <row r="8170" spans="4:5" x14ac:dyDescent="0.25">
      <c r="D8170" s="6">
        <v>840.17619999999999</v>
      </c>
      <c r="E8170" s="6">
        <v>1039.251</v>
      </c>
    </row>
    <row r="8171" spans="4:5" x14ac:dyDescent="0.25">
      <c r="D8171" s="6">
        <v>524.13660000000004</v>
      </c>
      <c r="E8171" s="6">
        <v>1748.25</v>
      </c>
    </row>
    <row r="8172" spans="4:5" x14ac:dyDescent="0.25">
      <c r="D8172" s="6">
        <v>625.03890000000001</v>
      </c>
      <c r="E8172" s="6">
        <v>2493.6410000000001</v>
      </c>
    </row>
    <row r="8173" spans="4:5" x14ac:dyDescent="0.25">
      <c r="D8173" s="6">
        <v>6579.3810000000003</v>
      </c>
      <c r="E8173" s="6">
        <v>2097.7959999999998</v>
      </c>
    </row>
    <row r="8174" spans="4:5" x14ac:dyDescent="0.25">
      <c r="D8174" s="6">
        <v>534.12609999999995</v>
      </c>
      <c r="E8174" s="6">
        <v>1280.8119999999999</v>
      </c>
    </row>
    <row r="8175" spans="4:5" x14ac:dyDescent="0.25">
      <c r="D8175" s="6">
        <v>378</v>
      </c>
      <c r="E8175" s="6">
        <v>1268.0429999999999</v>
      </c>
    </row>
    <row r="8176" spans="4:5" x14ac:dyDescent="0.25">
      <c r="D8176" s="6">
        <v>545.63580000000002</v>
      </c>
      <c r="E8176" s="6">
        <v>543.96299999999997</v>
      </c>
    </row>
    <row r="8177" spans="4:5" x14ac:dyDescent="0.25">
      <c r="D8177" s="6">
        <v>595.89059999999995</v>
      </c>
      <c r="E8177" s="6">
        <v>744.87909999999999</v>
      </c>
    </row>
    <row r="8178" spans="4:5" x14ac:dyDescent="0.25">
      <c r="D8178" s="6">
        <v>1908.846</v>
      </c>
      <c r="E8178" s="6">
        <v>616.93939999999998</v>
      </c>
    </row>
    <row r="8179" spans="4:5" x14ac:dyDescent="0.25">
      <c r="D8179" s="6">
        <v>5592.1009999999997</v>
      </c>
      <c r="E8179" s="6">
        <v>593.21669999999995</v>
      </c>
    </row>
    <row r="8180" spans="4:5" x14ac:dyDescent="0.25">
      <c r="D8180" s="6">
        <v>711.5</v>
      </c>
      <c r="E8180" s="6">
        <v>2755.125</v>
      </c>
    </row>
    <row r="8181" spans="4:5" x14ac:dyDescent="0.25">
      <c r="D8181" s="6">
        <v>1932.2860000000001</v>
      </c>
      <c r="E8181" s="6">
        <v>962.25440000000003</v>
      </c>
    </row>
    <row r="8182" spans="4:5" x14ac:dyDescent="0.25">
      <c r="D8182" s="6">
        <v>574.12649999999996</v>
      </c>
      <c r="E8182" s="6">
        <v>579.23389999999995</v>
      </c>
    </row>
    <row r="8183" spans="4:5" x14ac:dyDescent="0.25">
      <c r="D8183" s="6">
        <v>856.87509999999997</v>
      </c>
      <c r="E8183" s="6">
        <v>529.89739999999995</v>
      </c>
    </row>
    <row r="8184" spans="4:5" x14ac:dyDescent="0.25">
      <c r="D8184" s="6">
        <v>719.33569999999997</v>
      </c>
      <c r="E8184" s="6">
        <v>831.20230000000004</v>
      </c>
    </row>
    <row r="8185" spans="4:5" x14ac:dyDescent="0.25">
      <c r="D8185" s="6">
        <v>561.04999999999995</v>
      </c>
      <c r="E8185" s="6">
        <v>441.33260000000001</v>
      </c>
    </row>
    <row r="8186" spans="4:5" x14ac:dyDescent="0.25">
      <c r="D8186" s="6">
        <v>570.29010000000005</v>
      </c>
      <c r="E8186" s="6">
        <v>1703.537</v>
      </c>
    </row>
    <row r="8187" spans="4:5" x14ac:dyDescent="0.25">
      <c r="D8187" s="6">
        <v>3723.723</v>
      </c>
      <c r="E8187" s="6">
        <v>1041.317</v>
      </c>
    </row>
    <row r="8188" spans="4:5" x14ac:dyDescent="0.25">
      <c r="D8188" s="6">
        <v>6123.0780000000004</v>
      </c>
      <c r="E8188" s="6">
        <v>3173.9270000000001</v>
      </c>
    </row>
    <row r="8189" spans="4:5" x14ac:dyDescent="0.25">
      <c r="D8189" s="6">
        <v>688.971</v>
      </c>
      <c r="E8189" s="6">
        <v>5214.442</v>
      </c>
    </row>
    <row r="8190" spans="4:5" x14ac:dyDescent="0.25">
      <c r="D8190" s="6">
        <v>503.83479999999997</v>
      </c>
      <c r="E8190" s="6">
        <v>3775.7869999999998</v>
      </c>
    </row>
    <row r="8191" spans="4:5" x14ac:dyDescent="0.25">
      <c r="D8191" s="6">
        <v>722.38369999999998</v>
      </c>
      <c r="E8191" s="6">
        <v>4018.71</v>
      </c>
    </row>
    <row r="8192" spans="4:5" x14ac:dyDescent="0.25">
      <c r="D8192" s="6">
        <v>684.78070000000002</v>
      </c>
      <c r="E8192" s="6">
        <v>747.03920000000005</v>
      </c>
    </row>
    <row r="8193" spans="4:5" x14ac:dyDescent="0.25">
      <c r="D8193" s="6">
        <v>679.68949999999995</v>
      </c>
      <c r="E8193" s="6">
        <v>3045.7440000000001</v>
      </c>
    </row>
    <row r="8194" spans="4:5" x14ac:dyDescent="0.25">
      <c r="D8194" s="6">
        <v>5165.375</v>
      </c>
      <c r="E8194" s="6">
        <v>558.2645</v>
      </c>
    </row>
    <row r="8195" spans="4:5" x14ac:dyDescent="0.25">
      <c r="D8195" s="6">
        <v>437.6875</v>
      </c>
      <c r="E8195" s="6">
        <v>1173.1980000000001</v>
      </c>
    </row>
    <row r="8196" spans="4:5" x14ac:dyDescent="0.25">
      <c r="D8196" s="6">
        <v>4541.7889999999998</v>
      </c>
      <c r="E8196" s="6">
        <v>1343.1130000000001</v>
      </c>
    </row>
    <row r="8197" spans="4:5" x14ac:dyDescent="0.25">
      <c r="D8197" s="6">
        <v>7265.2740000000003</v>
      </c>
      <c r="E8197" s="6">
        <v>1083.9369999999999</v>
      </c>
    </row>
    <row r="8198" spans="4:5" x14ac:dyDescent="0.25">
      <c r="D8198" s="6">
        <v>3811.558</v>
      </c>
      <c r="E8198" s="6">
        <v>695.88250000000005</v>
      </c>
    </row>
    <row r="8199" spans="4:5" x14ac:dyDescent="0.25">
      <c r="D8199" s="6">
        <v>11126.57</v>
      </c>
      <c r="E8199" s="6">
        <v>686.52890000000002</v>
      </c>
    </row>
    <row r="8200" spans="4:5" x14ac:dyDescent="0.25">
      <c r="D8200" s="6">
        <v>5003.2139999999999</v>
      </c>
      <c r="E8200" s="6">
        <v>2862.6010000000001</v>
      </c>
    </row>
    <row r="8201" spans="4:5" x14ac:dyDescent="0.25">
      <c r="D8201" s="6">
        <v>1787.5329999999999</v>
      </c>
      <c r="E8201" s="6">
        <v>1104.123</v>
      </c>
    </row>
    <row r="8202" spans="4:5" x14ac:dyDescent="0.25">
      <c r="D8202" s="6">
        <v>6718.5050000000001</v>
      </c>
      <c r="E8202" s="6">
        <v>531.34450000000004</v>
      </c>
    </row>
    <row r="8203" spans="4:5" x14ac:dyDescent="0.25">
      <c r="D8203" s="6">
        <v>1796.5070000000001</v>
      </c>
      <c r="E8203" s="6">
        <v>1291.51</v>
      </c>
    </row>
    <row r="8204" spans="4:5" x14ac:dyDescent="0.25">
      <c r="D8204" s="6">
        <v>4620.598</v>
      </c>
      <c r="E8204" s="6">
        <v>446.5385</v>
      </c>
    </row>
    <row r="8205" spans="4:5" x14ac:dyDescent="0.25">
      <c r="D8205" s="6">
        <v>525.85230000000001</v>
      </c>
      <c r="E8205" s="6">
        <v>1409.0219999999999</v>
      </c>
    </row>
    <row r="8206" spans="4:5" x14ac:dyDescent="0.25">
      <c r="D8206" s="6">
        <v>4760.8440000000001</v>
      </c>
      <c r="E8206" s="6">
        <v>667.49239999999998</v>
      </c>
    </row>
    <row r="8207" spans="4:5" x14ac:dyDescent="0.25">
      <c r="D8207" s="6">
        <v>655.74220000000003</v>
      </c>
      <c r="E8207" s="6">
        <v>2101.913</v>
      </c>
    </row>
    <row r="8208" spans="4:5" x14ac:dyDescent="0.25">
      <c r="D8208" s="6">
        <v>484.06180000000001</v>
      </c>
      <c r="E8208" s="6">
        <v>507.70010000000002</v>
      </c>
    </row>
    <row r="8209" spans="4:5" x14ac:dyDescent="0.25">
      <c r="D8209" s="6">
        <v>1300.1279999999999</v>
      </c>
      <c r="E8209" s="6">
        <v>523.04039999999998</v>
      </c>
    </row>
    <row r="8210" spans="4:5" x14ac:dyDescent="0.25">
      <c r="D8210" s="6">
        <v>988.40710000000001</v>
      </c>
      <c r="E8210" s="6">
        <v>4340.8109999999997</v>
      </c>
    </row>
    <row r="8211" spans="4:5" x14ac:dyDescent="0.25">
      <c r="D8211" s="6">
        <v>616.93489999999997</v>
      </c>
      <c r="E8211" s="6">
        <v>622.98940000000005</v>
      </c>
    </row>
    <row r="8212" spans="4:5" x14ac:dyDescent="0.25">
      <c r="D8212" s="6">
        <v>688.04309999999998</v>
      </c>
      <c r="E8212" s="6">
        <v>938.54300000000001</v>
      </c>
    </row>
    <row r="8213" spans="4:5" x14ac:dyDescent="0.25">
      <c r="D8213" s="6">
        <v>827.01369999999997</v>
      </c>
      <c r="E8213" s="6">
        <v>795.40779999999995</v>
      </c>
    </row>
    <row r="8214" spans="4:5" x14ac:dyDescent="0.25">
      <c r="D8214" s="6">
        <v>536.59929999999997</v>
      </c>
      <c r="E8214" s="6">
        <v>1712.4110000000001</v>
      </c>
    </row>
    <row r="8215" spans="4:5" x14ac:dyDescent="0.25">
      <c r="D8215" s="6">
        <v>633.59199999999998</v>
      </c>
      <c r="E8215" s="6">
        <v>3729.6889999999999</v>
      </c>
    </row>
    <row r="8216" spans="4:5" x14ac:dyDescent="0.25">
      <c r="D8216" s="6">
        <v>505.71409999999997</v>
      </c>
      <c r="E8216" s="6">
        <v>1252.0550000000001</v>
      </c>
    </row>
    <row r="8217" spans="4:5" x14ac:dyDescent="0.25">
      <c r="D8217" s="6">
        <v>697.08950000000004</v>
      </c>
      <c r="E8217" s="6">
        <v>2942.2950000000001</v>
      </c>
    </row>
    <row r="8218" spans="4:5" x14ac:dyDescent="0.25">
      <c r="D8218" s="6">
        <v>1008.595</v>
      </c>
      <c r="E8218" s="6">
        <v>1291.8330000000001</v>
      </c>
    </row>
    <row r="8219" spans="4:5" x14ac:dyDescent="0.25">
      <c r="D8219" s="6">
        <v>708.94970000000001</v>
      </c>
      <c r="E8219" s="6">
        <v>744.39229999999998</v>
      </c>
    </row>
    <row r="8220" spans="4:5" x14ac:dyDescent="0.25">
      <c r="D8220" s="6">
        <v>6914.71</v>
      </c>
      <c r="E8220" s="6">
        <v>3304.21</v>
      </c>
    </row>
    <row r="8221" spans="4:5" x14ac:dyDescent="0.25">
      <c r="D8221" s="6">
        <v>1936.787</v>
      </c>
      <c r="E8221" s="6">
        <v>8702.6</v>
      </c>
    </row>
    <row r="8222" spans="4:5" x14ac:dyDescent="0.25">
      <c r="D8222" s="6">
        <v>705.86479999999995</v>
      </c>
      <c r="E8222" s="6">
        <v>4263.6390000000001</v>
      </c>
    </row>
    <row r="8223" spans="4:5" x14ac:dyDescent="0.25">
      <c r="D8223" s="6">
        <v>2527.7950000000001</v>
      </c>
      <c r="E8223" s="6">
        <v>3719.3919999999998</v>
      </c>
    </row>
    <row r="8224" spans="4:5" x14ac:dyDescent="0.25">
      <c r="D8224" s="6">
        <v>1089.4269999999999</v>
      </c>
      <c r="E8224" s="6">
        <v>1012.6950000000001</v>
      </c>
    </row>
    <row r="8225" spans="4:5" x14ac:dyDescent="0.25">
      <c r="D8225" s="6">
        <v>627.18179999999995</v>
      </c>
      <c r="E8225" s="6">
        <v>3183.6619999999998</v>
      </c>
    </row>
    <row r="8226" spans="4:5" x14ac:dyDescent="0.25">
      <c r="D8226" s="6">
        <v>369.2321</v>
      </c>
      <c r="E8226" s="6">
        <v>3923.4540000000002</v>
      </c>
    </row>
    <row r="8227" spans="4:5" x14ac:dyDescent="0.25">
      <c r="D8227" s="6">
        <v>9393.3610000000008</v>
      </c>
      <c r="E8227" s="6">
        <v>863.40890000000002</v>
      </c>
    </row>
    <row r="8228" spans="4:5" x14ac:dyDescent="0.25">
      <c r="D8228" s="6">
        <v>5443.7740000000003</v>
      </c>
      <c r="E8228" s="6">
        <v>579.98940000000005</v>
      </c>
    </row>
    <row r="8229" spans="4:5" x14ac:dyDescent="0.25">
      <c r="D8229" s="6">
        <v>5743.9229999999998</v>
      </c>
      <c r="E8229" s="6">
        <v>665.11080000000004</v>
      </c>
    </row>
    <row r="8230" spans="4:5" x14ac:dyDescent="0.25">
      <c r="D8230" s="6">
        <v>524.5</v>
      </c>
      <c r="E8230" s="6">
        <v>683.06399999999996</v>
      </c>
    </row>
    <row r="8231" spans="4:5" x14ac:dyDescent="0.25">
      <c r="D8231" s="6">
        <v>478.8879</v>
      </c>
      <c r="E8231" s="6">
        <v>933.17629999999997</v>
      </c>
    </row>
    <row r="8232" spans="4:5" x14ac:dyDescent="0.25">
      <c r="D8232" s="6">
        <v>3934.8389999999999</v>
      </c>
      <c r="E8232" s="6">
        <v>765.61149999999998</v>
      </c>
    </row>
    <row r="8233" spans="4:5" x14ac:dyDescent="0.25">
      <c r="D8233" s="6">
        <v>6709.1970000000001</v>
      </c>
      <c r="E8233" s="6">
        <v>2159.877</v>
      </c>
    </row>
    <row r="8234" spans="4:5" x14ac:dyDescent="0.25">
      <c r="D8234" s="6">
        <v>4394.2290000000003</v>
      </c>
      <c r="E8234" s="6">
        <v>598.89880000000005</v>
      </c>
    </row>
    <row r="8235" spans="4:5" x14ac:dyDescent="0.25">
      <c r="D8235" s="6">
        <v>4879.893</v>
      </c>
      <c r="E8235" s="6">
        <v>3467.7640000000001</v>
      </c>
    </row>
    <row r="8236" spans="4:5" x14ac:dyDescent="0.25">
      <c r="D8236" s="6">
        <v>624.28790000000004</v>
      </c>
      <c r="E8236" s="6">
        <v>1250.529</v>
      </c>
    </row>
    <row r="8237" spans="4:5" x14ac:dyDescent="0.25">
      <c r="D8237" s="6">
        <v>606.45699999999999</v>
      </c>
      <c r="E8237" s="6">
        <v>1124.9549999999999</v>
      </c>
    </row>
    <row r="8238" spans="4:5" x14ac:dyDescent="0.25">
      <c r="D8238" s="6">
        <v>1145.213</v>
      </c>
      <c r="E8238" s="6">
        <v>569.99390000000005</v>
      </c>
    </row>
    <row r="8239" spans="4:5" x14ac:dyDescent="0.25">
      <c r="D8239" s="6">
        <v>6364.6930000000002</v>
      </c>
      <c r="E8239" s="6">
        <v>545.9153</v>
      </c>
    </row>
    <row r="8240" spans="4:5" x14ac:dyDescent="0.25">
      <c r="D8240" s="6">
        <v>697.15369999999996</v>
      </c>
      <c r="E8240" s="6">
        <v>591.66369999999995</v>
      </c>
    </row>
    <row r="8241" spans="4:5" x14ac:dyDescent="0.25">
      <c r="D8241" s="6">
        <v>917.78830000000005</v>
      </c>
      <c r="E8241" s="6">
        <v>510.11559999999997</v>
      </c>
    </row>
    <row r="8242" spans="4:5" x14ac:dyDescent="0.25">
      <c r="D8242" s="6">
        <v>773.57140000000004</v>
      </c>
      <c r="E8242" s="6">
        <v>915.52760000000001</v>
      </c>
    </row>
    <row r="8243" spans="4:5" x14ac:dyDescent="0.25">
      <c r="D8243" s="6">
        <v>468.71429999999998</v>
      </c>
      <c r="E8243" s="6">
        <v>1254.71</v>
      </c>
    </row>
    <row r="8244" spans="4:5" x14ac:dyDescent="0.25">
      <c r="D8244" s="6">
        <v>5178.3969999999999</v>
      </c>
      <c r="E8244" s="6">
        <v>604.13480000000004</v>
      </c>
    </row>
    <row r="8245" spans="4:5" x14ac:dyDescent="0.25">
      <c r="D8245" s="6">
        <v>1835.345</v>
      </c>
      <c r="E8245" s="6">
        <v>3896.8960000000002</v>
      </c>
    </row>
    <row r="8246" spans="4:5" x14ac:dyDescent="0.25">
      <c r="D8246" s="6">
        <v>549.32759999999996</v>
      </c>
      <c r="E8246" s="6">
        <v>1835.377</v>
      </c>
    </row>
    <row r="8247" spans="4:5" x14ac:dyDescent="0.25">
      <c r="D8247" s="6">
        <v>416.27929999999998</v>
      </c>
      <c r="E8247" s="6">
        <v>539.52980000000002</v>
      </c>
    </row>
    <row r="8248" spans="4:5" x14ac:dyDescent="0.25">
      <c r="D8248" s="6">
        <v>3025.239</v>
      </c>
      <c r="E8248" s="6">
        <v>837.03700000000003</v>
      </c>
    </row>
    <row r="8249" spans="4:5" x14ac:dyDescent="0.25">
      <c r="D8249" s="6">
        <v>780.81679999999994</v>
      </c>
      <c r="E8249" s="6">
        <v>475.46679999999998</v>
      </c>
    </row>
    <row r="8250" spans="4:5" x14ac:dyDescent="0.25">
      <c r="D8250" s="6">
        <v>930</v>
      </c>
      <c r="E8250" s="6">
        <v>527.18399999999997</v>
      </c>
    </row>
    <row r="8251" spans="4:5" x14ac:dyDescent="0.25">
      <c r="D8251" s="6">
        <v>499.89100000000002</v>
      </c>
      <c r="E8251" s="6">
        <v>600.19110000000001</v>
      </c>
    </row>
    <row r="8252" spans="4:5" x14ac:dyDescent="0.25">
      <c r="D8252" s="6">
        <v>4203.2219999999998</v>
      </c>
      <c r="E8252" s="6">
        <v>487.31270000000001</v>
      </c>
    </row>
    <row r="8253" spans="4:5" x14ac:dyDescent="0.25">
      <c r="D8253" s="6">
        <v>3744.9160000000002</v>
      </c>
      <c r="E8253" s="6">
        <v>571.09749999999997</v>
      </c>
    </row>
    <row r="8254" spans="4:5" x14ac:dyDescent="0.25">
      <c r="D8254" s="6">
        <v>760.09969999999998</v>
      </c>
      <c r="E8254" s="6">
        <v>3871.8119999999999</v>
      </c>
    </row>
    <row r="8255" spans="4:5" x14ac:dyDescent="0.25">
      <c r="D8255" s="6">
        <v>568.44439999999997</v>
      </c>
      <c r="E8255" s="6">
        <v>825.65419999999995</v>
      </c>
    </row>
    <row r="8256" spans="4:5" x14ac:dyDescent="0.25">
      <c r="D8256" s="6">
        <v>751.47820000000002</v>
      </c>
      <c r="E8256" s="6">
        <v>483.2439</v>
      </c>
    </row>
    <row r="8257" spans="4:5" x14ac:dyDescent="0.25">
      <c r="D8257" s="6">
        <v>771.88229999999999</v>
      </c>
      <c r="E8257" s="6">
        <v>566.79380000000003</v>
      </c>
    </row>
    <row r="8258" spans="4:5" x14ac:dyDescent="0.25">
      <c r="D8258" s="6">
        <v>5581.5510000000004</v>
      </c>
      <c r="E8258" s="6">
        <v>1099.32</v>
      </c>
    </row>
    <row r="8259" spans="4:5" x14ac:dyDescent="0.25">
      <c r="D8259" s="6">
        <v>4213.4520000000002</v>
      </c>
      <c r="E8259" s="6">
        <v>674.52660000000003</v>
      </c>
    </row>
    <row r="8260" spans="4:5" x14ac:dyDescent="0.25">
      <c r="D8260" s="6">
        <v>985.41380000000004</v>
      </c>
      <c r="E8260" s="6">
        <v>983.15750000000003</v>
      </c>
    </row>
    <row r="8261" spans="4:5" x14ac:dyDescent="0.25">
      <c r="D8261" s="6">
        <v>6812.1180000000004</v>
      </c>
      <c r="E8261" s="6">
        <v>479.15890000000002</v>
      </c>
    </row>
    <row r="8262" spans="4:5" x14ac:dyDescent="0.25">
      <c r="D8262" s="6">
        <v>5083.57</v>
      </c>
      <c r="E8262" s="6">
        <v>1687.702</v>
      </c>
    </row>
    <row r="8263" spans="4:5" x14ac:dyDescent="0.25">
      <c r="D8263" s="6">
        <v>5267.2870000000003</v>
      </c>
      <c r="E8263" s="6">
        <v>533.1277</v>
      </c>
    </row>
    <row r="8264" spans="4:5" x14ac:dyDescent="0.25">
      <c r="D8264" s="6">
        <v>767.67399999999998</v>
      </c>
      <c r="E8264" s="6">
        <v>473.05560000000003</v>
      </c>
    </row>
    <row r="8265" spans="4:5" x14ac:dyDescent="0.25">
      <c r="D8265" s="6">
        <v>1643.9760000000001</v>
      </c>
      <c r="E8265" s="6">
        <v>901.67960000000005</v>
      </c>
    </row>
    <row r="8266" spans="4:5" x14ac:dyDescent="0.25">
      <c r="D8266" s="6">
        <v>3651</v>
      </c>
      <c r="E8266" s="6">
        <v>3935.9670000000001</v>
      </c>
    </row>
    <row r="8267" spans="4:5" x14ac:dyDescent="0.25">
      <c r="D8267" s="6">
        <v>1348.0719999999999</v>
      </c>
      <c r="E8267" s="6">
        <v>3659.9169999999999</v>
      </c>
    </row>
    <row r="8268" spans="4:5" x14ac:dyDescent="0.25">
      <c r="D8268" s="6">
        <v>2111.7049999999999</v>
      </c>
      <c r="E8268" s="6">
        <v>674.75350000000003</v>
      </c>
    </row>
    <row r="8269" spans="4:5" x14ac:dyDescent="0.25">
      <c r="D8269" s="6">
        <v>4440.7690000000002</v>
      </c>
      <c r="E8269" s="6">
        <v>8191.1139999999996</v>
      </c>
    </row>
    <row r="8270" spans="4:5" x14ac:dyDescent="0.25">
      <c r="D8270" s="6">
        <v>895.15740000000005</v>
      </c>
      <c r="E8270" s="6">
        <v>3382.7040000000002</v>
      </c>
    </row>
    <row r="8271" spans="4:5" x14ac:dyDescent="0.25">
      <c r="D8271" s="6">
        <v>789.79719999999998</v>
      </c>
      <c r="E8271" s="6">
        <v>819.33330000000001</v>
      </c>
    </row>
    <row r="8272" spans="4:5" x14ac:dyDescent="0.25">
      <c r="D8272" s="6">
        <v>1010.494</v>
      </c>
      <c r="E8272" s="6">
        <v>2900.8009999999999</v>
      </c>
    </row>
    <row r="8273" spans="4:5" x14ac:dyDescent="0.25">
      <c r="D8273" s="6">
        <v>627.82259999999997</v>
      </c>
      <c r="E8273" s="6">
        <v>3427.2910000000002</v>
      </c>
    </row>
    <row r="8274" spans="4:5" x14ac:dyDescent="0.25">
      <c r="D8274" s="6">
        <v>1292.903</v>
      </c>
      <c r="E8274" s="6">
        <v>643.45550000000003</v>
      </c>
    </row>
    <row r="8275" spans="4:5" x14ac:dyDescent="0.25">
      <c r="D8275" s="6">
        <v>538.65520000000004</v>
      </c>
      <c r="E8275" s="6">
        <v>693.91729999999995</v>
      </c>
    </row>
    <row r="8276" spans="4:5" x14ac:dyDescent="0.25">
      <c r="D8276" s="6">
        <v>767.5095</v>
      </c>
      <c r="E8276" s="6">
        <v>455.15910000000002</v>
      </c>
    </row>
    <row r="8277" spans="4:5" x14ac:dyDescent="0.25">
      <c r="D8277" s="6">
        <v>6890.3040000000001</v>
      </c>
      <c r="E8277" s="6">
        <v>746.4049</v>
      </c>
    </row>
    <row r="8278" spans="4:5" x14ac:dyDescent="0.25">
      <c r="D8278" s="6">
        <v>594.99739999999997</v>
      </c>
      <c r="E8278" s="6">
        <v>601.39620000000002</v>
      </c>
    </row>
    <row r="8279" spans="4:5" x14ac:dyDescent="0.25">
      <c r="D8279" s="6">
        <v>648.31029999999998</v>
      </c>
      <c r="E8279" s="6">
        <v>468.95089999999999</v>
      </c>
    </row>
    <row r="8280" spans="4:5" x14ac:dyDescent="0.25">
      <c r="D8280" s="6">
        <v>2910.5</v>
      </c>
      <c r="E8280" s="6">
        <v>3206.5</v>
      </c>
    </row>
    <row r="8281" spans="4:5" x14ac:dyDescent="0.25">
      <c r="D8281" s="6">
        <v>4951.1989999999996</v>
      </c>
      <c r="E8281" s="6">
        <v>2615.078</v>
      </c>
    </row>
    <row r="8282" spans="4:5" x14ac:dyDescent="0.25">
      <c r="D8282" s="6">
        <v>1236.396</v>
      </c>
      <c r="E8282" s="6">
        <v>716.73410000000001</v>
      </c>
    </row>
    <row r="8283" spans="4:5" x14ac:dyDescent="0.25">
      <c r="D8283" s="6">
        <v>6991.3140000000003</v>
      </c>
      <c r="E8283" s="6">
        <v>677.15380000000005</v>
      </c>
    </row>
    <row r="8284" spans="4:5" x14ac:dyDescent="0.25">
      <c r="D8284" s="6">
        <v>495.50869999999998</v>
      </c>
      <c r="E8284" s="6">
        <v>4890</v>
      </c>
    </row>
    <row r="8285" spans="4:5" x14ac:dyDescent="0.25">
      <c r="D8285" s="6">
        <v>417.73410000000001</v>
      </c>
      <c r="E8285" s="6">
        <v>3084.877</v>
      </c>
    </row>
    <row r="8286" spans="4:5" x14ac:dyDescent="0.25">
      <c r="D8286" s="6">
        <v>603.15219999999999</v>
      </c>
      <c r="E8286" s="6">
        <v>977.82119999999998</v>
      </c>
    </row>
    <row r="8287" spans="4:5" x14ac:dyDescent="0.25">
      <c r="D8287" s="6">
        <v>889.8</v>
      </c>
      <c r="E8287" s="6">
        <v>633.16309999999999</v>
      </c>
    </row>
    <row r="8288" spans="4:5" x14ac:dyDescent="0.25">
      <c r="D8288" s="6">
        <v>547.36329999999998</v>
      </c>
      <c r="E8288" s="6">
        <v>1005.511</v>
      </c>
    </row>
    <row r="8289" spans="4:5" x14ac:dyDescent="0.25">
      <c r="D8289" s="6">
        <v>6830.9290000000001</v>
      </c>
      <c r="E8289" s="6">
        <v>845.74789999999996</v>
      </c>
    </row>
    <row r="8290" spans="4:5" x14ac:dyDescent="0.25">
      <c r="D8290" s="6">
        <v>8809.6389999999992</v>
      </c>
      <c r="E8290" s="6">
        <v>1315.4770000000001</v>
      </c>
    </row>
    <row r="8291" spans="4:5" x14ac:dyDescent="0.25">
      <c r="D8291" s="6">
        <v>3284.29</v>
      </c>
      <c r="E8291" s="6">
        <v>652.99559999999997</v>
      </c>
    </row>
    <row r="8292" spans="4:5" x14ac:dyDescent="0.25">
      <c r="D8292" s="6">
        <v>493.22640000000001</v>
      </c>
      <c r="E8292" s="6">
        <v>849.90830000000005</v>
      </c>
    </row>
    <row r="8293" spans="4:5" x14ac:dyDescent="0.25">
      <c r="D8293" s="6">
        <v>601.34339999999997</v>
      </c>
      <c r="E8293" s="6">
        <v>539.67380000000003</v>
      </c>
    </row>
    <row r="8294" spans="4:5" x14ac:dyDescent="0.25">
      <c r="D8294" s="6">
        <v>751.09410000000003</v>
      </c>
      <c r="E8294" s="6">
        <v>3566.297</v>
      </c>
    </row>
    <row r="8295" spans="4:5" x14ac:dyDescent="0.25">
      <c r="D8295" s="6">
        <v>542.65970000000004</v>
      </c>
      <c r="E8295" s="6">
        <v>445.01819999999998</v>
      </c>
    </row>
    <row r="8296" spans="4:5" x14ac:dyDescent="0.25">
      <c r="D8296" s="6">
        <v>1204.471</v>
      </c>
      <c r="E8296" s="6">
        <v>514.37480000000005</v>
      </c>
    </row>
    <row r="8297" spans="4:5" x14ac:dyDescent="0.25">
      <c r="D8297" s="6">
        <v>513.07069999999999</v>
      </c>
      <c r="E8297" s="6">
        <v>654.92409999999995</v>
      </c>
    </row>
    <row r="8298" spans="4:5" x14ac:dyDescent="0.25">
      <c r="D8298" s="6">
        <v>3998.8429999999998</v>
      </c>
      <c r="E8298" s="6">
        <v>1160.6279999999999</v>
      </c>
    </row>
    <row r="8299" spans="4:5" x14ac:dyDescent="0.25">
      <c r="D8299" s="6">
        <v>12994.1</v>
      </c>
      <c r="E8299" s="6">
        <v>439.09469999999999</v>
      </c>
    </row>
    <row r="8300" spans="4:5" x14ac:dyDescent="0.25">
      <c r="D8300" s="6">
        <v>788.49519999999995</v>
      </c>
      <c r="E8300" s="6">
        <v>547.63850000000002</v>
      </c>
    </row>
    <row r="8301" spans="4:5" x14ac:dyDescent="0.25">
      <c r="D8301" s="6">
        <v>831.78399999999999</v>
      </c>
      <c r="E8301" s="6">
        <v>1893.8</v>
      </c>
    </row>
    <row r="8302" spans="4:5" x14ac:dyDescent="0.25">
      <c r="D8302" s="6">
        <v>715.04280000000006</v>
      </c>
      <c r="E8302" s="6">
        <v>686.04300000000001</v>
      </c>
    </row>
    <row r="8303" spans="4:5" x14ac:dyDescent="0.25">
      <c r="D8303" s="6">
        <v>699.76530000000002</v>
      </c>
      <c r="E8303" s="6">
        <v>567.03719999999998</v>
      </c>
    </row>
    <row r="8304" spans="4:5" x14ac:dyDescent="0.25">
      <c r="D8304" s="6">
        <v>4173.57</v>
      </c>
      <c r="E8304" s="6">
        <v>1837.7470000000001</v>
      </c>
    </row>
    <row r="8305" spans="4:5" x14ac:dyDescent="0.25">
      <c r="D8305" s="6">
        <v>589.07749999999999</v>
      </c>
      <c r="E8305" s="6">
        <v>10329.709999999999</v>
      </c>
    </row>
    <row r="8306" spans="4:5" x14ac:dyDescent="0.25">
      <c r="D8306" s="6">
        <v>765.45830000000001</v>
      </c>
      <c r="E8306" s="6">
        <v>4175.0119999999997</v>
      </c>
    </row>
    <row r="8307" spans="4:5" x14ac:dyDescent="0.25">
      <c r="D8307" s="6">
        <v>3689.45</v>
      </c>
      <c r="E8307" s="6">
        <v>658.24080000000004</v>
      </c>
    </row>
    <row r="8308" spans="4:5" x14ac:dyDescent="0.25">
      <c r="D8308" s="6">
        <v>805.62810000000002</v>
      </c>
      <c r="E8308" s="6">
        <v>1592.3910000000001</v>
      </c>
    </row>
    <row r="8309" spans="4:5" x14ac:dyDescent="0.25">
      <c r="D8309" s="6">
        <v>4740.0349999999999</v>
      </c>
      <c r="E8309" s="6">
        <v>595.04280000000006</v>
      </c>
    </row>
    <row r="8310" spans="4:5" x14ac:dyDescent="0.25">
      <c r="D8310" s="6">
        <v>562.79600000000005</v>
      </c>
      <c r="E8310" s="6">
        <v>598.92160000000001</v>
      </c>
    </row>
    <row r="8311" spans="4:5" x14ac:dyDescent="0.25">
      <c r="D8311" s="6">
        <v>4024.125</v>
      </c>
      <c r="E8311" s="6">
        <v>2375.0940000000001</v>
      </c>
    </row>
    <row r="8312" spans="4:5" x14ac:dyDescent="0.25">
      <c r="D8312" s="6">
        <v>650.56320000000005</v>
      </c>
      <c r="E8312" s="6">
        <v>568.52710000000002</v>
      </c>
    </row>
    <row r="8313" spans="4:5" x14ac:dyDescent="0.25">
      <c r="D8313" s="6">
        <v>5457.8980000000001</v>
      </c>
      <c r="E8313" s="6">
        <v>560.77160000000003</v>
      </c>
    </row>
    <row r="8314" spans="4:5" x14ac:dyDescent="0.25">
      <c r="D8314" s="6">
        <v>806.88580000000002</v>
      </c>
      <c r="E8314" s="6">
        <v>699.53639999999996</v>
      </c>
    </row>
    <row r="8315" spans="4:5" x14ac:dyDescent="0.25">
      <c r="D8315" s="6">
        <v>749.86059999999998</v>
      </c>
      <c r="E8315" s="6">
        <v>3491.0830000000001</v>
      </c>
    </row>
    <row r="8316" spans="4:5" x14ac:dyDescent="0.25">
      <c r="D8316" s="6">
        <v>1021.748</v>
      </c>
      <c r="E8316" s="6">
        <v>3000.6880000000001</v>
      </c>
    </row>
    <row r="8317" spans="4:5" x14ac:dyDescent="0.25">
      <c r="D8317" s="6">
        <v>561.92449999999997</v>
      </c>
      <c r="E8317" s="6">
        <v>670.22680000000003</v>
      </c>
    </row>
    <row r="8318" spans="4:5" x14ac:dyDescent="0.25">
      <c r="D8318" s="6">
        <v>6493.6750000000002</v>
      </c>
      <c r="E8318" s="6">
        <v>626.72280000000001</v>
      </c>
    </row>
    <row r="8319" spans="4:5" x14ac:dyDescent="0.25">
      <c r="D8319" s="6">
        <v>618.44069999999999</v>
      </c>
      <c r="E8319" s="6">
        <v>547.09289999999999</v>
      </c>
    </row>
    <row r="8320" spans="4:5" x14ac:dyDescent="0.25">
      <c r="D8320" s="6">
        <v>11973.3</v>
      </c>
      <c r="E8320" s="6">
        <v>504.26690000000002</v>
      </c>
    </row>
    <row r="8321" spans="4:5" x14ac:dyDescent="0.25">
      <c r="D8321" s="6">
        <v>4919.7290000000003</v>
      </c>
      <c r="E8321" s="6">
        <v>705.01480000000004</v>
      </c>
    </row>
    <row r="8322" spans="4:5" x14ac:dyDescent="0.25">
      <c r="D8322" s="6">
        <v>671.47109999999998</v>
      </c>
      <c r="E8322" s="6">
        <v>755.0539</v>
      </c>
    </row>
    <row r="8323" spans="4:5" x14ac:dyDescent="0.25">
      <c r="D8323" s="6">
        <v>5238.4319999999998</v>
      </c>
      <c r="E8323" s="6">
        <v>578.97990000000004</v>
      </c>
    </row>
    <row r="8324" spans="4:5" x14ac:dyDescent="0.25">
      <c r="D8324" s="6">
        <v>476.90019999999998</v>
      </c>
      <c r="E8324" s="6">
        <v>3398.078</v>
      </c>
    </row>
    <row r="8325" spans="4:5" x14ac:dyDescent="0.25">
      <c r="D8325" s="6">
        <v>637.58780000000002</v>
      </c>
      <c r="E8325" s="6">
        <v>448.8415</v>
      </c>
    </row>
    <row r="8326" spans="4:5" x14ac:dyDescent="0.25">
      <c r="D8326" s="6">
        <v>687.34180000000003</v>
      </c>
      <c r="E8326" s="6">
        <v>453.97699999999998</v>
      </c>
    </row>
    <row r="8327" spans="4:5" x14ac:dyDescent="0.25">
      <c r="D8327" s="6">
        <v>483.38459999999998</v>
      </c>
      <c r="E8327" s="6">
        <v>596.69970000000001</v>
      </c>
    </row>
    <row r="8328" spans="4:5" x14ac:dyDescent="0.25">
      <c r="D8328" s="6">
        <v>661.02189999999996</v>
      </c>
      <c r="E8328" s="6">
        <v>694.36059999999998</v>
      </c>
    </row>
    <row r="8329" spans="4:5" x14ac:dyDescent="0.25">
      <c r="D8329" s="6">
        <v>663.14049999999997</v>
      </c>
      <c r="E8329" s="6">
        <v>3180.9650000000001</v>
      </c>
    </row>
    <row r="8330" spans="4:5" x14ac:dyDescent="0.25">
      <c r="D8330" s="6">
        <v>643.32370000000003</v>
      </c>
      <c r="E8330" s="6">
        <v>989.60569999999996</v>
      </c>
    </row>
    <row r="8331" spans="4:5" x14ac:dyDescent="0.25">
      <c r="D8331" s="6">
        <v>602.46960000000001</v>
      </c>
      <c r="E8331" s="6">
        <v>3510.9290000000001</v>
      </c>
    </row>
    <row r="8332" spans="4:5" x14ac:dyDescent="0.25">
      <c r="D8332" s="6">
        <v>4611.8329999999996</v>
      </c>
      <c r="E8332" s="6">
        <v>445.25889999999998</v>
      </c>
    </row>
    <row r="8333" spans="4:5" x14ac:dyDescent="0.25">
      <c r="D8333" s="6">
        <v>710.29430000000002</v>
      </c>
      <c r="E8333" s="6">
        <v>663.20140000000004</v>
      </c>
    </row>
    <row r="8334" spans="4:5" x14ac:dyDescent="0.25">
      <c r="D8334" s="6">
        <v>4298.9309999999996</v>
      </c>
      <c r="E8334" s="6">
        <v>1264.3499999999999</v>
      </c>
    </row>
    <row r="8335" spans="4:5" x14ac:dyDescent="0.25">
      <c r="D8335" s="6">
        <v>851.14239999999995</v>
      </c>
      <c r="E8335" s="6">
        <v>582.45330000000001</v>
      </c>
    </row>
    <row r="8336" spans="4:5" x14ac:dyDescent="0.25">
      <c r="D8336" s="6">
        <v>554.45830000000001</v>
      </c>
      <c r="E8336" s="6">
        <v>498.06799999999998</v>
      </c>
    </row>
    <row r="8337" spans="4:5" x14ac:dyDescent="0.25">
      <c r="D8337" s="6">
        <v>563.20399999999995</v>
      </c>
      <c r="E8337" s="6">
        <v>632.65639999999996</v>
      </c>
    </row>
    <row r="8338" spans="4:5" x14ac:dyDescent="0.25">
      <c r="D8338" s="6">
        <v>518.0557</v>
      </c>
      <c r="E8338" s="6">
        <v>1083.942</v>
      </c>
    </row>
    <row r="8339" spans="4:5" x14ac:dyDescent="0.25">
      <c r="D8339" s="6">
        <v>5022.91</v>
      </c>
      <c r="E8339" s="6">
        <v>1066.9749999999999</v>
      </c>
    </row>
    <row r="8340" spans="4:5" x14ac:dyDescent="0.25">
      <c r="D8340" s="6">
        <v>1010.793</v>
      </c>
      <c r="E8340" s="6">
        <v>922.36839999999995</v>
      </c>
    </row>
    <row r="8341" spans="4:5" x14ac:dyDescent="0.25">
      <c r="D8341" s="6">
        <v>471.96879999999999</v>
      </c>
      <c r="E8341" s="6">
        <v>643.08040000000005</v>
      </c>
    </row>
    <row r="8342" spans="4:5" x14ac:dyDescent="0.25">
      <c r="D8342" s="6">
        <v>553.35659999999996</v>
      </c>
      <c r="E8342" s="6">
        <v>1063.2460000000001</v>
      </c>
    </row>
    <row r="8343" spans="4:5" x14ac:dyDescent="0.25">
      <c r="D8343" s="6">
        <v>542.30619999999999</v>
      </c>
      <c r="E8343" s="6">
        <v>1032.886</v>
      </c>
    </row>
    <row r="8344" spans="4:5" x14ac:dyDescent="0.25">
      <c r="D8344" s="6">
        <v>806.9751</v>
      </c>
      <c r="E8344" s="6">
        <v>3409.183</v>
      </c>
    </row>
    <row r="8345" spans="4:5" x14ac:dyDescent="0.25">
      <c r="D8345" s="6">
        <v>672.93399999999997</v>
      </c>
      <c r="E8345" s="6">
        <v>1626.74</v>
      </c>
    </row>
    <row r="8346" spans="4:5" x14ac:dyDescent="0.25">
      <c r="D8346" s="6">
        <v>588.64419999999996</v>
      </c>
      <c r="E8346" s="6">
        <v>1058.482</v>
      </c>
    </row>
    <row r="8347" spans="4:5" x14ac:dyDescent="0.25">
      <c r="D8347" s="6">
        <v>657.72649999999999</v>
      </c>
      <c r="E8347" s="6">
        <v>3196.375</v>
      </c>
    </row>
    <row r="8348" spans="4:5" x14ac:dyDescent="0.25">
      <c r="D8348" s="6">
        <v>630.82320000000004</v>
      </c>
      <c r="E8348" s="6">
        <v>1114.74</v>
      </c>
    </row>
    <row r="8349" spans="4:5" x14ac:dyDescent="0.25">
      <c r="D8349" s="6">
        <v>999.4461</v>
      </c>
      <c r="E8349" s="6">
        <v>484.8963</v>
      </c>
    </row>
    <row r="8350" spans="4:5" x14ac:dyDescent="0.25">
      <c r="D8350" s="6">
        <v>1055.5319999999999</v>
      </c>
      <c r="E8350" s="6">
        <v>718.8854</v>
      </c>
    </row>
    <row r="8351" spans="4:5" x14ac:dyDescent="0.25">
      <c r="D8351" s="6">
        <v>662.63599999999997</v>
      </c>
      <c r="E8351" s="6">
        <v>676.7518</v>
      </c>
    </row>
    <row r="8352" spans="4:5" x14ac:dyDescent="0.25">
      <c r="D8352" s="6">
        <v>709.1</v>
      </c>
      <c r="E8352" s="6">
        <v>602.99919999999997</v>
      </c>
    </row>
    <row r="8353" spans="4:5" x14ac:dyDescent="0.25">
      <c r="D8353" s="6">
        <v>3709.3159999999998</v>
      </c>
      <c r="E8353" s="6">
        <v>556.46990000000005</v>
      </c>
    </row>
    <row r="8354" spans="4:5" x14ac:dyDescent="0.25">
      <c r="D8354" s="6">
        <v>541.33550000000002</v>
      </c>
      <c r="E8354" s="6">
        <v>1138.2059999999999</v>
      </c>
    </row>
    <row r="8355" spans="4:5" x14ac:dyDescent="0.25">
      <c r="D8355" s="6">
        <v>5260.2389999999996</v>
      </c>
      <c r="E8355" s="6">
        <v>1378.058</v>
      </c>
    </row>
    <row r="8356" spans="4:5" x14ac:dyDescent="0.25">
      <c r="D8356" s="6">
        <v>1080.83</v>
      </c>
      <c r="E8356" s="6">
        <v>606.87369999999999</v>
      </c>
    </row>
    <row r="8357" spans="4:5" x14ac:dyDescent="0.25">
      <c r="D8357" s="6">
        <v>528.25440000000003</v>
      </c>
      <c r="E8357" s="6">
        <v>623.40920000000006</v>
      </c>
    </row>
    <row r="8358" spans="4:5" x14ac:dyDescent="0.25">
      <c r="D8358" s="6">
        <v>627.62170000000003</v>
      </c>
      <c r="E8358" s="6">
        <v>1392.4549999999999</v>
      </c>
    </row>
    <row r="8359" spans="4:5" x14ac:dyDescent="0.25">
      <c r="D8359" s="6">
        <v>4570.6239999999998</v>
      </c>
      <c r="E8359" s="6">
        <v>585.82370000000003</v>
      </c>
    </row>
    <row r="8360" spans="4:5" x14ac:dyDescent="0.25">
      <c r="D8360" s="6">
        <v>502.57</v>
      </c>
      <c r="E8360" s="6">
        <v>1929.0060000000001</v>
      </c>
    </row>
    <row r="8361" spans="4:5" x14ac:dyDescent="0.25">
      <c r="D8361" s="6">
        <v>777.30889999999999</v>
      </c>
      <c r="E8361" s="6">
        <v>307.52379999999999</v>
      </c>
    </row>
    <row r="8362" spans="4:5" x14ac:dyDescent="0.25">
      <c r="D8362" s="6">
        <v>2085.9</v>
      </c>
      <c r="E8362" s="6">
        <v>2995.0549999999998</v>
      </c>
    </row>
    <row r="8363" spans="4:5" x14ac:dyDescent="0.25">
      <c r="D8363" s="6">
        <v>4481.7460000000001</v>
      </c>
      <c r="E8363" s="6">
        <v>892.67240000000004</v>
      </c>
    </row>
    <row r="8364" spans="4:5" x14ac:dyDescent="0.25">
      <c r="D8364" s="6">
        <v>683.85699999999997</v>
      </c>
      <c r="E8364" s="6">
        <v>2456.8449999999998</v>
      </c>
    </row>
    <row r="8365" spans="4:5" x14ac:dyDescent="0.25">
      <c r="D8365" s="6">
        <v>662.60580000000004</v>
      </c>
      <c r="E8365" s="6">
        <v>543.40319999999997</v>
      </c>
    </row>
    <row r="8366" spans="4:5" x14ac:dyDescent="0.25">
      <c r="D8366" s="6">
        <v>577.83399999999995</v>
      </c>
      <c r="E8366" s="6">
        <v>485.40699999999998</v>
      </c>
    </row>
    <row r="8367" spans="4:5" x14ac:dyDescent="0.25">
      <c r="D8367" s="6">
        <v>786.19439999999997</v>
      </c>
      <c r="E8367" s="6">
        <v>475.23739999999998</v>
      </c>
    </row>
    <row r="8368" spans="4:5" x14ac:dyDescent="0.25">
      <c r="D8368" s="6">
        <v>774.5077</v>
      </c>
      <c r="E8368" s="6">
        <v>589.12120000000004</v>
      </c>
    </row>
    <row r="8369" spans="4:5" x14ac:dyDescent="0.25">
      <c r="D8369" s="6">
        <v>1014.919</v>
      </c>
      <c r="E8369" s="6">
        <v>485.81020000000001</v>
      </c>
    </row>
    <row r="8370" spans="4:5" x14ac:dyDescent="0.25">
      <c r="D8370" s="6">
        <v>4177.8869999999997</v>
      </c>
      <c r="E8370" s="6">
        <v>605.45699999999999</v>
      </c>
    </row>
    <row r="8371" spans="4:5" x14ac:dyDescent="0.25">
      <c r="D8371" s="6">
        <v>4745.5619999999999</v>
      </c>
      <c r="E8371" s="6">
        <v>786.60910000000001</v>
      </c>
    </row>
    <row r="8372" spans="4:5" x14ac:dyDescent="0.25">
      <c r="D8372" s="6">
        <v>372.375</v>
      </c>
      <c r="E8372" s="6">
        <v>663.01890000000003</v>
      </c>
    </row>
    <row r="8373" spans="4:5" x14ac:dyDescent="0.25">
      <c r="D8373" s="6">
        <v>695.40629999999999</v>
      </c>
      <c r="E8373" s="6">
        <v>683.91510000000005</v>
      </c>
    </row>
    <row r="8374" spans="4:5" x14ac:dyDescent="0.25">
      <c r="D8374" s="6">
        <v>967.64440000000002</v>
      </c>
      <c r="E8374" s="6">
        <v>580.4194</v>
      </c>
    </row>
    <row r="8375" spans="4:5" x14ac:dyDescent="0.25">
      <c r="D8375" s="6">
        <v>540.54110000000003</v>
      </c>
      <c r="E8375" s="6">
        <v>730.07420000000002</v>
      </c>
    </row>
    <row r="8376" spans="4:5" x14ac:dyDescent="0.25">
      <c r="D8376" s="6">
        <v>591.65890000000002</v>
      </c>
      <c r="E8376" s="6">
        <v>673.04200000000003</v>
      </c>
    </row>
    <row r="8377" spans="4:5" x14ac:dyDescent="0.25">
      <c r="D8377" s="6">
        <v>575.07500000000005</v>
      </c>
      <c r="E8377" s="6">
        <v>498.57220000000001</v>
      </c>
    </row>
    <row r="8378" spans="4:5" x14ac:dyDescent="0.25">
      <c r="D8378" s="6">
        <v>479.42660000000001</v>
      </c>
      <c r="E8378" s="6">
        <v>607.1182</v>
      </c>
    </row>
    <row r="8379" spans="4:5" x14ac:dyDescent="0.25">
      <c r="D8379" s="6">
        <v>822.03639999999996</v>
      </c>
      <c r="E8379" s="6">
        <v>3412.94</v>
      </c>
    </row>
    <row r="8380" spans="4:5" x14ac:dyDescent="0.25">
      <c r="D8380" s="6">
        <v>501.13249999999999</v>
      </c>
      <c r="E8380" s="6">
        <v>850.97900000000004</v>
      </c>
    </row>
    <row r="8381" spans="4:5" x14ac:dyDescent="0.25">
      <c r="D8381" s="6">
        <v>5055.9989999999998</v>
      </c>
      <c r="E8381" s="6">
        <v>1349.2750000000001</v>
      </c>
    </row>
    <row r="8382" spans="4:5" x14ac:dyDescent="0.25">
      <c r="D8382" s="6">
        <v>2119.8609999999999</v>
      </c>
      <c r="E8382" s="6">
        <v>1287.644</v>
      </c>
    </row>
    <row r="8383" spans="4:5" x14ac:dyDescent="0.25">
      <c r="D8383" s="6">
        <v>669.44470000000001</v>
      </c>
      <c r="E8383" s="6">
        <v>573.42079999999999</v>
      </c>
    </row>
    <row r="8384" spans="4:5" x14ac:dyDescent="0.25">
      <c r="D8384" s="6">
        <v>474.96129999999999</v>
      </c>
      <c r="E8384" s="6">
        <v>664.49040000000002</v>
      </c>
    </row>
    <row r="8385" spans="4:5" x14ac:dyDescent="0.25">
      <c r="D8385" s="6">
        <v>673.42600000000004</v>
      </c>
      <c r="E8385" s="6">
        <v>1419.0989999999999</v>
      </c>
    </row>
    <row r="8386" spans="4:5" x14ac:dyDescent="0.25">
      <c r="D8386" s="6">
        <v>5204.5569999999998</v>
      </c>
      <c r="E8386" s="6">
        <v>505.69150000000002</v>
      </c>
    </row>
    <row r="8387" spans="4:5" x14ac:dyDescent="0.25">
      <c r="D8387" s="6">
        <v>1710.9369999999999</v>
      </c>
      <c r="E8387" s="6">
        <v>531.68859999999995</v>
      </c>
    </row>
    <row r="8388" spans="4:5" x14ac:dyDescent="0.25">
      <c r="D8388" s="6">
        <v>1229.0609999999999</v>
      </c>
      <c r="E8388" s="6">
        <v>1218.4380000000001</v>
      </c>
    </row>
    <row r="8389" spans="4:5" x14ac:dyDescent="0.25">
      <c r="D8389" s="6">
        <v>2548.4160000000002</v>
      </c>
      <c r="E8389" s="6">
        <v>622.96190000000001</v>
      </c>
    </row>
    <row r="8390" spans="4:5" x14ac:dyDescent="0.25">
      <c r="D8390" s="6">
        <v>556.4579</v>
      </c>
      <c r="E8390" s="6">
        <v>3845.15</v>
      </c>
    </row>
    <row r="8391" spans="4:5" x14ac:dyDescent="0.25">
      <c r="D8391" s="6">
        <v>706.31029999999998</v>
      </c>
      <c r="E8391" s="6">
        <v>2411.5050000000001</v>
      </c>
    </row>
    <row r="8392" spans="4:5" x14ac:dyDescent="0.25">
      <c r="D8392" s="6">
        <v>661.06690000000003</v>
      </c>
      <c r="E8392" s="6">
        <v>4388.9229999999998</v>
      </c>
    </row>
    <row r="8393" spans="4:5" x14ac:dyDescent="0.25">
      <c r="D8393" s="6">
        <v>794.08439999999996</v>
      </c>
      <c r="E8393" s="6">
        <v>3286.7170000000001</v>
      </c>
    </row>
    <row r="8394" spans="4:5" x14ac:dyDescent="0.25">
      <c r="D8394" s="6">
        <v>586.60749999999996</v>
      </c>
      <c r="E8394" s="6">
        <v>623.21289999999999</v>
      </c>
    </row>
    <row r="8395" spans="4:5" x14ac:dyDescent="0.25">
      <c r="D8395" s="6">
        <v>418.1558</v>
      </c>
      <c r="E8395" s="6">
        <v>523.35320000000002</v>
      </c>
    </row>
    <row r="8396" spans="4:5" x14ac:dyDescent="0.25">
      <c r="D8396" s="6">
        <v>593.01379999999995</v>
      </c>
      <c r="E8396" s="6">
        <v>492.267</v>
      </c>
    </row>
    <row r="8397" spans="4:5" x14ac:dyDescent="0.25">
      <c r="D8397" s="6">
        <v>488.16550000000001</v>
      </c>
      <c r="E8397" s="6">
        <v>1206.8979999999999</v>
      </c>
    </row>
    <row r="8398" spans="4:5" x14ac:dyDescent="0.25">
      <c r="D8398" s="6">
        <v>796.30489999999998</v>
      </c>
      <c r="E8398" s="6">
        <v>1335.2190000000001</v>
      </c>
    </row>
    <row r="8399" spans="4:5" x14ac:dyDescent="0.25">
      <c r="D8399" s="6">
        <v>1036.9100000000001</v>
      </c>
      <c r="E8399" s="6">
        <v>2638.9659999999999</v>
      </c>
    </row>
    <row r="8400" spans="4:5" x14ac:dyDescent="0.25">
      <c r="D8400" s="6">
        <v>1592.241</v>
      </c>
      <c r="E8400" s="6">
        <v>594.20129999999995</v>
      </c>
    </row>
    <row r="8401" spans="4:5" x14ac:dyDescent="0.25">
      <c r="D8401" s="6">
        <v>614.80439999999999</v>
      </c>
      <c r="E8401" s="6">
        <v>3836.3220000000001</v>
      </c>
    </row>
    <row r="8402" spans="4:5" x14ac:dyDescent="0.25">
      <c r="D8402" s="6">
        <v>4166.5789999999997</v>
      </c>
      <c r="E8402" s="6">
        <v>3466.806</v>
      </c>
    </row>
    <row r="8403" spans="4:5" x14ac:dyDescent="0.25">
      <c r="D8403" s="6">
        <v>826.53819999999996</v>
      </c>
      <c r="E8403" s="6">
        <v>812.75279999999998</v>
      </c>
    </row>
    <row r="8404" spans="4:5" x14ac:dyDescent="0.25">
      <c r="D8404" s="6">
        <v>526.52729999999997</v>
      </c>
      <c r="E8404" s="6">
        <v>629.29690000000005</v>
      </c>
    </row>
    <row r="8405" spans="4:5" x14ac:dyDescent="0.25">
      <c r="D8405" s="6">
        <v>1632.492</v>
      </c>
      <c r="E8405" s="6">
        <v>4797.3410000000003</v>
      </c>
    </row>
    <row r="8406" spans="4:5" x14ac:dyDescent="0.25">
      <c r="D8406" s="6">
        <v>2790.3090000000002</v>
      </c>
      <c r="E8406" s="6">
        <v>2915.59</v>
      </c>
    </row>
    <row r="8407" spans="4:5" x14ac:dyDescent="0.25">
      <c r="D8407" s="6">
        <v>840.98850000000004</v>
      </c>
      <c r="E8407" s="6">
        <v>654.25670000000002</v>
      </c>
    </row>
    <row r="8408" spans="4:5" x14ac:dyDescent="0.25">
      <c r="D8408" s="6">
        <v>590.6875</v>
      </c>
      <c r="E8408" s="6">
        <v>2022.165</v>
      </c>
    </row>
    <row r="8409" spans="4:5" x14ac:dyDescent="0.25">
      <c r="D8409" s="6">
        <v>1664.7929999999999</v>
      </c>
      <c r="E8409" s="6">
        <v>532.63430000000005</v>
      </c>
    </row>
    <row r="8410" spans="4:5" x14ac:dyDescent="0.25">
      <c r="D8410" s="6">
        <v>438.03280000000001</v>
      </c>
      <c r="E8410" s="6">
        <v>4633.1499999999996</v>
      </c>
    </row>
    <row r="8411" spans="4:5" x14ac:dyDescent="0.25">
      <c r="D8411" s="6">
        <v>4593.7259999999997</v>
      </c>
      <c r="E8411" s="6">
        <v>1362.998</v>
      </c>
    </row>
    <row r="8412" spans="4:5" x14ac:dyDescent="0.25">
      <c r="D8412" s="6">
        <v>776.10580000000004</v>
      </c>
      <c r="E8412" s="6">
        <v>1803.54</v>
      </c>
    </row>
    <row r="8413" spans="4:5" x14ac:dyDescent="0.25">
      <c r="D8413" s="6">
        <v>5727.1670000000004</v>
      </c>
      <c r="E8413" s="6">
        <v>1436.1220000000001</v>
      </c>
    </row>
    <row r="8414" spans="4:5" x14ac:dyDescent="0.25">
      <c r="D8414" s="6">
        <v>454.13639999999998</v>
      </c>
      <c r="E8414" s="6">
        <v>787.08320000000003</v>
      </c>
    </row>
    <row r="8415" spans="4:5" x14ac:dyDescent="0.25">
      <c r="D8415" s="6">
        <v>486.36599999999999</v>
      </c>
      <c r="E8415" s="6">
        <v>486.51990000000001</v>
      </c>
    </row>
    <row r="8416" spans="4:5" x14ac:dyDescent="0.25">
      <c r="D8416" s="6">
        <v>684.97910000000002</v>
      </c>
      <c r="E8416" s="6">
        <v>2236.3389999999999</v>
      </c>
    </row>
    <row r="8417" spans="4:5" x14ac:dyDescent="0.25">
      <c r="D8417" s="6">
        <v>776.63199999999995</v>
      </c>
      <c r="E8417" s="6">
        <v>2936.8850000000002</v>
      </c>
    </row>
    <row r="8418" spans="4:5" x14ac:dyDescent="0.25">
      <c r="D8418" s="6">
        <v>6265.1989999999996</v>
      </c>
      <c r="E8418" s="6">
        <v>4165.8620000000001</v>
      </c>
    </row>
    <row r="8419" spans="4:5" x14ac:dyDescent="0.25">
      <c r="D8419" s="6">
        <v>550.45719999999994</v>
      </c>
      <c r="E8419" s="6">
        <v>574.87969999999996</v>
      </c>
    </row>
    <row r="8420" spans="4:5" x14ac:dyDescent="0.25">
      <c r="D8420" s="6">
        <v>703.58100000000002</v>
      </c>
      <c r="E8420" s="6">
        <v>3722.2080000000001</v>
      </c>
    </row>
    <row r="8421" spans="4:5" x14ac:dyDescent="0.25">
      <c r="D8421" s="6">
        <v>5435.3019999999997</v>
      </c>
      <c r="E8421" s="6">
        <v>1116.047</v>
      </c>
    </row>
    <row r="8422" spans="4:5" x14ac:dyDescent="0.25">
      <c r="D8422" s="6">
        <v>960.67880000000002</v>
      </c>
      <c r="E8422" s="6">
        <v>670.92579999999998</v>
      </c>
    </row>
    <row r="8423" spans="4:5" x14ac:dyDescent="0.25">
      <c r="D8423" s="6">
        <v>3976.15</v>
      </c>
      <c r="E8423" s="6">
        <v>3621.712</v>
      </c>
    </row>
    <row r="8424" spans="4:5" x14ac:dyDescent="0.25">
      <c r="D8424" s="6">
        <v>606.35500000000002</v>
      </c>
      <c r="E8424" s="6">
        <v>6799.8119999999999</v>
      </c>
    </row>
    <row r="8425" spans="4:5" x14ac:dyDescent="0.25">
      <c r="D8425" s="6">
        <v>2060.0500000000002</v>
      </c>
      <c r="E8425" s="6">
        <v>492.5</v>
      </c>
    </row>
    <row r="8426" spans="4:5" x14ac:dyDescent="0.25">
      <c r="D8426" s="6">
        <v>5327.9040000000005</v>
      </c>
      <c r="E8426" s="6">
        <v>1823</v>
      </c>
    </row>
    <row r="8427" spans="4:5" x14ac:dyDescent="0.25">
      <c r="D8427" s="6">
        <v>1815.191</v>
      </c>
      <c r="E8427" s="6">
        <v>545.32650000000001</v>
      </c>
    </row>
    <row r="8428" spans="4:5" x14ac:dyDescent="0.25">
      <c r="D8428" s="6">
        <v>615.32079999999996</v>
      </c>
      <c r="E8428" s="6">
        <v>499.9923</v>
      </c>
    </row>
    <row r="8429" spans="4:5" x14ac:dyDescent="0.25">
      <c r="D8429" s="6">
        <v>460.45960000000002</v>
      </c>
      <c r="E8429" s="6">
        <v>1266.6400000000001</v>
      </c>
    </row>
    <row r="8430" spans="4:5" x14ac:dyDescent="0.25">
      <c r="D8430" s="6">
        <v>742.25429999999994</v>
      </c>
      <c r="E8430" s="6">
        <v>466.89690000000002</v>
      </c>
    </row>
    <row r="8431" spans="4:5" x14ac:dyDescent="0.25">
      <c r="D8431" s="6">
        <v>418.3399</v>
      </c>
      <c r="E8431" s="6">
        <v>943.38459999999998</v>
      </c>
    </row>
    <row r="8432" spans="4:5" x14ac:dyDescent="0.25">
      <c r="D8432" s="6">
        <v>5990.3180000000002</v>
      </c>
      <c r="E8432" s="6">
        <v>4562.6959999999999</v>
      </c>
    </row>
    <row r="8433" spans="4:5" x14ac:dyDescent="0.25">
      <c r="D8433" s="6">
        <v>966.49760000000003</v>
      </c>
      <c r="E8433" s="6">
        <v>538.20899999999995</v>
      </c>
    </row>
    <row r="8434" spans="4:5" x14ac:dyDescent="0.25">
      <c r="D8434" s="6">
        <v>1010.971</v>
      </c>
      <c r="E8434" s="6">
        <v>1358.6679999999999</v>
      </c>
    </row>
    <row r="8435" spans="4:5" x14ac:dyDescent="0.25">
      <c r="D8435" s="6">
        <v>733.14020000000005</v>
      </c>
      <c r="E8435" s="6">
        <v>480.4033</v>
      </c>
    </row>
    <row r="8436" spans="4:5" x14ac:dyDescent="0.25">
      <c r="D8436" s="6">
        <v>632.48699999999997</v>
      </c>
      <c r="E8436" s="6">
        <v>2614.3270000000002</v>
      </c>
    </row>
    <row r="8437" spans="4:5" x14ac:dyDescent="0.25">
      <c r="D8437" s="6">
        <v>5552.4380000000001</v>
      </c>
      <c r="E8437" s="6">
        <v>1490.6379999999999</v>
      </c>
    </row>
    <row r="8438" spans="4:5" x14ac:dyDescent="0.25">
      <c r="D8438" s="6">
        <v>7541.326</v>
      </c>
      <c r="E8438" s="6">
        <v>825.49810000000002</v>
      </c>
    </row>
    <row r="8439" spans="4:5" x14ac:dyDescent="0.25">
      <c r="D8439" s="6">
        <v>671.62360000000001</v>
      </c>
      <c r="E8439" s="6">
        <v>679.34889999999996</v>
      </c>
    </row>
    <row r="8440" spans="4:5" x14ac:dyDescent="0.25">
      <c r="D8440" s="6">
        <v>5272.6210000000001</v>
      </c>
      <c r="E8440" s="6">
        <v>1365.2919999999999</v>
      </c>
    </row>
    <row r="8441" spans="4:5" x14ac:dyDescent="0.25">
      <c r="D8441" s="6">
        <v>811.80899999999997</v>
      </c>
      <c r="E8441" s="6">
        <v>1068.9380000000001</v>
      </c>
    </row>
    <row r="8442" spans="4:5" x14ac:dyDescent="0.25">
      <c r="D8442" s="6">
        <v>5868.5680000000002</v>
      </c>
      <c r="E8442" s="6">
        <v>1029.482</v>
      </c>
    </row>
    <row r="8443" spans="4:5" x14ac:dyDescent="0.25">
      <c r="D8443" s="6">
        <v>717.1789</v>
      </c>
      <c r="E8443" s="6">
        <v>471.93419999999998</v>
      </c>
    </row>
    <row r="8444" spans="4:5" x14ac:dyDescent="0.25">
      <c r="D8444" s="6">
        <v>961.16909999999996</v>
      </c>
      <c r="E8444" s="6">
        <v>662.78920000000005</v>
      </c>
    </row>
    <row r="8445" spans="4:5" x14ac:dyDescent="0.25">
      <c r="D8445" s="6">
        <v>738.49890000000005</v>
      </c>
      <c r="E8445" s="6">
        <v>845.66869999999994</v>
      </c>
    </row>
    <row r="8446" spans="4:5" x14ac:dyDescent="0.25">
      <c r="D8446" s="6">
        <v>4900.5330000000004</v>
      </c>
      <c r="E8446" s="6">
        <v>1106.0239999999999</v>
      </c>
    </row>
    <row r="8447" spans="4:5" x14ac:dyDescent="0.25">
      <c r="D8447" s="6">
        <v>1598.8</v>
      </c>
      <c r="E8447" s="6">
        <v>785.71500000000003</v>
      </c>
    </row>
    <row r="8448" spans="4:5" x14ac:dyDescent="0.25">
      <c r="D8448" s="6">
        <v>587.13409999999999</v>
      </c>
      <c r="E8448" s="6">
        <v>2342.02</v>
      </c>
    </row>
    <row r="8449" spans="4:5" x14ac:dyDescent="0.25">
      <c r="D8449" s="6">
        <v>520.18550000000005</v>
      </c>
      <c r="E8449" s="6">
        <v>3818.7620000000002</v>
      </c>
    </row>
    <row r="8450" spans="4:5" x14ac:dyDescent="0.25">
      <c r="D8450" s="6">
        <v>547.58180000000004</v>
      </c>
      <c r="E8450" s="6">
        <v>1314.3889999999999</v>
      </c>
    </row>
    <row r="8451" spans="4:5" x14ac:dyDescent="0.25">
      <c r="D8451" s="6">
        <v>677.36800000000005</v>
      </c>
      <c r="E8451" s="6">
        <v>447.39699999999999</v>
      </c>
    </row>
    <row r="8452" spans="4:5" x14ac:dyDescent="0.25">
      <c r="D8452" s="6">
        <v>5073.152</v>
      </c>
      <c r="E8452" s="6">
        <v>536.58339999999998</v>
      </c>
    </row>
    <row r="8453" spans="4:5" x14ac:dyDescent="0.25">
      <c r="D8453" s="6">
        <v>726.68129999999996</v>
      </c>
      <c r="E8453" s="6">
        <v>676.51620000000003</v>
      </c>
    </row>
    <row r="8454" spans="4:5" x14ac:dyDescent="0.25">
      <c r="D8454" s="6">
        <v>829.13040000000001</v>
      </c>
      <c r="E8454" s="6">
        <v>520.25</v>
      </c>
    </row>
    <row r="8455" spans="4:5" x14ac:dyDescent="0.25">
      <c r="D8455" s="6">
        <v>813.66160000000002</v>
      </c>
      <c r="E8455" s="6">
        <v>543.40750000000003</v>
      </c>
    </row>
    <row r="8456" spans="4:5" x14ac:dyDescent="0.25">
      <c r="D8456" s="6">
        <v>3607.4259999999999</v>
      </c>
      <c r="E8456" s="6">
        <v>588.00800000000004</v>
      </c>
    </row>
    <row r="8457" spans="4:5" x14ac:dyDescent="0.25">
      <c r="D8457" s="6">
        <v>677.93939999999998</v>
      </c>
      <c r="E8457" s="6">
        <v>1291.5809999999999</v>
      </c>
    </row>
    <row r="8458" spans="4:5" x14ac:dyDescent="0.25">
      <c r="D8458" s="6">
        <v>1409.569</v>
      </c>
      <c r="E8458" s="6">
        <v>572.50549999999998</v>
      </c>
    </row>
    <row r="8459" spans="4:5" x14ac:dyDescent="0.25">
      <c r="D8459" s="6">
        <v>685.4751</v>
      </c>
      <c r="E8459" s="6">
        <v>582.82389999999998</v>
      </c>
    </row>
    <row r="8460" spans="4:5" x14ac:dyDescent="0.25">
      <c r="D8460" s="6">
        <v>480.21519999999998</v>
      </c>
      <c r="E8460" s="6">
        <v>3550.89</v>
      </c>
    </row>
    <row r="8461" spans="4:5" x14ac:dyDescent="0.25">
      <c r="D8461" s="6">
        <v>914.68910000000005</v>
      </c>
      <c r="E8461" s="6">
        <v>1980.4390000000001</v>
      </c>
    </row>
    <row r="8462" spans="4:5" x14ac:dyDescent="0.25">
      <c r="D8462" s="6">
        <v>1645.029</v>
      </c>
      <c r="E8462" s="6">
        <v>888.40039999999999</v>
      </c>
    </row>
    <row r="8463" spans="4:5" x14ac:dyDescent="0.25">
      <c r="D8463" s="6">
        <v>642.46730000000002</v>
      </c>
      <c r="E8463" s="6">
        <v>627.51130000000001</v>
      </c>
    </row>
    <row r="8464" spans="4:5" x14ac:dyDescent="0.25">
      <c r="D8464" s="6">
        <v>3912.8330000000001</v>
      </c>
      <c r="E8464" s="6">
        <v>3067.3229999999999</v>
      </c>
    </row>
    <row r="8465" spans="4:5" x14ac:dyDescent="0.25">
      <c r="D8465" s="6">
        <v>2168</v>
      </c>
      <c r="E8465" s="6">
        <v>955.64120000000003</v>
      </c>
    </row>
    <row r="8466" spans="4:5" x14ac:dyDescent="0.25">
      <c r="D8466" s="6">
        <v>594.95690000000002</v>
      </c>
      <c r="E8466" s="6">
        <v>797.36969999999997</v>
      </c>
    </row>
    <row r="8467" spans="4:5" x14ac:dyDescent="0.25">
      <c r="D8467" s="6">
        <v>2390.364</v>
      </c>
      <c r="E8467" s="6">
        <v>1722.021</v>
      </c>
    </row>
    <row r="8468" spans="4:5" x14ac:dyDescent="0.25">
      <c r="D8468" s="6">
        <v>4360.8959999999997</v>
      </c>
      <c r="E8468" s="6">
        <v>3542.3330000000001</v>
      </c>
    </row>
    <row r="8469" spans="4:5" x14ac:dyDescent="0.25">
      <c r="D8469" s="6">
        <v>516.29290000000003</v>
      </c>
      <c r="E8469" s="6">
        <v>789.84569999999997</v>
      </c>
    </row>
    <row r="8470" spans="4:5" x14ac:dyDescent="0.25">
      <c r="D8470" s="6">
        <v>563.80010000000004</v>
      </c>
      <c r="E8470" s="6">
        <v>382.03390000000002</v>
      </c>
    </row>
    <row r="8471" spans="4:5" x14ac:dyDescent="0.25">
      <c r="D8471" s="6">
        <v>660.22019999999998</v>
      </c>
      <c r="E8471" s="6">
        <v>2377.5920000000001</v>
      </c>
    </row>
    <row r="8472" spans="4:5" x14ac:dyDescent="0.25">
      <c r="D8472" s="6">
        <v>608.12909999999999</v>
      </c>
      <c r="E8472" s="6">
        <v>650.10649999999998</v>
      </c>
    </row>
    <row r="8473" spans="4:5" x14ac:dyDescent="0.25">
      <c r="D8473" s="6">
        <v>653.89580000000001</v>
      </c>
      <c r="E8473" s="6">
        <v>2899.873</v>
      </c>
    </row>
    <row r="8474" spans="4:5" x14ac:dyDescent="0.25">
      <c r="D8474" s="6">
        <v>562.36199999999997</v>
      </c>
      <c r="E8474" s="6">
        <v>468.11559999999997</v>
      </c>
    </row>
    <row r="8475" spans="4:5" x14ac:dyDescent="0.25">
      <c r="D8475" s="6">
        <v>716.49749999999995</v>
      </c>
      <c r="E8475" s="6">
        <v>1107.7670000000001</v>
      </c>
    </row>
    <row r="8476" spans="4:5" x14ac:dyDescent="0.25">
      <c r="D8476" s="6">
        <v>473.16269999999997</v>
      </c>
      <c r="E8476" s="6">
        <v>630.37800000000004</v>
      </c>
    </row>
    <row r="8477" spans="4:5" x14ac:dyDescent="0.25">
      <c r="D8477" s="6">
        <v>3293.1480000000001</v>
      </c>
      <c r="E8477" s="6">
        <v>1173.203</v>
      </c>
    </row>
    <row r="8478" spans="4:5" x14ac:dyDescent="0.25">
      <c r="D8478" s="6">
        <v>888.94460000000004</v>
      </c>
      <c r="E8478" s="6">
        <v>563.9</v>
      </c>
    </row>
    <row r="8479" spans="4:5" x14ac:dyDescent="0.25">
      <c r="D8479" s="6">
        <v>703.49019999999996</v>
      </c>
      <c r="E8479" s="6">
        <v>5357.2430000000004</v>
      </c>
    </row>
    <row r="8480" spans="4:5" x14ac:dyDescent="0.25">
      <c r="D8480" s="6">
        <v>692.17729999999995</v>
      </c>
      <c r="E8480" s="6">
        <v>2966.377</v>
      </c>
    </row>
    <row r="8481" spans="4:5" x14ac:dyDescent="0.25">
      <c r="D8481" s="6">
        <v>632.23230000000001</v>
      </c>
      <c r="E8481" s="6">
        <v>509.40879999999999</v>
      </c>
    </row>
    <row r="8482" spans="4:5" x14ac:dyDescent="0.25">
      <c r="D8482" s="6">
        <v>4618.3119999999999</v>
      </c>
      <c r="E8482" s="6">
        <v>2816.4520000000002</v>
      </c>
    </row>
    <row r="8483" spans="4:5" x14ac:dyDescent="0.25">
      <c r="D8483" s="6">
        <v>849.83119999999997</v>
      </c>
      <c r="E8483" s="6">
        <v>537.93809999999996</v>
      </c>
    </row>
    <row r="8484" spans="4:5" x14ac:dyDescent="0.25">
      <c r="D8484" s="6">
        <v>678.67439999999999</v>
      </c>
      <c r="E8484" s="6">
        <v>1333.6669999999999</v>
      </c>
    </row>
    <row r="8485" spans="4:5" x14ac:dyDescent="0.25">
      <c r="D8485" s="6">
        <v>3068.348</v>
      </c>
      <c r="E8485" s="6">
        <v>403.74</v>
      </c>
    </row>
    <row r="8486" spans="4:5" x14ac:dyDescent="0.25">
      <c r="D8486" s="6">
        <v>576.10199999999998</v>
      </c>
      <c r="E8486" s="6">
        <v>503.9948</v>
      </c>
    </row>
    <row r="8487" spans="4:5" x14ac:dyDescent="0.25">
      <c r="D8487" s="6">
        <v>5119.9269999999997</v>
      </c>
      <c r="E8487" s="6">
        <v>571.87779999999998</v>
      </c>
    </row>
    <row r="8488" spans="4:5" x14ac:dyDescent="0.25">
      <c r="D8488" s="6">
        <v>542.20439999999996</v>
      </c>
      <c r="E8488" s="6">
        <v>1578.7809999999999</v>
      </c>
    </row>
    <row r="8489" spans="4:5" x14ac:dyDescent="0.25">
      <c r="D8489" s="6">
        <v>762.30579999999998</v>
      </c>
      <c r="E8489" s="6">
        <v>521.61580000000004</v>
      </c>
    </row>
    <row r="8490" spans="4:5" x14ac:dyDescent="0.25">
      <c r="D8490" s="6">
        <v>6109.9889999999996</v>
      </c>
      <c r="E8490" s="6">
        <v>642.31989999999996</v>
      </c>
    </row>
    <row r="8491" spans="4:5" x14ac:dyDescent="0.25">
      <c r="D8491" s="6">
        <v>628.32079999999996</v>
      </c>
      <c r="E8491" s="6">
        <v>934.22450000000003</v>
      </c>
    </row>
    <row r="8492" spans="4:5" x14ac:dyDescent="0.25">
      <c r="D8492" s="6">
        <v>529.22349999999994</v>
      </c>
      <c r="E8492" s="6">
        <v>560.48080000000004</v>
      </c>
    </row>
    <row r="8493" spans="4:5" x14ac:dyDescent="0.25">
      <c r="D8493" s="6">
        <v>520.56669999999997</v>
      </c>
      <c r="E8493" s="6">
        <v>1031.912</v>
      </c>
    </row>
    <row r="8494" spans="4:5" x14ac:dyDescent="0.25">
      <c r="D8494" s="6">
        <v>631.48009999999999</v>
      </c>
      <c r="E8494" s="6">
        <v>697.78920000000005</v>
      </c>
    </row>
    <row r="8495" spans="4:5" x14ac:dyDescent="0.25">
      <c r="D8495" s="6">
        <v>711.26660000000004</v>
      </c>
      <c r="E8495" s="6">
        <v>525.27210000000002</v>
      </c>
    </row>
    <row r="8496" spans="4:5" x14ac:dyDescent="0.25">
      <c r="D8496" s="6">
        <v>7947.8220000000001</v>
      </c>
      <c r="E8496" s="6">
        <v>663.01670000000001</v>
      </c>
    </row>
    <row r="8497" spans="4:5" x14ac:dyDescent="0.25">
      <c r="D8497" s="6">
        <v>833.69320000000005</v>
      </c>
      <c r="E8497" s="6">
        <v>593.62030000000004</v>
      </c>
    </row>
    <row r="8498" spans="4:5" x14ac:dyDescent="0.25">
      <c r="D8498" s="6">
        <v>1071.8320000000001</v>
      </c>
      <c r="E8498" s="6">
        <v>4481.491</v>
      </c>
    </row>
    <row r="8499" spans="4:5" x14ac:dyDescent="0.25">
      <c r="D8499" s="6">
        <v>589.42589999999996</v>
      </c>
      <c r="E8499" s="6">
        <v>3290.2860000000001</v>
      </c>
    </row>
    <row r="8500" spans="4:5" x14ac:dyDescent="0.25">
      <c r="D8500" s="6">
        <v>8747.893</v>
      </c>
      <c r="E8500" s="6">
        <v>1765.6669999999999</v>
      </c>
    </row>
    <row r="8501" spans="4:5" x14ac:dyDescent="0.25">
      <c r="D8501" s="6">
        <v>2541.4009999999998</v>
      </c>
      <c r="E8501" s="6">
        <v>1359.7760000000001</v>
      </c>
    </row>
    <row r="8502" spans="4:5" x14ac:dyDescent="0.25">
      <c r="D8502" s="6">
        <v>778.69799999999998</v>
      </c>
      <c r="E8502" s="6">
        <v>2497.2559999999999</v>
      </c>
    </row>
    <row r="8503" spans="4:5" x14ac:dyDescent="0.25">
      <c r="D8503" s="6">
        <v>5651.0190000000002</v>
      </c>
      <c r="E8503" s="6">
        <v>808.23329999999999</v>
      </c>
    </row>
    <row r="8504" spans="4:5" x14ac:dyDescent="0.25">
      <c r="D8504" s="6">
        <v>451.59210000000002</v>
      </c>
      <c r="E8504" s="6">
        <v>3920.056</v>
      </c>
    </row>
    <row r="8505" spans="4:5" x14ac:dyDescent="0.25">
      <c r="D8505" s="6">
        <v>1509.0650000000001</v>
      </c>
      <c r="E8505" s="6">
        <v>573.38890000000004</v>
      </c>
    </row>
    <row r="8506" spans="4:5" x14ac:dyDescent="0.25">
      <c r="D8506" s="6">
        <v>1125.4880000000001</v>
      </c>
      <c r="E8506" s="6">
        <v>649.62729999999999</v>
      </c>
    </row>
    <row r="8507" spans="4:5" x14ac:dyDescent="0.25">
      <c r="D8507" s="6">
        <v>2169.0320000000002</v>
      </c>
      <c r="E8507" s="6">
        <v>612.52480000000003</v>
      </c>
    </row>
    <row r="8508" spans="4:5" x14ac:dyDescent="0.25">
      <c r="D8508" s="6">
        <v>502.27449999999999</v>
      </c>
      <c r="E8508" s="6">
        <v>529.45010000000002</v>
      </c>
    </row>
    <row r="8509" spans="4:5" x14ac:dyDescent="0.25">
      <c r="D8509" s="6">
        <v>946.31309999999996</v>
      </c>
      <c r="E8509" s="6">
        <v>780.97090000000003</v>
      </c>
    </row>
    <row r="8510" spans="4:5" x14ac:dyDescent="0.25">
      <c r="D8510" s="6">
        <v>2749.404</v>
      </c>
      <c r="E8510" s="6">
        <v>4057.13</v>
      </c>
    </row>
    <row r="8511" spans="4:5" x14ac:dyDescent="0.25">
      <c r="D8511" s="6">
        <v>1162.1030000000001</v>
      </c>
      <c r="E8511" s="6">
        <v>523.29989999999998</v>
      </c>
    </row>
    <row r="8512" spans="4:5" x14ac:dyDescent="0.25">
      <c r="D8512" s="6">
        <v>718.49839999999995</v>
      </c>
      <c r="E8512" s="6">
        <v>508.5</v>
      </c>
    </row>
    <row r="8513" spans="4:5" x14ac:dyDescent="0.25">
      <c r="D8513" s="6">
        <v>724.84280000000001</v>
      </c>
      <c r="E8513" s="6">
        <v>1118.7909999999999</v>
      </c>
    </row>
    <row r="8514" spans="4:5" x14ac:dyDescent="0.25">
      <c r="D8514" s="6">
        <v>685.46609999999998</v>
      </c>
      <c r="E8514" s="6">
        <v>444.97489999999999</v>
      </c>
    </row>
    <row r="8515" spans="4:5" x14ac:dyDescent="0.25">
      <c r="D8515" s="6">
        <v>625.78740000000005</v>
      </c>
      <c r="E8515" s="6">
        <v>2413.1439999999998</v>
      </c>
    </row>
    <row r="8516" spans="4:5" x14ac:dyDescent="0.25">
      <c r="D8516" s="6">
        <v>879.26679999999999</v>
      </c>
      <c r="E8516" s="6">
        <v>693.00670000000002</v>
      </c>
    </row>
    <row r="8517" spans="4:5" x14ac:dyDescent="0.25">
      <c r="D8517" s="6">
        <v>840.14189999999996</v>
      </c>
      <c r="E8517" s="6">
        <v>2996.587</v>
      </c>
    </row>
    <row r="8518" spans="4:5" x14ac:dyDescent="0.25">
      <c r="D8518" s="6">
        <v>521.3818</v>
      </c>
      <c r="E8518" s="6">
        <v>3212.5610000000001</v>
      </c>
    </row>
    <row r="8519" spans="4:5" x14ac:dyDescent="0.25">
      <c r="D8519" s="6">
        <v>567.34950000000003</v>
      </c>
      <c r="E8519" s="6">
        <v>761.3021</v>
      </c>
    </row>
    <row r="8520" spans="4:5" x14ac:dyDescent="0.25">
      <c r="D8520" s="6">
        <v>1389.5229999999999</v>
      </c>
      <c r="E8520" s="6">
        <v>1278.9369999999999</v>
      </c>
    </row>
    <row r="8521" spans="4:5" x14ac:dyDescent="0.25">
      <c r="D8521" s="6">
        <v>772.5575</v>
      </c>
      <c r="E8521" s="6">
        <v>1344.7</v>
      </c>
    </row>
    <row r="8522" spans="4:5" x14ac:dyDescent="0.25">
      <c r="D8522" s="6">
        <v>573.61329999999998</v>
      </c>
      <c r="E8522" s="6">
        <v>503.6</v>
      </c>
    </row>
    <row r="8523" spans="4:5" x14ac:dyDescent="0.25">
      <c r="D8523" s="6">
        <v>3284.143</v>
      </c>
      <c r="E8523" s="6">
        <v>2873.422</v>
      </c>
    </row>
    <row r="8524" spans="4:5" x14ac:dyDescent="0.25">
      <c r="D8524" s="6">
        <v>586.05880000000002</v>
      </c>
      <c r="E8524" s="6">
        <v>578.27539999999999</v>
      </c>
    </row>
    <row r="8525" spans="4:5" x14ac:dyDescent="0.25">
      <c r="D8525" s="6">
        <v>1683.4580000000001</v>
      </c>
      <c r="E8525" s="6">
        <v>593.43380000000002</v>
      </c>
    </row>
    <row r="8526" spans="4:5" x14ac:dyDescent="0.25">
      <c r="D8526" s="6">
        <v>6143.64</v>
      </c>
      <c r="E8526" s="6">
        <v>1775.172</v>
      </c>
    </row>
    <row r="8527" spans="4:5" x14ac:dyDescent="0.25">
      <c r="D8527" s="6">
        <v>1038.2629999999999</v>
      </c>
      <c r="E8527" s="6">
        <v>1367.674</v>
      </c>
    </row>
    <row r="8528" spans="4:5" x14ac:dyDescent="0.25">
      <c r="D8528" s="6">
        <v>771.29380000000003</v>
      </c>
      <c r="E8528" s="6">
        <v>925.32560000000001</v>
      </c>
    </row>
    <row r="8529" spans="4:5" x14ac:dyDescent="0.25">
      <c r="D8529" s="6">
        <v>716.86170000000004</v>
      </c>
      <c r="E8529" s="6">
        <v>844.78480000000002</v>
      </c>
    </row>
    <row r="8530" spans="4:5" x14ac:dyDescent="0.25">
      <c r="D8530" s="6">
        <v>3531.8449999999998</v>
      </c>
      <c r="E8530" s="6">
        <v>580.88850000000002</v>
      </c>
    </row>
    <row r="8531" spans="4:5" x14ac:dyDescent="0.25">
      <c r="D8531" s="6">
        <v>601.23379999999997</v>
      </c>
      <c r="E8531" s="6">
        <v>728.56650000000002</v>
      </c>
    </row>
    <row r="8532" spans="4:5" x14ac:dyDescent="0.25">
      <c r="D8532" s="6">
        <v>332.64859999999999</v>
      </c>
      <c r="E8532" s="6">
        <v>3768.672</v>
      </c>
    </row>
    <row r="8533" spans="4:5" x14ac:dyDescent="0.25">
      <c r="D8533" s="6">
        <v>1416.663</v>
      </c>
      <c r="E8533" s="6">
        <v>2919.8470000000002</v>
      </c>
    </row>
    <row r="8534" spans="4:5" x14ac:dyDescent="0.25">
      <c r="D8534" s="6">
        <v>5891.8180000000002</v>
      </c>
      <c r="E8534" s="6">
        <v>3020.2130000000002</v>
      </c>
    </row>
    <row r="8535" spans="4:5" x14ac:dyDescent="0.25">
      <c r="D8535" s="6">
        <v>645.24540000000002</v>
      </c>
      <c r="E8535" s="6">
        <v>479.05169999999998</v>
      </c>
    </row>
    <row r="8536" spans="4:5" x14ac:dyDescent="0.25">
      <c r="D8536" s="6">
        <v>676.66210000000001</v>
      </c>
      <c r="E8536" s="6">
        <v>1176.299</v>
      </c>
    </row>
    <row r="8537" spans="4:5" x14ac:dyDescent="0.25">
      <c r="D8537" s="6">
        <v>424.64449999999999</v>
      </c>
      <c r="E8537" s="6">
        <v>1279.172</v>
      </c>
    </row>
    <row r="8538" spans="4:5" x14ac:dyDescent="0.25">
      <c r="D8538" s="6">
        <v>4668.3779999999997</v>
      </c>
      <c r="E8538" s="6">
        <v>582.85820000000001</v>
      </c>
    </row>
    <row r="8539" spans="4:5" x14ac:dyDescent="0.25">
      <c r="D8539" s="6">
        <v>1177.0540000000001</v>
      </c>
      <c r="E8539" s="6">
        <v>2664.6619999999998</v>
      </c>
    </row>
    <row r="8540" spans="4:5" x14ac:dyDescent="0.25">
      <c r="D8540" s="6">
        <v>874.85500000000002</v>
      </c>
      <c r="E8540" s="6">
        <v>2072.473</v>
      </c>
    </row>
    <row r="8541" spans="4:5" x14ac:dyDescent="0.25">
      <c r="D8541" s="6">
        <v>388.25</v>
      </c>
      <c r="E8541" s="6">
        <v>968.91549999999995</v>
      </c>
    </row>
    <row r="8542" spans="4:5" x14ac:dyDescent="0.25">
      <c r="D8542" s="6">
        <v>649.39020000000005</v>
      </c>
      <c r="E8542" s="6">
        <v>815.0693</v>
      </c>
    </row>
    <row r="8543" spans="4:5" x14ac:dyDescent="0.25">
      <c r="D8543" s="6">
        <v>1369.127</v>
      </c>
      <c r="E8543" s="6">
        <v>1084.95</v>
      </c>
    </row>
    <row r="8544" spans="4:5" x14ac:dyDescent="0.25">
      <c r="D8544" s="6">
        <v>3878.18</v>
      </c>
      <c r="E8544" s="6">
        <v>525.14840000000004</v>
      </c>
    </row>
    <row r="8545" spans="4:5" x14ac:dyDescent="0.25">
      <c r="D8545" s="6">
        <v>2903.5630000000001</v>
      </c>
      <c r="E8545" s="6">
        <v>605.90549999999996</v>
      </c>
    </row>
    <row r="8546" spans="4:5" x14ac:dyDescent="0.25">
      <c r="D8546" s="6">
        <v>636.69110000000001</v>
      </c>
      <c r="E8546" s="6">
        <v>402.5763</v>
      </c>
    </row>
    <row r="8547" spans="4:5" x14ac:dyDescent="0.25">
      <c r="D8547" s="6">
        <v>485.65940000000001</v>
      </c>
      <c r="E8547" s="6">
        <v>2863.2919999999999</v>
      </c>
    </row>
    <row r="8548" spans="4:5" x14ac:dyDescent="0.25">
      <c r="D8548" s="6">
        <v>517.61869999999999</v>
      </c>
      <c r="E8548" s="6">
        <v>464.30959999999999</v>
      </c>
    </row>
    <row r="8549" spans="4:5" x14ac:dyDescent="0.25">
      <c r="D8549" s="6">
        <v>683.45920000000001</v>
      </c>
      <c r="E8549" s="6">
        <v>1314.95</v>
      </c>
    </row>
    <row r="8550" spans="4:5" x14ac:dyDescent="0.25">
      <c r="D8550" s="6">
        <v>1211.356</v>
      </c>
      <c r="E8550" s="6">
        <v>594.73109999999997</v>
      </c>
    </row>
    <row r="8551" spans="4:5" x14ac:dyDescent="0.25">
      <c r="D8551" s="6">
        <v>4247.2510000000002</v>
      </c>
      <c r="E8551" s="6">
        <v>1241.0630000000001</v>
      </c>
    </row>
    <row r="8552" spans="4:5" x14ac:dyDescent="0.25">
      <c r="D8552" s="6">
        <v>688.14279999999997</v>
      </c>
      <c r="E8552" s="6">
        <v>2974.471</v>
      </c>
    </row>
    <row r="8553" spans="4:5" x14ac:dyDescent="0.25">
      <c r="D8553" s="6">
        <v>482.6001</v>
      </c>
      <c r="E8553" s="6">
        <v>584.64359999999999</v>
      </c>
    </row>
    <row r="8554" spans="4:5" x14ac:dyDescent="0.25">
      <c r="D8554" s="6">
        <v>677.07209999999998</v>
      </c>
      <c r="E8554" s="6">
        <v>1117.33</v>
      </c>
    </row>
    <row r="8555" spans="4:5" x14ac:dyDescent="0.25">
      <c r="D8555" s="6">
        <v>5746.4809999999998</v>
      </c>
      <c r="E8555" s="6">
        <v>1582.5</v>
      </c>
    </row>
    <row r="8556" spans="4:5" x14ac:dyDescent="0.25">
      <c r="D8556" s="6">
        <v>6528.17</v>
      </c>
      <c r="E8556" s="6">
        <v>482.92270000000002</v>
      </c>
    </row>
    <row r="8557" spans="4:5" x14ac:dyDescent="0.25">
      <c r="D8557" s="6">
        <v>1174.44</v>
      </c>
      <c r="E8557" s="6">
        <v>578.60220000000004</v>
      </c>
    </row>
    <row r="8558" spans="4:5" x14ac:dyDescent="0.25">
      <c r="D8558" s="6">
        <v>4397.4920000000002</v>
      </c>
      <c r="E8558" s="6">
        <v>513.05269999999996</v>
      </c>
    </row>
    <row r="8559" spans="4:5" x14ac:dyDescent="0.25">
      <c r="D8559" s="6">
        <v>3734.607</v>
      </c>
      <c r="E8559" s="6">
        <v>847.46299999999997</v>
      </c>
    </row>
    <row r="8560" spans="4:5" x14ac:dyDescent="0.25">
      <c r="D8560" s="6">
        <v>1486.7149999999999</v>
      </c>
      <c r="E8560" s="6">
        <v>3525.453</v>
      </c>
    </row>
    <row r="8561" spans="4:5" x14ac:dyDescent="0.25">
      <c r="D8561" s="6">
        <v>6166.8490000000002</v>
      </c>
      <c r="E8561" s="6">
        <v>1366.2760000000001</v>
      </c>
    </row>
    <row r="8562" spans="4:5" x14ac:dyDescent="0.25">
      <c r="D8562" s="6">
        <v>917.25030000000004</v>
      </c>
      <c r="E8562" s="6">
        <v>1764.11</v>
      </c>
    </row>
    <row r="8563" spans="4:5" x14ac:dyDescent="0.25">
      <c r="D8563" s="6">
        <v>537.28809999999999</v>
      </c>
      <c r="E8563" s="6">
        <v>3094.1239999999998</v>
      </c>
    </row>
    <row r="8564" spans="4:5" x14ac:dyDescent="0.25">
      <c r="D8564" s="6">
        <v>1612.779</v>
      </c>
      <c r="E8564" s="6">
        <v>1282.1089999999999</v>
      </c>
    </row>
    <row r="8565" spans="4:5" x14ac:dyDescent="0.25">
      <c r="D8565" s="6">
        <v>511.56970000000001</v>
      </c>
      <c r="E8565" s="6">
        <v>3350.6419999999998</v>
      </c>
    </row>
    <row r="8566" spans="4:5" x14ac:dyDescent="0.25">
      <c r="D8566" s="6">
        <v>1278.587</v>
      </c>
      <c r="E8566" s="6">
        <v>687.81629999999996</v>
      </c>
    </row>
    <row r="8567" spans="4:5" x14ac:dyDescent="0.25">
      <c r="D8567" s="6">
        <v>1527.191</v>
      </c>
      <c r="E8567" s="6">
        <v>554.16679999999997</v>
      </c>
    </row>
    <row r="8568" spans="4:5" x14ac:dyDescent="0.25">
      <c r="D8568" s="6">
        <v>709.83140000000003</v>
      </c>
      <c r="E8568" s="6">
        <v>1215.837</v>
      </c>
    </row>
    <row r="8569" spans="4:5" x14ac:dyDescent="0.25">
      <c r="D8569" s="6">
        <v>1514.25</v>
      </c>
      <c r="E8569" s="6">
        <v>732</v>
      </c>
    </row>
    <row r="8570" spans="4:5" x14ac:dyDescent="0.25">
      <c r="D8570" s="6">
        <v>5253.2749999999996</v>
      </c>
      <c r="E8570" s="6">
        <v>562.89149999999995</v>
      </c>
    </row>
    <row r="8571" spans="4:5" x14ac:dyDescent="0.25">
      <c r="D8571" s="6">
        <v>379.35480000000001</v>
      </c>
      <c r="E8571" s="6">
        <v>1291.056</v>
      </c>
    </row>
    <row r="8572" spans="4:5" x14ac:dyDescent="0.25">
      <c r="D8572" s="6">
        <v>5472.7510000000002</v>
      </c>
      <c r="E8572" s="6">
        <v>3815.817</v>
      </c>
    </row>
    <row r="8573" spans="4:5" x14ac:dyDescent="0.25">
      <c r="D8573" s="6">
        <v>1000.2</v>
      </c>
      <c r="E8573" s="6">
        <v>606.08219999999994</v>
      </c>
    </row>
    <row r="8574" spans="4:5" x14ac:dyDescent="0.25">
      <c r="D8574" s="6">
        <v>689.30430000000001</v>
      </c>
      <c r="E8574" s="6">
        <v>418.04379999999998</v>
      </c>
    </row>
    <row r="8575" spans="4:5" x14ac:dyDescent="0.25">
      <c r="D8575" s="6">
        <v>774.61099999999999</v>
      </c>
      <c r="E8575" s="6">
        <v>634.00850000000003</v>
      </c>
    </row>
    <row r="8576" spans="4:5" x14ac:dyDescent="0.25">
      <c r="D8576" s="6">
        <v>687.22979999999995</v>
      </c>
      <c r="E8576" s="6">
        <v>584.20860000000005</v>
      </c>
    </row>
    <row r="8577" spans="4:5" x14ac:dyDescent="0.25">
      <c r="D8577" s="6">
        <v>4604.4530000000004</v>
      </c>
      <c r="E8577" s="6">
        <v>1153.434</v>
      </c>
    </row>
    <row r="8578" spans="4:5" x14ac:dyDescent="0.25">
      <c r="D8578" s="6">
        <v>782.69230000000005</v>
      </c>
      <c r="E8578" s="6">
        <v>521.50250000000005</v>
      </c>
    </row>
    <row r="8579" spans="4:5" x14ac:dyDescent="0.25">
      <c r="D8579" s="6">
        <v>1282.241</v>
      </c>
      <c r="E8579" s="6">
        <v>11913.95</v>
      </c>
    </row>
    <row r="8580" spans="4:5" x14ac:dyDescent="0.25">
      <c r="D8580" s="6">
        <v>5648.348</v>
      </c>
      <c r="E8580" s="6">
        <v>707.95280000000002</v>
      </c>
    </row>
    <row r="8581" spans="4:5" x14ac:dyDescent="0.25">
      <c r="D8581" s="6">
        <v>439.82409999999999</v>
      </c>
      <c r="E8581" s="6">
        <v>562.35829999999999</v>
      </c>
    </row>
    <row r="8582" spans="4:5" x14ac:dyDescent="0.25">
      <c r="D8582" s="6">
        <v>6208.701</v>
      </c>
      <c r="E8582" s="6">
        <v>605.9787</v>
      </c>
    </row>
    <row r="8583" spans="4:5" x14ac:dyDescent="0.25">
      <c r="D8583" s="6">
        <v>572.79430000000002</v>
      </c>
      <c r="E8583" s="6">
        <v>544.15909999999997</v>
      </c>
    </row>
    <row r="8584" spans="4:5" x14ac:dyDescent="0.25">
      <c r="D8584" s="6">
        <v>6728.3320000000003</v>
      </c>
      <c r="E8584" s="6">
        <v>992.35119999999995</v>
      </c>
    </row>
    <row r="8585" spans="4:5" x14ac:dyDescent="0.25">
      <c r="D8585" s="6">
        <v>865.32299999999998</v>
      </c>
      <c r="E8585" s="6">
        <v>542.57090000000005</v>
      </c>
    </row>
    <row r="8586" spans="4:5" x14ac:dyDescent="0.25">
      <c r="D8586" s="6">
        <v>451.125</v>
      </c>
      <c r="E8586" s="6">
        <v>2217</v>
      </c>
    </row>
    <row r="8587" spans="4:5" x14ac:dyDescent="0.25">
      <c r="D8587" s="6">
        <v>3370.8789999999999</v>
      </c>
      <c r="E8587" s="6">
        <v>1095.3230000000001</v>
      </c>
    </row>
    <row r="8588" spans="4:5" x14ac:dyDescent="0.25">
      <c r="D8588" s="6">
        <v>1147.8150000000001</v>
      </c>
      <c r="E8588" s="6">
        <v>497.32249999999999</v>
      </c>
    </row>
    <row r="8589" spans="4:5" x14ac:dyDescent="0.25">
      <c r="D8589" s="6">
        <v>852.54070000000002</v>
      </c>
      <c r="E8589" s="6">
        <v>719.87180000000001</v>
      </c>
    </row>
    <row r="8590" spans="4:5" x14ac:dyDescent="0.25">
      <c r="D8590" s="6">
        <v>2427.8150000000001</v>
      </c>
      <c r="E8590" s="6">
        <v>4207.4830000000002</v>
      </c>
    </row>
    <row r="8591" spans="4:5" x14ac:dyDescent="0.25">
      <c r="D8591" s="6">
        <v>570.82590000000005</v>
      </c>
      <c r="E8591" s="6">
        <v>523.12660000000005</v>
      </c>
    </row>
    <row r="8592" spans="4:5" x14ac:dyDescent="0.25">
      <c r="D8592" s="6">
        <v>5816.2280000000001</v>
      </c>
      <c r="E8592" s="6">
        <v>3324.8739999999998</v>
      </c>
    </row>
    <row r="8593" spans="4:5" x14ac:dyDescent="0.25">
      <c r="D8593" s="6">
        <v>688.21749999999997</v>
      </c>
      <c r="E8593" s="6">
        <v>575.55679999999995</v>
      </c>
    </row>
    <row r="8594" spans="4:5" x14ac:dyDescent="0.25">
      <c r="D8594" s="6">
        <v>498.6524</v>
      </c>
      <c r="E8594" s="6">
        <v>589.93579999999997</v>
      </c>
    </row>
    <row r="8595" spans="4:5" x14ac:dyDescent="0.25">
      <c r="D8595" s="6">
        <v>4540.4170000000004</v>
      </c>
      <c r="E8595" s="6">
        <v>504.041</v>
      </c>
    </row>
    <row r="8596" spans="4:5" x14ac:dyDescent="0.25">
      <c r="D8596" s="6">
        <v>532.73770000000002</v>
      </c>
      <c r="E8596" s="6">
        <v>2585.4380000000001</v>
      </c>
    </row>
    <row r="8597" spans="4:5" x14ac:dyDescent="0.25">
      <c r="D8597" s="6">
        <v>3928.95</v>
      </c>
      <c r="E8597" s="6">
        <v>621.07989999999995</v>
      </c>
    </row>
    <row r="8598" spans="4:5" x14ac:dyDescent="0.25">
      <c r="D8598" s="6">
        <v>483.88839999999999</v>
      </c>
      <c r="E8598" s="6">
        <v>683.48050000000001</v>
      </c>
    </row>
    <row r="8599" spans="4:5" x14ac:dyDescent="0.25">
      <c r="D8599" s="6">
        <v>628.06380000000001</v>
      </c>
      <c r="E8599" s="6">
        <v>811</v>
      </c>
    </row>
    <row r="8600" spans="4:5" x14ac:dyDescent="0.25">
      <c r="D8600" s="6">
        <v>673.57399999999996</v>
      </c>
      <c r="E8600" s="6">
        <v>2383.3249999999998</v>
      </c>
    </row>
    <row r="8601" spans="4:5" x14ac:dyDescent="0.25">
      <c r="D8601" s="6">
        <v>583.21889999999996</v>
      </c>
      <c r="E8601" s="6">
        <v>2354.1480000000001</v>
      </c>
    </row>
    <row r="8602" spans="4:5" x14ac:dyDescent="0.25">
      <c r="D8602" s="6">
        <v>447.42259999999999</v>
      </c>
      <c r="E8602" s="6">
        <v>612.75559999999996</v>
      </c>
    </row>
    <row r="8603" spans="4:5" x14ac:dyDescent="0.25">
      <c r="D8603" s="6">
        <v>599.4058</v>
      </c>
      <c r="E8603" s="6">
        <v>773.1377</v>
      </c>
    </row>
    <row r="8604" spans="4:5" x14ac:dyDescent="0.25">
      <c r="D8604" s="6">
        <v>784.13810000000001</v>
      </c>
      <c r="E8604" s="6">
        <v>3319.6930000000002</v>
      </c>
    </row>
    <row r="8605" spans="4:5" x14ac:dyDescent="0.25">
      <c r="D8605" s="6">
        <v>1262.9369999999999</v>
      </c>
      <c r="E8605" s="6">
        <v>676.88210000000004</v>
      </c>
    </row>
    <row r="8606" spans="4:5" x14ac:dyDescent="0.25">
      <c r="D8606" s="6">
        <v>842</v>
      </c>
      <c r="E8606" s="6">
        <v>564.33040000000005</v>
      </c>
    </row>
    <row r="8607" spans="4:5" x14ac:dyDescent="0.25">
      <c r="D8607" s="6">
        <v>3593.4659999999999</v>
      </c>
      <c r="E8607" s="6">
        <v>624.20669999999996</v>
      </c>
    </row>
    <row r="8608" spans="4:5" x14ac:dyDescent="0.25">
      <c r="D8608" s="6">
        <v>479.8</v>
      </c>
      <c r="E8608" s="6">
        <v>736.72720000000004</v>
      </c>
    </row>
    <row r="8609" spans="4:5" x14ac:dyDescent="0.25">
      <c r="D8609" s="6">
        <v>559.11689999999999</v>
      </c>
      <c r="E8609" s="6">
        <v>556.72910000000002</v>
      </c>
    </row>
    <row r="8610" spans="4:5" x14ac:dyDescent="0.25">
      <c r="D8610" s="6">
        <v>7637.8819999999996</v>
      </c>
      <c r="E8610" s="6">
        <v>488.41640000000001</v>
      </c>
    </row>
    <row r="8611" spans="4:5" x14ac:dyDescent="0.25">
      <c r="D8611" s="6">
        <v>5573.3389999999999</v>
      </c>
      <c r="E8611" s="6">
        <v>1275</v>
      </c>
    </row>
    <row r="8612" spans="4:5" x14ac:dyDescent="0.25">
      <c r="D8612" s="6">
        <v>737.82550000000003</v>
      </c>
      <c r="E8612" s="6">
        <v>1098.0360000000001</v>
      </c>
    </row>
    <row r="8613" spans="4:5" x14ac:dyDescent="0.25">
      <c r="D8613" s="6">
        <v>6693.951</v>
      </c>
      <c r="E8613" s="6">
        <v>958.66300000000001</v>
      </c>
    </row>
    <row r="8614" spans="4:5" x14ac:dyDescent="0.25">
      <c r="D8614" s="6">
        <v>780.19979999999998</v>
      </c>
      <c r="E8614" s="6">
        <v>577.47860000000003</v>
      </c>
    </row>
    <row r="8615" spans="4:5" x14ac:dyDescent="0.25">
      <c r="D8615" s="6">
        <v>439.13279999999997</v>
      </c>
      <c r="E8615" s="6">
        <v>4076.1889999999999</v>
      </c>
    </row>
    <row r="8616" spans="4:5" x14ac:dyDescent="0.25">
      <c r="D8616" s="6">
        <v>607.13499999999999</v>
      </c>
      <c r="E8616" s="6">
        <v>3836.2460000000001</v>
      </c>
    </row>
    <row r="8617" spans="4:5" x14ac:dyDescent="0.25">
      <c r="D8617" s="6">
        <v>1301.3309999999999</v>
      </c>
      <c r="E8617" s="6">
        <v>532.33219999999994</v>
      </c>
    </row>
    <row r="8618" spans="4:5" x14ac:dyDescent="0.25">
      <c r="D8618" s="6">
        <v>1691.9829999999999</v>
      </c>
      <c r="E8618" s="6">
        <v>1016.715</v>
      </c>
    </row>
    <row r="8619" spans="4:5" x14ac:dyDescent="0.25">
      <c r="D8619" s="6">
        <v>478.28809999999999</v>
      </c>
      <c r="E8619" s="6">
        <v>3108.576</v>
      </c>
    </row>
    <row r="8620" spans="4:5" x14ac:dyDescent="0.25">
      <c r="D8620" s="6">
        <v>599.04870000000005</v>
      </c>
      <c r="E8620" s="6">
        <v>1572.442</v>
      </c>
    </row>
    <row r="8621" spans="4:5" x14ac:dyDescent="0.25">
      <c r="D8621" s="6">
        <v>780.72820000000002</v>
      </c>
      <c r="E8621" s="6">
        <v>548.92780000000005</v>
      </c>
    </row>
    <row r="8622" spans="4:5" x14ac:dyDescent="0.25">
      <c r="D8622" s="6">
        <v>4769.2110000000002</v>
      </c>
      <c r="E8622" s="6">
        <v>686.23149999999998</v>
      </c>
    </row>
    <row r="8623" spans="4:5" x14ac:dyDescent="0.25">
      <c r="D8623" s="6">
        <v>601.50810000000001</v>
      </c>
      <c r="E8623" s="6">
        <v>652.97950000000003</v>
      </c>
    </row>
    <row r="8624" spans="4:5" x14ac:dyDescent="0.25">
      <c r="D8624" s="6">
        <v>712.91729999999995</v>
      </c>
      <c r="E8624" s="6">
        <v>578.48900000000003</v>
      </c>
    </row>
    <row r="8625" spans="4:5" x14ac:dyDescent="0.25">
      <c r="D8625" s="6">
        <v>648.68640000000005</v>
      </c>
      <c r="E8625" s="6">
        <v>2535.4749999999999</v>
      </c>
    </row>
    <row r="8626" spans="4:5" x14ac:dyDescent="0.25">
      <c r="D8626" s="6">
        <v>2092.4810000000002</v>
      </c>
      <c r="E8626" s="6">
        <v>1191.8499999999999</v>
      </c>
    </row>
    <row r="8627" spans="4:5" x14ac:dyDescent="0.25">
      <c r="D8627" s="6">
        <v>1936.75</v>
      </c>
      <c r="E8627" s="6">
        <v>2653.558</v>
      </c>
    </row>
    <row r="8628" spans="4:5" x14ac:dyDescent="0.25">
      <c r="D8628" s="6">
        <v>2920.09</v>
      </c>
      <c r="E8628" s="6">
        <v>872.69449999999995</v>
      </c>
    </row>
    <row r="8629" spans="4:5" x14ac:dyDescent="0.25">
      <c r="D8629" s="6">
        <v>516.26670000000001</v>
      </c>
      <c r="E8629" s="6">
        <v>1277.7539999999999</v>
      </c>
    </row>
    <row r="8630" spans="4:5" x14ac:dyDescent="0.25">
      <c r="D8630" s="6">
        <v>649.30110000000002</v>
      </c>
      <c r="E8630" s="6">
        <v>1772.8330000000001</v>
      </c>
    </row>
    <row r="8631" spans="4:5" x14ac:dyDescent="0.25">
      <c r="D8631" s="6">
        <v>7697.799</v>
      </c>
      <c r="E8631" s="6">
        <v>517.94179999999994</v>
      </c>
    </row>
    <row r="8632" spans="4:5" x14ac:dyDescent="0.25">
      <c r="D8632" s="6">
        <v>1032.55</v>
      </c>
      <c r="E8632" s="6">
        <v>1063.8040000000001</v>
      </c>
    </row>
    <row r="8633" spans="4:5" x14ac:dyDescent="0.25">
      <c r="D8633" s="6">
        <v>843.08510000000001</v>
      </c>
      <c r="E8633" s="6">
        <v>1084.3969999999999</v>
      </c>
    </row>
    <row r="8634" spans="4:5" x14ac:dyDescent="0.25">
      <c r="D8634" s="6">
        <v>1444.568</v>
      </c>
      <c r="E8634" s="6">
        <v>1160.817</v>
      </c>
    </row>
    <row r="8635" spans="4:5" x14ac:dyDescent="0.25">
      <c r="D8635" s="6">
        <v>1699.2049999999999</v>
      </c>
      <c r="E8635" s="6">
        <v>1117.1990000000001</v>
      </c>
    </row>
    <row r="8636" spans="4:5" x14ac:dyDescent="0.25">
      <c r="D8636" s="6">
        <v>787.57159999999999</v>
      </c>
      <c r="E8636" s="6">
        <v>1206.0650000000001</v>
      </c>
    </row>
    <row r="8637" spans="4:5" x14ac:dyDescent="0.25">
      <c r="D8637" s="6">
        <v>1093.931</v>
      </c>
      <c r="E8637" s="6">
        <v>3751.7689999999998</v>
      </c>
    </row>
    <row r="8638" spans="4:5" x14ac:dyDescent="0.25">
      <c r="D8638" s="6">
        <v>525.66669999999999</v>
      </c>
      <c r="E8638" s="6">
        <v>583.14859999999999</v>
      </c>
    </row>
    <row r="8639" spans="4:5" x14ac:dyDescent="0.25">
      <c r="D8639" s="6">
        <v>4326.2349999999997</v>
      </c>
      <c r="E8639" s="6">
        <v>495.75850000000003</v>
      </c>
    </row>
    <row r="8640" spans="4:5" x14ac:dyDescent="0.25">
      <c r="D8640" s="6">
        <v>708.78899999999999</v>
      </c>
      <c r="E8640" s="6">
        <v>492.31569999999999</v>
      </c>
    </row>
    <row r="8641" spans="4:5" x14ac:dyDescent="0.25">
      <c r="D8641" s="6">
        <v>574.25229999999999</v>
      </c>
      <c r="E8641" s="6">
        <v>3383.4850000000001</v>
      </c>
    </row>
    <row r="8642" spans="4:5" x14ac:dyDescent="0.25">
      <c r="D8642" s="6">
        <v>1324.597</v>
      </c>
      <c r="E8642" s="6">
        <v>740.23429999999996</v>
      </c>
    </row>
    <row r="8643" spans="4:5" x14ac:dyDescent="0.25">
      <c r="D8643" s="6">
        <v>665</v>
      </c>
      <c r="E8643" s="6">
        <v>1322.5340000000001</v>
      </c>
    </row>
    <row r="8644" spans="4:5" x14ac:dyDescent="0.25">
      <c r="D8644" s="6">
        <v>891.52779999999996</v>
      </c>
      <c r="E8644" s="6">
        <v>1118.7090000000001</v>
      </c>
    </row>
    <row r="8645" spans="4:5" x14ac:dyDescent="0.25">
      <c r="D8645" s="6">
        <v>1269.521</v>
      </c>
      <c r="E8645" s="6">
        <v>467.31220000000002</v>
      </c>
    </row>
    <row r="8646" spans="4:5" x14ac:dyDescent="0.25">
      <c r="D8646" s="6">
        <v>753.65819999999997</v>
      </c>
      <c r="E8646" s="6">
        <v>891.61410000000001</v>
      </c>
    </row>
    <row r="8647" spans="4:5" x14ac:dyDescent="0.25">
      <c r="D8647" s="6">
        <v>783.00289999999995</v>
      </c>
      <c r="E8647" s="6">
        <v>1391.751</v>
      </c>
    </row>
    <row r="8648" spans="4:5" x14ac:dyDescent="0.25">
      <c r="D8648" s="6">
        <v>558.45060000000001</v>
      </c>
      <c r="E8648" s="6">
        <v>485.87290000000002</v>
      </c>
    </row>
    <row r="8649" spans="4:5" x14ac:dyDescent="0.25">
      <c r="D8649" s="6">
        <v>663.87509999999997</v>
      </c>
      <c r="E8649" s="6">
        <v>619.36069999999995</v>
      </c>
    </row>
    <row r="8650" spans="4:5" x14ac:dyDescent="0.25">
      <c r="D8650" s="6">
        <v>1016.354</v>
      </c>
      <c r="E8650" s="6">
        <v>1188.68</v>
      </c>
    </row>
    <row r="8651" spans="4:5" x14ac:dyDescent="0.25">
      <c r="D8651" s="6">
        <v>551.95889999999997</v>
      </c>
      <c r="E8651" s="6">
        <v>606.57579999999996</v>
      </c>
    </row>
    <row r="8652" spans="4:5" x14ac:dyDescent="0.25">
      <c r="D8652" s="6">
        <v>693.08240000000001</v>
      </c>
      <c r="E8652" s="6">
        <v>1252.1179999999999</v>
      </c>
    </row>
    <row r="8653" spans="4:5" x14ac:dyDescent="0.25">
      <c r="D8653" s="6">
        <v>562.83130000000006</v>
      </c>
      <c r="E8653" s="6">
        <v>671.95450000000005</v>
      </c>
    </row>
    <row r="8654" spans="4:5" x14ac:dyDescent="0.25">
      <c r="D8654" s="6">
        <v>774.18499999999995</v>
      </c>
      <c r="E8654" s="6">
        <v>1488.5930000000001</v>
      </c>
    </row>
    <row r="8655" spans="4:5" x14ac:dyDescent="0.25">
      <c r="D8655" s="6">
        <v>4480.8680000000004</v>
      </c>
      <c r="E8655" s="6">
        <v>932.53070000000002</v>
      </c>
    </row>
    <row r="8656" spans="4:5" x14ac:dyDescent="0.25">
      <c r="D8656" s="6">
        <v>509.87599999999998</v>
      </c>
      <c r="E8656" s="6">
        <v>805.8193</v>
      </c>
    </row>
    <row r="8657" spans="4:5" x14ac:dyDescent="0.25">
      <c r="D8657" s="6">
        <v>1479.011</v>
      </c>
      <c r="E8657" s="6">
        <v>1060.434</v>
      </c>
    </row>
    <row r="8658" spans="4:5" x14ac:dyDescent="0.25">
      <c r="D8658" s="6">
        <v>4108.4669999999996</v>
      </c>
      <c r="E8658" s="6">
        <v>1222.75</v>
      </c>
    </row>
    <row r="8659" spans="4:5" x14ac:dyDescent="0.25">
      <c r="D8659" s="6">
        <v>883.89480000000003</v>
      </c>
      <c r="E8659" s="6">
        <v>1228.24</v>
      </c>
    </row>
    <row r="8660" spans="4:5" x14ac:dyDescent="0.25">
      <c r="D8660" s="6">
        <v>5924.4830000000002</v>
      </c>
      <c r="E8660" s="6">
        <v>525.56230000000005</v>
      </c>
    </row>
    <row r="8661" spans="4:5" x14ac:dyDescent="0.25">
      <c r="D8661" s="6">
        <v>577.77269999999999</v>
      </c>
      <c r="E8661" s="6">
        <v>1214.857</v>
      </c>
    </row>
    <row r="8662" spans="4:5" x14ac:dyDescent="0.25">
      <c r="D8662" s="6">
        <v>654</v>
      </c>
      <c r="E8662" s="6">
        <v>563.53650000000005</v>
      </c>
    </row>
    <row r="8663" spans="4:5" x14ac:dyDescent="0.25">
      <c r="D8663" s="6">
        <v>496.59859999999998</v>
      </c>
      <c r="E8663" s="6">
        <v>511.0881</v>
      </c>
    </row>
    <row r="8664" spans="4:5" x14ac:dyDescent="0.25">
      <c r="D8664" s="6">
        <v>720.66070000000002</v>
      </c>
      <c r="E8664" s="6">
        <v>1320.482</v>
      </c>
    </row>
    <row r="8665" spans="4:5" x14ac:dyDescent="0.25">
      <c r="D8665" s="6">
        <v>3605.11</v>
      </c>
      <c r="E8665" s="6">
        <v>1282.58</v>
      </c>
    </row>
    <row r="8666" spans="4:5" x14ac:dyDescent="0.25">
      <c r="D8666" s="6">
        <v>819.27059999999994</v>
      </c>
      <c r="E8666" s="6">
        <v>643.6662</v>
      </c>
    </row>
    <row r="8667" spans="4:5" x14ac:dyDescent="0.25">
      <c r="D8667" s="6">
        <v>2504.8270000000002</v>
      </c>
      <c r="E8667" s="6">
        <v>3262.7159999999999</v>
      </c>
    </row>
    <row r="8668" spans="4:5" x14ac:dyDescent="0.25">
      <c r="D8668" s="6">
        <v>5168.2929999999997</v>
      </c>
      <c r="E8668" s="6">
        <v>1157.0989999999999</v>
      </c>
    </row>
    <row r="8669" spans="4:5" x14ac:dyDescent="0.25">
      <c r="D8669" s="6">
        <v>640.4932</v>
      </c>
      <c r="E8669" s="6">
        <v>2996.6</v>
      </c>
    </row>
    <row r="8670" spans="4:5" x14ac:dyDescent="0.25">
      <c r="D8670" s="6">
        <v>873.2174</v>
      </c>
      <c r="E8670" s="6">
        <v>696.03369999999995</v>
      </c>
    </row>
    <row r="8671" spans="4:5" x14ac:dyDescent="0.25">
      <c r="D8671" s="6">
        <v>1405.528</v>
      </c>
      <c r="E8671" s="6">
        <v>662.12580000000003</v>
      </c>
    </row>
    <row r="8672" spans="4:5" x14ac:dyDescent="0.25">
      <c r="D8672" s="6">
        <v>449.0899</v>
      </c>
      <c r="E8672" s="6">
        <v>1249.3040000000001</v>
      </c>
    </row>
    <row r="8673" spans="4:5" x14ac:dyDescent="0.25">
      <c r="D8673" s="6">
        <v>555.79179999999997</v>
      </c>
      <c r="E8673" s="6">
        <v>546.6377</v>
      </c>
    </row>
    <row r="8674" spans="4:5" x14ac:dyDescent="0.25">
      <c r="D8674" s="6">
        <v>677.14179999999999</v>
      </c>
      <c r="E8674" s="6">
        <v>950.73710000000005</v>
      </c>
    </row>
    <row r="8675" spans="4:5" x14ac:dyDescent="0.25">
      <c r="D8675" s="6">
        <v>922.15200000000004</v>
      </c>
      <c r="E8675" s="6">
        <v>2202.0610000000001</v>
      </c>
    </row>
    <row r="8676" spans="4:5" x14ac:dyDescent="0.25">
      <c r="D8676" s="6">
        <v>5926.3980000000001</v>
      </c>
      <c r="E8676" s="6">
        <v>748.17780000000005</v>
      </c>
    </row>
    <row r="8677" spans="4:5" x14ac:dyDescent="0.25">
      <c r="D8677" s="6">
        <v>581.99699999999996</v>
      </c>
      <c r="E8677" s="6">
        <v>1235.7750000000001</v>
      </c>
    </row>
    <row r="8678" spans="4:5" x14ac:dyDescent="0.25">
      <c r="D8678" s="6">
        <v>487.04610000000002</v>
      </c>
      <c r="E8678" s="6">
        <v>498.9556</v>
      </c>
    </row>
    <row r="8679" spans="4:5" x14ac:dyDescent="0.25">
      <c r="D8679" s="6">
        <v>866.73590000000002</v>
      </c>
      <c r="E8679" s="6">
        <v>564.25340000000006</v>
      </c>
    </row>
    <row r="8680" spans="4:5" x14ac:dyDescent="0.25">
      <c r="D8680" s="6">
        <v>935.33109999999999</v>
      </c>
      <c r="E8680" s="6">
        <v>1028.086</v>
      </c>
    </row>
    <row r="8681" spans="4:5" x14ac:dyDescent="0.25">
      <c r="D8681" s="6">
        <v>3171.6329999999998</v>
      </c>
      <c r="E8681" s="6">
        <v>2981.86</v>
      </c>
    </row>
    <row r="8682" spans="4:5" x14ac:dyDescent="0.25">
      <c r="D8682" s="6">
        <v>534.96609999999998</v>
      </c>
      <c r="E8682" s="6">
        <v>558.74300000000005</v>
      </c>
    </row>
    <row r="8683" spans="4:5" x14ac:dyDescent="0.25">
      <c r="D8683" s="6">
        <v>1305.8889999999999</v>
      </c>
      <c r="E8683" s="6">
        <v>4411.009</v>
      </c>
    </row>
    <row r="8684" spans="4:5" x14ac:dyDescent="0.25">
      <c r="D8684" s="6">
        <v>3965.4079999999999</v>
      </c>
      <c r="E8684" s="6">
        <v>447.10629999999998</v>
      </c>
    </row>
    <row r="8685" spans="4:5" x14ac:dyDescent="0.25">
      <c r="D8685" s="6">
        <v>714.05909999999994</v>
      </c>
      <c r="E8685" s="6">
        <v>2919.6010000000001</v>
      </c>
    </row>
    <row r="8686" spans="4:5" x14ac:dyDescent="0.25">
      <c r="D8686" s="6">
        <v>2394.0619999999999</v>
      </c>
      <c r="E8686" s="6">
        <v>467.56830000000002</v>
      </c>
    </row>
    <row r="8687" spans="4:5" x14ac:dyDescent="0.25">
      <c r="D8687" s="6">
        <v>564.14610000000005</v>
      </c>
      <c r="E8687" s="6">
        <v>1135.049</v>
      </c>
    </row>
    <row r="8688" spans="4:5" x14ac:dyDescent="0.25">
      <c r="D8688" s="6">
        <v>1319.1659999999999</v>
      </c>
      <c r="E8688" s="6">
        <v>504.36099999999999</v>
      </c>
    </row>
    <row r="8689" spans="4:5" x14ac:dyDescent="0.25">
      <c r="D8689" s="6">
        <v>653.72310000000004</v>
      </c>
      <c r="E8689" s="6">
        <v>590.55520000000001</v>
      </c>
    </row>
    <row r="8690" spans="4:5" x14ac:dyDescent="0.25">
      <c r="D8690" s="6">
        <v>640.39239999999995</v>
      </c>
      <c r="E8690" s="6">
        <v>1277.125</v>
      </c>
    </row>
    <row r="8691" spans="4:5" x14ac:dyDescent="0.25">
      <c r="D8691" s="6">
        <v>942.68290000000002</v>
      </c>
      <c r="E8691" s="6">
        <v>1186.598</v>
      </c>
    </row>
    <row r="8692" spans="4:5" x14ac:dyDescent="0.25">
      <c r="D8692" s="6">
        <v>772.69979999999998</v>
      </c>
      <c r="E8692" s="6">
        <v>3066.741</v>
      </c>
    </row>
    <row r="8693" spans="4:5" x14ac:dyDescent="0.25">
      <c r="D8693" s="6">
        <v>525.6721</v>
      </c>
      <c r="E8693" s="6">
        <v>643.82500000000005</v>
      </c>
    </row>
    <row r="8694" spans="4:5" x14ac:dyDescent="0.25">
      <c r="D8694" s="6">
        <v>666.18949999999995</v>
      </c>
      <c r="E8694" s="6">
        <v>3007.855</v>
      </c>
    </row>
    <row r="8695" spans="4:5" x14ac:dyDescent="0.25">
      <c r="D8695" s="6">
        <v>830.63980000000004</v>
      </c>
      <c r="E8695" s="6">
        <v>2728.86</v>
      </c>
    </row>
    <row r="8696" spans="4:5" x14ac:dyDescent="0.25">
      <c r="D8696" s="6">
        <v>6499.7110000000002</v>
      </c>
      <c r="E8696" s="6">
        <v>3445.0949999999998</v>
      </c>
    </row>
    <row r="8697" spans="4:5" x14ac:dyDescent="0.25">
      <c r="D8697" s="6">
        <v>1976.4590000000001</v>
      </c>
      <c r="E8697" s="6">
        <v>1080.4670000000001</v>
      </c>
    </row>
    <row r="8698" spans="4:5" x14ac:dyDescent="0.25">
      <c r="D8698" s="6">
        <v>7502.0690000000004</v>
      </c>
      <c r="E8698" s="6">
        <v>753.69460000000004</v>
      </c>
    </row>
    <row r="8699" spans="4:5" x14ac:dyDescent="0.25">
      <c r="D8699" s="6">
        <v>585.38940000000002</v>
      </c>
      <c r="E8699" s="6">
        <v>729.40189999999996</v>
      </c>
    </row>
    <row r="8700" spans="4:5" x14ac:dyDescent="0.25">
      <c r="D8700" s="6">
        <v>735.42939999999999</v>
      </c>
      <c r="E8700" s="6">
        <v>1367.971</v>
      </c>
    </row>
    <row r="8701" spans="4:5" x14ac:dyDescent="0.25">
      <c r="D8701" s="6">
        <v>534.5</v>
      </c>
      <c r="E8701" s="6">
        <v>1069.528</v>
      </c>
    </row>
    <row r="8702" spans="4:5" x14ac:dyDescent="0.25">
      <c r="D8702" s="6">
        <v>1178.903</v>
      </c>
      <c r="E8702" s="6">
        <v>676.65480000000002</v>
      </c>
    </row>
    <row r="8703" spans="4:5" x14ac:dyDescent="0.25">
      <c r="D8703" s="6">
        <v>4999.18</v>
      </c>
      <c r="E8703" s="6">
        <v>598.6866</v>
      </c>
    </row>
    <row r="8704" spans="4:5" x14ac:dyDescent="0.25">
      <c r="D8704" s="6">
        <v>5410.6239999999998</v>
      </c>
      <c r="E8704" s="6">
        <v>2697.3220000000001</v>
      </c>
    </row>
    <row r="8705" spans="4:5" x14ac:dyDescent="0.25">
      <c r="D8705" s="6">
        <v>4463.4250000000002</v>
      </c>
      <c r="E8705" s="6">
        <v>1473.569</v>
      </c>
    </row>
    <row r="8706" spans="4:5" x14ac:dyDescent="0.25">
      <c r="D8706" s="6">
        <v>715.94920000000002</v>
      </c>
      <c r="E8706" s="6">
        <v>589.69500000000005</v>
      </c>
    </row>
    <row r="8707" spans="4:5" x14ac:dyDescent="0.25">
      <c r="D8707" s="6">
        <v>417.48910000000001</v>
      </c>
      <c r="E8707" s="6">
        <v>568.80380000000002</v>
      </c>
    </row>
    <row r="8708" spans="4:5" x14ac:dyDescent="0.25">
      <c r="D8708" s="6">
        <v>1997.6969999999999</v>
      </c>
      <c r="E8708" s="6">
        <v>2752.377</v>
      </c>
    </row>
    <row r="8709" spans="4:5" x14ac:dyDescent="0.25">
      <c r="D8709" s="6">
        <v>536.55380000000002</v>
      </c>
      <c r="E8709" s="6">
        <v>496.50970000000001</v>
      </c>
    </row>
    <row r="8710" spans="4:5" x14ac:dyDescent="0.25">
      <c r="D8710" s="6">
        <v>604.61630000000002</v>
      </c>
      <c r="E8710" s="6">
        <v>3421.0070000000001</v>
      </c>
    </row>
    <row r="8711" spans="4:5" x14ac:dyDescent="0.25">
      <c r="D8711" s="6">
        <v>4850.5159999999996</v>
      </c>
      <c r="E8711" s="6">
        <v>537.55439999999999</v>
      </c>
    </row>
    <row r="8712" spans="4:5" x14ac:dyDescent="0.25">
      <c r="D8712" s="6">
        <v>851.42880000000002</v>
      </c>
      <c r="E8712" s="6">
        <v>590.72289999999998</v>
      </c>
    </row>
    <row r="8713" spans="4:5" x14ac:dyDescent="0.25">
      <c r="D8713" s="6">
        <v>612.77020000000005</v>
      </c>
      <c r="E8713" s="6">
        <v>3896.8560000000002</v>
      </c>
    </row>
    <row r="8714" spans="4:5" x14ac:dyDescent="0.25">
      <c r="D8714" s="6">
        <v>590.11479999999995</v>
      </c>
      <c r="E8714" s="6">
        <v>1055.2149999999999</v>
      </c>
    </row>
    <row r="8715" spans="4:5" x14ac:dyDescent="0.25">
      <c r="D8715" s="6">
        <v>3405.6640000000002</v>
      </c>
      <c r="E8715" s="6">
        <v>1015.901</v>
      </c>
    </row>
    <row r="8716" spans="4:5" x14ac:dyDescent="0.25">
      <c r="D8716" s="6">
        <v>4875.2749999999996</v>
      </c>
      <c r="E8716" s="6">
        <v>1144.588</v>
      </c>
    </row>
    <row r="8717" spans="4:5" x14ac:dyDescent="0.25">
      <c r="D8717" s="6">
        <v>669.18560000000002</v>
      </c>
      <c r="E8717" s="6">
        <v>3386.6239999999998</v>
      </c>
    </row>
    <row r="8718" spans="4:5" x14ac:dyDescent="0.25">
      <c r="D8718" s="6">
        <v>688.53070000000002</v>
      </c>
      <c r="E8718" s="6">
        <v>634.55820000000006</v>
      </c>
    </row>
    <row r="8719" spans="4:5" x14ac:dyDescent="0.25">
      <c r="D8719" s="6">
        <v>845.24109999999996</v>
      </c>
      <c r="E8719" s="6">
        <v>14074.86</v>
      </c>
    </row>
    <row r="8720" spans="4:5" x14ac:dyDescent="0.25">
      <c r="D8720" s="6">
        <v>3578.4340000000002</v>
      </c>
      <c r="E8720" s="6">
        <v>2270.3470000000002</v>
      </c>
    </row>
    <row r="8721" spans="4:5" x14ac:dyDescent="0.25">
      <c r="D8721" s="6">
        <v>6635.7690000000002</v>
      </c>
      <c r="E8721" s="6">
        <v>547.54930000000002</v>
      </c>
    </row>
    <row r="8722" spans="4:5" x14ac:dyDescent="0.25">
      <c r="D8722" s="6">
        <v>724.84990000000005</v>
      </c>
      <c r="E8722" s="6">
        <v>676.49599999999998</v>
      </c>
    </row>
    <row r="8723" spans="4:5" x14ac:dyDescent="0.25">
      <c r="D8723" s="6">
        <v>670.9905</v>
      </c>
      <c r="E8723" s="6">
        <v>2711.703</v>
      </c>
    </row>
    <row r="8724" spans="4:5" x14ac:dyDescent="0.25">
      <c r="D8724" s="6">
        <v>749.09059999999999</v>
      </c>
      <c r="E8724" s="6">
        <v>823.77070000000003</v>
      </c>
    </row>
    <row r="8725" spans="4:5" x14ac:dyDescent="0.25">
      <c r="D8725" s="6">
        <v>4632.723</v>
      </c>
      <c r="E8725" s="6">
        <v>934.11479999999995</v>
      </c>
    </row>
    <row r="8726" spans="4:5" x14ac:dyDescent="0.25">
      <c r="D8726" s="6">
        <v>6888.7290000000003</v>
      </c>
      <c r="E8726" s="6">
        <v>906.17859999999996</v>
      </c>
    </row>
    <row r="8727" spans="4:5" x14ac:dyDescent="0.25">
      <c r="D8727" s="6">
        <v>1447.4</v>
      </c>
      <c r="E8727" s="6">
        <v>1086.961</v>
      </c>
    </row>
    <row r="8728" spans="4:5" x14ac:dyDescent="0.25">
      <c r="D8728" s="6">
        <v>1102.732</v>
      </c>
      <c r="E8728" s="6">
        <v>1056.0640000000001</v>
      </c>
    </row>
    <row r="8729" spans="4:5" x14ac:dyDescent="0.25">
      <c r="D8729" s="6">
        <v>817.07770000000005</v>
      </c>
      <c r="E8729" s="6">
        <v>2935.2829999999999</v>
      </c>
    </row>
    <row r="8730" spans="4:5" x14ac:dyDescent="0.25">
      <c r="D8730" s="6">
        <v>2277.9639999999999</v>
      </c>
      <c r="E8730" s="6">
        <v>3911.7330000000002</v>
      </c>
    </row>
    <row r="8731" spans="4:5" x14ac:dyDescent="0.25">
      <c r="D8731" s="6">
        <v>735.32870000000003</v>
      </c>
      <c r="E8731" s="6">
        <v>2194.52</v>
      </c>
    </row>
    <row r="8732" spans="4:5" x14ac:dyDescent="0.25">
      <c r="D8732" s="6">
        <v>667.2115</v>
      </c>
      <c r="E8732" s="6">
        <v>3128.4360000000001</v>
      </c>
    </row>
    <row r="8733" spans="4:5" x14ac:dyDescent="0.25">
      <c r="D8733" s="6">
        <v>696.67809999999997</v>
      </c>
      <c r="E8733" s="6">
        <v>1090.5920000000001</v>
      </c>
    </row>
    <row r="8734" spans="4:5" x14ac:dyDescent="0.25">
      <c r="D8734" s="6">
        <v>601.03390000000002</v>
      </c>
      <c r="E8734" s="6">
        <v>513.69970000000001</v>
      </c>
    </row>
    <row r="8735" spans="4:5" x14ac:dyDescent="0.25">
      <c r="D8735" s="6">
        <v>603.06809999999996</v>
      </c>
      <c r="E8735" s="6">
        <v>896.66489999999999</v>
      </c>
    </row>
    <row r="8736" spans="4:5" x14ac:dyDescent="0.25">
      <c r="D8736" s="6">
        <v>674.59799999999996</v>
      </c>
      <c r="E8736" s="6">
        <v>417.75</v>
      </c>
    </row>
    <row r="8737" spans="4:5" x14ac:dyDescent="0.25">
      <c r="D8737" s="6">
        <v>5933.8310000000001</v>
      </c>
      <c r="E8737" s="6">
        <v>737.85720000000003</v>
      </c>
    </row>
    <row r="8738" spans="4:5" x14ac:dyDescent="0.25">
      <c r="D8738" s="6">
        <v>623.76890000000003</v>
      </c>
      <c r="E8738" s="6">
        <v>592.49900000000002</v>
      </c>
    </row>
    <row r="8739" spans="4:5" x14ac:dyDescent="0.25">
      <c r="D8739" s="6">
        <v>515.37779999999998</v>
      </c>
      <c r="E8739" s="6">
        <v>647.95330000000001</v>
      </c>
    </row>
    <row r="8740" spans="4:5" x14ac:dyDescent="0.25">
      <c r="D8740" s="6">
        <v>952.43920000000003</v>
      </c>
      <c r="E8740" s="6">
        <v>138.6121</v>
      </c>
    </row>
    <row r="8741" spans="4:5" x14ac:dyDescent="0.25">
      <c r="D8741" s="6">
        <v>776.05619999999999</v>
      </c>
      <c r="E8741" s="6">
        <v>758.65440000000001</v>
      </c>
    </row>
    <row r="8742" spans="4:5" x14ac:dyDescent="0.25">
      <c r="D8742" s="6">
        <v>1356.88</v>
      </c>
      <c r="E8742" s="6">
        <v>524</v>
      </c>
    </row>
    <row r="8743" spans="4:5" x14ac:dyDescent="0.25">
      <c r="D8743" s="6">
        <v>543.49990000000003</v>
      </c>
      <c r="E8743" s="6">
        <v>997.07619999999997</v>
      </c>
    </row>
    <row r="8744" spans="4:5" x14ac:dyDescent="0.25">
      <c r="D8744" s="6">
        <v>475.24970000000002</v>
      </c>
      <c r="E8744" s="6">
        <v>519.35829999999999</v>
      </c>
    </row>
    <row r="8745" spans="4:5" x14ac:dyDescent="0.25">
      <c r="D8745" s="6">
        <v>6624.777</v>
      </c>
      <c r="E8745" s="6">
        <v>944.33410000000003</v>
      </c>
    </row>
    <row r="8746" spans="4:5" x14ac:dyDescent="0.25">
      <c r="D8746" s="6">
        <v>2133.393</v>
      </c>
      <c r="E8746" s="6">
        <v>623.77009999999996</v>
      </c>
    </row>
    <row r="8747" spans="4:5" x14ac:dyDescent="0.25">
      <c r="D8747" s="6">
        <v>2057.2939999999999</v>
      </c>
      <c r="E8747" s="6">
        <v>479.57749999999999</v>
      </c>
    </row>
    <row r="8748" spans="4:5" x14ac:dyDescent="0.25">
      <c r="D8748" s="6">
        <v>843.49149999999997</v>
      </c>
      <c r="E8748" s="6">
        <v>840.1508</v>
      </c>
    </row>
    <row r="8749" spans="4:5" x14ac:dyDescent="0.25">
      <c r="D8749" s="6">
        <v>6913.5360000000001</v>
      </c>
      <c r="E8749" s="6">
        <v>893.38779999999997</v>
      </c>
    </row>
    <row r="8750" spans="4:5" x14ac:dyDescent="0.25">
      <c r="D8750" s="6">
        <v>876.25760000000002</v>
      </c>
      <c r="E8750" s="6">
        <v>461.46319999999997</v>
      </c>
    </row>
    <row r="8751" spans="4:5" x14ac:dyDescent="0.25">
      <c r="D8751" s="6">
        <v>861.10239999999999</v>
      </c>
      <c r="E8751" s="6">
        <v>1086.521</v>
      </c>
    </row>
    <row r="8752" spans="4:5" x14ac:dyDescent="0.25">
      <c r="D8752" s="6">
        <v>5297.8419999999996</v>
      </c>
      <c r="E8752" s="6">
        <v>595.29010000000005</v>
      </c>
    </row>
    <row r="8753" spans="4:5" x14ac:dyDescent="0.25">
      <c r="D8753" s="6">
        <v>819.74170000000004</v>
      </c>
      <c r="E8753" s="6">
        <v>569.62019999999995</v>
      </c>
    </row>
    <row r="8754" spans="4:5" x14ac:dyDescent="0.25">
      <c r="D8754" s="6">
        <v>512.125</v>
      </c>
      <c r="E8754" s="6">
        <v>996.19269999999995</v>
      </c>
    </row>
    <row r="8755" spans="4:5" x14ac:dyDescent="0.25">
      <c r="D8755" s="6">
        <v>4239.91</v>
      </c>
      <c r="E8755" s="6">
        <v>1797.3330000000001</v>
      </c>
    </row>
    <row r="8756" spans="4:5" x14ac:dyDescent="0.25">
      <c r="D8756" s="6">
        <v>1721.51</v>
      </c>
      <c r="E8756" s="6">
        <v>560.96849999999995</v>
      </c>
    </row>
    <row r="8757" spans="4:5" x14ac:dyDescent="0.25">
      <c r="D8757" s="6">
        <v>5455.808</v>
      </c>
      <c r="E8757" s="6">
        <v>1765.662</v>
      </c>
    </row>
    <row r="8758" spans="4:5" x14ac:dyDescent="0.25">
      <c r="D8758" s="6">
        <v>5733.7669999999998</v>
      </c>
      <c r="E8758" s="6">
        <v>3268.8150000000001</v>
      </c>
    </row>
    <row r="8759" spans="4:5" x14ac:dyDescent="0.25">
      <c r="D8759" s="6">
        <v>5666.4740000000002</v>
      </c>
      <c r="E8759" s="6">
        <v>3157.6840000000002</v>
      </c>
    </row>
    <row r="8760" spans="4:5" x14ac:dyDescent="0.25">
      <c r="D8760" s="6">
        <v>4477.9780000000001</v>
      </c>
      <c r="E8760" s="6">
        <v>637.90279999999996</v>
      </c>
    </row>
    <row r="8761" spans="4:5" x14ac:dyDescent="0.25">
      <c r="D8761" s="6">
        <v>1297.769</v>
      </c>
      <c r="E8761" s="6">
        <v>1127.203</v>
      </c>
    </row>
    <row r="8762" spans="4:5" x14ac:dyDescent="0.25">
      <c r="D8762" s="6">
        <v>564.48419999999999</v>
      </c>
      <c r="E8762" s="6">
        <v>422.2</v>
      </c>
    </row>
    <row r="8763" spans="4:5" x14ac:dyDescent="0.25">
      <c r="D8763" s="6">
        <v>517.52350000000001</v>
      </c>
      <c r="E8763" s="6">
        <v>927.46310000000005</v>
      </c>
    </row>
    <row r="8764" spans="4:5" x14ac:dyDescent="0.25">
      <c r="D8764" s="6">
        <v>533.99959999999999</v>
      </c>
      <c r="E8764" s="6">
        <v>4613.0140000000001</v>
      </c>
    </row>
    <row r="8765" spans="4:5" x14ac:dyDescent="0.25">
      <c r="D8765" s="6">
        <v>1710.5</v>
      </c>
      <c r="E8765" s="6">
        <v>460.5446</v>
      </c>
    </row>
    <row r="8766" spans="4:5" x14ac:dyDescent="0.25">
      <c r="D8766" s="6">
        <v>4229.4859999999999</v>
      </c>
      <c r="E8766" s="6">
        <v>1509.0730000000001</v>
      </c>
    </row>
    <row r="8767" spans="4:5" x14ac:dyDescent="0.25">
      <c r="D8767" s="6">
        <v>814.05600000000004</v>
      </c>
      <c r="E8767" s="6">
        <v>3171.1010000000001</v>
      </c>
    </row>
    <row r="8768" spans="4:5" x14ac:dyDescent="0.25">
      <c r="D8768" s="6">
        <v>4502.7470000000003</v>
      </c>
      <c r="E8768" s="6">
        <v>3075.1950000000002</v>
      </c>
    </row>
    <row r="8769" spans="4:5" x14ac:dyDescent="0.25">
      <c r="D8769" s="6">
        <v>521.07539999999995</v>
      </c>
      <c r="E8769" s="6">
        <v>635.50189999999998</v>
      </c>
    </row>
    <row r="8770" spans="4:5" x14ac:dyDescent="0.25">
      <c r="D8770" s="6">
        <v>488.34440000000001</v>
      </c>
      <c r="E8770" s="6">
        <v>517.99919999999997</v>
      </c>
    </row>
    <row r="8771" spans="4:5" x14ac:dyDescent="0.25">
      <c r="D8771" s="6">
        <v>539.90470000000005</v>
      </c>
      <c r="E8771" s="6">
        <v>3327.415</v>
      </c>
    </row>
    <row r="8772" spans="4:5" x14ac:dyDescent="0.25">
      <c r="D8772" s="6">
        <v>2861.8760000000002</v>
      </c>
      <c r="E8772" s="6">
        <v>702.46540000000005</v>
      </c>
    </row>
    <row r="8773" spans="4:5" x14ac:dyDescent="0.25">
      <c r="D8773" s="6">
        <v>3572.5329999999999</v>
      </c>
      <c r="E8773" s="6">
        <v>1187.807</v>
      </c>
    </row>
    <row r="8774" spans="4:5" x14ac:dyDescent="0.25">
      <c r="D8774" s="6">
        <v>428.86070000000001</v>
      </c>
      <c r="E8774" s="6">
        <v>565.56439999999998</v>
      </c>
    </row>
    <row r="8775" spans="4:5" x14ac:dyDescent="0.25">
      <c r="D8775" s="6">
        <v>503.70350000000002</v>
      </c>
      <c r="E8775" s="6">
        <v>3218.8629999999998</v>
      </c>
    </row>
    <row r="8776" spans="4:5" x14ac:dyDescent="0.25">
      <c r="D8776" s="6">
        <v>1058.6669999999999</v>
      </c>
      <c r="E8776" s="6">
        <v>1204</v>
      </c>
    </row>
    <row r="8777" spans="4:5" x14ac:dyDescent="0.25">
      <c r="D8777" s="6">
        <v>489.596</v>
      </c>
      <c r="E8777" s="6">
        <v>2777.877</v>
      </c>
    </row>
    <row r="8778" spans="4:5" x14ac:dyDescent="0.25">
      <c r="D8778" s="6">
        <v>2105.5</v>
      </c>
      <c r="E8778" s="6">
        <v>659.20650000000001</v>
      </c>
    </row>
    <row r="8779" spans="4:5" x14ac:dyDescent="0.25">
      <c r="D8779" s="6">
        <v>6224.9279999999999</v>
      </c>
      <c r="E8779" s="6">
        <v>1927.7080000000001</v>
      </c>
    </row>
    <row r="8780" spans="4:5" x14ac:dyDescent="0.25">
      <c r="D8780" s="6">
        <v>4418.6319999999996</v>
      </c>
      <c r="E8780" s="6">
        <v>2956.7150000000001</v>
      </c>
    </row>
    <row r="8781" spans="4:5" x14ac:dyDescent="0.25">
      <c r="D8781" s="6">
        <v>769.21749999999997</v>
      </c>
      <c r="E8781" s="6">
        <v>754.0788</v>
      </c>
    </row>
    <row r="8782" spans="4:5" x14ac:dyDescent="0.25">
      <c r="D8782" s="6">
        <v>6302.0770000000002</v>
      </c>
      <c r="E8782" s="6">
        <v>781.98670000000004</v>
      </c>
    </row>
    <row r="8783" spans="4:5" x14ac:dyDescent="0.25">
      <c r="D8783" s="6">
        <v>877.92859999999996</v>
      </c>
      <c r="E8783" s="6">
        <v>642.53210000000001</v>
      </c>
    </row>
    <row r="8784" spans="4:5" x14ac:dyDescent="0.25">
      <c r="D8784" s="6">
        <v>571.61689999999999</v>
      </c>
      <c r="E8784" s="6">
        <v>1336.1020000000001</v>
      </c>
    </row>
    <row r="8785" spans="4:5" x14ac:dyDescent="0.25">
      <c r="D8785" s="6">
        <v>626.42660000000001</v>
      </c>
      <c r="E8785" s="6">
        <v>448.6</v>
      </c>
    </row>
    <row r="8786" spans="4:5" x14ac:dyDescent="0.25">
      <c r="D8786" s="6">
        <v>601.46479999999997</v>
      </c>
      <c r="E8786" s="6">
        <v>639.02919999999995</v>
      </c>
    </row>
    <row r="8787" spans="4:5" x14ac:dyDescent="0.25">
      <c r="D8787" s="6">
        <v>583.4796</v>
      </c>
      <c r="E8787" s="6">
        <v>996.00879999999995</v>
      </c>
    </row>
    <row r="8788" spans="4:5" x14ac:dyDescent="0.25">
      <c r="D8788" s="6">
        <v>606.4896</v>
      </c>
      <c r="E8788" s="6">
        <v>1687.5150000000001</v>
      </c>
    </row>
    <row r="8789" spans="4:5" x14ac:dyDescent="0.25">
      <c r="D8789" s="6">
        <v>480.47219999999999</v>
      </c>
      <c r="E8789" s="6">
        <v>1403.124</v>
      </c>
    </row>
    <row r="8790" spans="4:5" x14ac:dyDescent="0.25">
      <c r="D8790" s="6">
        <v>5461.6549999999997</v>
      </c>
      <c r="E8790" s="6">
        <v>486.8809</v>
      </c>
    </row>
    <row r="8791" spans="4:5" x14ac:dyDescent="0.25">
      <c r="D8791" s="6">
        <v>674.86509999999998</v>
      </c>
      <c r="E8791" s="6">
        <v>1684.3530000000001</v>
      </c>
    </row>
    <row r="8792" spans="4:5" x14ac:dyDescent="0.25">
      <c r="D8792" s="6">
        <v>909.63699999999994</v>
      </c>
      <c r="E8792" s="6">
        <v>2180.96</v>
      </c>
    </row>
    <row r="8793" spans="4:5" x14ac:dyDescent="0.25">
      <c r="D8793" s="6">
        <v>1633.7360000000001</v>
      </c>
      <c r="E8793" s="6">
        <v>528.7201</v>
      </c>
    </row>
    <row r="8794" spans="4:5" x14ac:dyDescent="0.25">
      <c r="D8794" s="6">
        <v>632.85469999999998</v>
      </c>
      <c r="E8794" s="6">
        <v>470.70229999999998</v>
      </c>
    </row>
    <row r="8795" spans="4:5" x14ac:dyDescent="0.25">
      <c r="D8795" s="6">
        <v>570.24980000000005</v>
      </c>
      <c r="E8795" s="6">
        <v>1094.135</v>
      </c>
    </row>
    <row r="8796" spans="4:5" x14ac:dyDescent="0.25">
      <c r="D8796" s="6">
        <v>759.1567</v>
      </c>
      <c r="E8796" s="6">
        <v>3559.5920000000001</v>
      </c>
    </row>
    <row r="8797" spans="4:5" x14ac:dyDescent="0.25">
      <c r="D8797" s="6">
        <v>4703.4669999999996</v>
      </c>
      <c r="E8797" s="6">
        <v>930.13530000000003</v>
      </c>
    </row>
    <row r="8798" spans="4:5" x14ac:dyDescent="0.25">
      <c r="D8798" s="6">
        <v>970.87440000000004</v>
      </c>
      <c r="E8798" s="6">
        <v>3592.6129999999998</v>
      </c>
    </row>
    <row r="8799" spans="4:5" x14ac:dyDescent="0.25">
      <c r="D8799" s="6">
        <v>516.73379999999997</v>
      </c>
      <c r="E8799" s="6">
        <v>1019.06</v>
      </c>
    </row>
    <row r="8800" spans="4:5" x14ac:dyDescent="0.25">
      <c r="D8800" s="6">
        <v>808.89580000000001</v>
      </c>
      <c r="E8800" s="6">
        <v>1105.913</v>
      </c>
    </row>
    <row r="8801" spans="4:5" x14ac:dyDescent="0.25">
      <c r="D8801" s="6">
        <v>743.11969999999997</v>
      </c>
      <c r="E8801" s="6">
        <v>728.57960000000003</v>
      </c>
    </row>
    <row r="8802" spans="4:5" x14ac:dyDescent="0.25">
      <c r="D8802" s="6">
        <v>550.07849999999996</v>
      </c>
      <c r="E8802" s="6">
        <v>1544.16</v>
      </c>
    </row>
    <row r="8803" spans="4:5" x14ac:dyDescent="0.25">
      <c r="D8803" s="6">
        <v>667.44920000000002</v>
      </c>
      <c r="E8803" s="6">
        <v>669.86450000000002</v>
      </c>
    </row>
    <row r="8804" spans="4:5" x14ac:dyDescent="0.25">
      <c r="D8804" s="6">
        <v>490.38279999999997</v>
      </c>
      <c r="E8804" s="6">
        <v>973.65449999999998</v>
      </c>
    </row>
    <row r="8805" spans="4:5" x14ac:dyDescent="0.25">
      <c r="D8805" s="6">
        <v>1833.1579999999999</v>
      </c>
      <c r="E8805" s="6">
        <v>6366.4880000000003</v>
      </c>
    </row>
    <row r="8806" spans="4:5" x14ac:dyDescent="0.25">
      <c r="D8806" s="6">
        <v>510.95119999999997</v>
      </c>
      <c r="E8806" s="6">
        <v>1107.9000000000001</v>
      </c>
    </row>
    <row r="8807" spans="4:5" x14ac:dyDescent="0.25">
      <c r="D8807" s="6">
        <v>756.74659999999994</v>
      </c>
      <c r="E8807" s="6">
        <v>3191.4740000000002</v>
      </c>
    </row>
    <row r="8808" spans="4:5" x14ac:dyDescent="0.25">
      <c r="D8808" s="6">
        <v>3930.0659999999998</v>
      </c>
      <c r="E8808" s="6">
        <v>571.59230000000002</v>
      </c>
    </row>
    <row r="8809" spans="4:5" x14ac:dyDescent="0.25">
      <c r="D8809" s="6">
        <v>682.13850000000002</v>
      </c>
      <c r="E8809" s="6">
        <v>453.76299999999998</v>
      </c>
    </row>
    <row r="8810" spans="4:5" x14ac:dyDescent="0.25">
      <c r="D8810" s="6">
        <v>539.82180000000005</v>
      </c>
      <c r="E8810" s="6">
        <v>587.83019999999999</v>
      </c>
    </row>
    <row r="8811" spans="4:5" x14ac:dyDescent="0.25">
      <c r="D8811" s="6">
        <v>782.20309999999995</v>
      </c>
      <c r="E8811" s="6">
        <v>2047.41</v>
      </c>
    </row>
    <row r="8812" spans="4:5" x14ac:dyDescent="0.25">
      <c r="D8812" s="6">
        <v>1781.2850000000001</v>
      </c>
      <c r="E8812" s="6">
        <v>676.63139999999999</v>
      </c>
    </row>
    <row r="8813" spans="4:5" x14ac:dyDescent="0.25">
      <c r="D8813" s="6">
        <v>4141.0060000000003</v>
      </c>
      <c r="E8813" s="6">
        <v>531.69090000000006</v>
      </c>
    </row>
    <row r="8814" spans="4:5" x14ac:dyDescent="0.25">
      <c r="D8814" s="6">
        <v>1707.3</v>
      </c>
      <c r="E8814" s="6">
        <v>1131.982</v>
      </c>
    </row>
    <row r="8815" spans="4:5" x14ac:dyDescent="0.25">
      <c r="D8815" s="6">
        <v>503.88709999999998</v>
      </c>
      <c r="E8815" s="6">
        <v>646.79679999999996</v>
      </c>
    </row>
    <row r="8816" spans="4:5" x14ac:dyDescent="0.25">
      <c r="D8816" s="6">
        <v>636.10550000000001</v>
      </c>
      <c r="E8816" s="6">
        <v>1934.463</v>
      </c>
    </row>
    <row r="8817" spans="4:5" x14ac:dyDescent="0.25">
      <c r="D8817" s="6">
        <v>3810.0259999999998</v>
      </c>
      <c r="E8817" s="6">
        <v>584.69190000000003</v>
      </c>
    </row>
    <row r="8818" spans="4:5" x14ac:dyDescent="0.25">
      <c r="D8818" s="6">
        <v>459.20699999999999</v>
      </c>
      <c r="E8818" s="6">
        <v>447.62279999999998</v>
      </c>
    </row>
    <row r="8819" spans="4:5" x14ac:dyDescent="0.25">
      <c r="D8819" s="6">
        <v>2428.9209999999998</v>
      </c>
      <c r="E8819" s="6">
        <v>3381.9360000000001</v>
      </c>
    </row>
    <row r="8820" spans="4:5" x14ac:dyDescent="0.25">
      <c r="D8820" s="6">
        <v>813.0453</v>
      </c>
      <c r="E8820" s="6">
        <v>667.18870000000004</v>
      </c>
    </row>
    <row r="8821" spans="4:5" x14ac:dyDescent="0.25">
      <c r="D8821" s="6">
        <v>1133.5820000000001</v>
      </c>
      <c r="E8821" s="6">
        <v>469.72160000000002</v>
      </c>
    </row>
    <row r="8822" spans="4:5" x14ac:dyDescent="0.25">
      <c r="D8822" s="6">
        <v>462.54790000000003</v>
      </c>
      <c r="E8822" s="6">
        <v>1450.8150000000001</v>
      </c>
    </row>
    <row r="8823" spans="4:5" x14ac:dyDescent="0.25">
      <c r="D8823" s="6">
        <v>4301.2389999999996</v>
      </c>
      <c r="E8823" s="6">
        <v>902.50750000000005</v>
      </c>
    </row>
    <row r="8824" spans="4:5" x14ac:dyDescent="0.25">
      <c r="D8824" s="6">
        <v>1435.1579999999999</v>
      </c>
      <c r="E8824" s="6">
        <v>3474.6930000000002</v>
      </c>
    </row>
    <row r="8825" spans="4:5" x14ac:dyDescent="0.25">
      <c r="D8825" s="6">
        <v>711.08429999999998</v>
      </c>
      <c r="E8825" s="6">
        <v>1071.8889999999999</v>
      </c>
    </row>
    <row r="8826" spans="4:5" x14ac:dyDescent="0.25">
      <c r="D8826" s="6">
        <v>681.41139999999996</v>
      </c>
      <c r="E8826" s="6">
        <v>4201.4549999999999</v>
      </c>
    </row>
    <row r="8827" spans="4:5" x14ac:dyDescent="0.25">
      <c r="D8827" s="6">
        <v>672.5258</v>
      </c>
      <c r="E8827" s="6">
        <v>896.4787</v>
      </c>
    </row>
    <row r="8828" spans="4:5" x14ac:dyDescent="0.25">
      <c r="D8828" s="6">
        <v>4349.6719999999996</v>
      </c>
      <c r="E8828" s="6">
        <v>1824.367</v>
      </c>
    </row>
    <row r="8829" spans="4:5" x14ac:dyDescent="0.25">
      <c r="D8829" s="6">
        <v>643.03430000000003</v>
      </c>
      <c r="E8829" s="6">
        <v>681.67259999999999</v>
      </c>
    </row>
    <row r="8830" spans="4:5" x14ac:dyDescent="0.25">
      <c r="D8830" s="6">
        <v>480.31459999999998</v>
      </c>
      <c r="E8830" s="6">
        <v>1285.989</v>
      </c>
    </row>
    <row r="8831" spans="4:5" x14ac:dyDescent="0.25">
      <c r="D8831" s="6">
        <v>802.30460000000005</v>
      </c>
      <c r="E8831" s="6">
        <v>548.39459999999997</v>
      </c>
    </row>
    <row r="8832" spans="4:5" x14ac:dyDescent="0.25">
      <c r="D8832" s="6">
        <v>6121.817</v>
      </c>
      <c r="E8832" s="6">
        <v>1117.671</v>
      </c>
    </row>
    <row r="8833" spans="4:5" x14ac:dyDescent="0.25">
      <c r="D8833" s="6">
        <v>867.65740000000005</v>
      </c>
      <c r="E8833" s="6">
        <v>2823.79</v>
      </c>
    </row>
    <row r="8834" spans="4:5" x14ac:dyDescent="0.25">
      <c r="D8834" s="6">
        <v>1476.212</v>
      </c>
      <c r="E8834" s="6">
        <v>1592.249</v>
      </c>
    </row>
    <row r="8835" spans="4:5" x14ac:dyDescent="0.25">
      <c r="D8835" s="6">
        <v>4287.4669999999996</v>
      </c>
      <c r="E8835" s="6">
        <v>1596.2190000000001</v>
      </c>
    </row>
    <row r="8836" spans="4:5" x14ac:dyDescent="0.25">
      <c r="D8836" s="6">
        <v>878.89689999999996</v>
      </c>
      <c r="E8836" s="6">
        <v>2992.8310000000001</v>
      </c>
    </row>
    <row r="8837" spans="4:5" x14ac:dyDescent="0.25">
      <c r="D8837" s="6">
        <v>698.19060000000002</v>
      </c>
      <c r="E8837" s="6">
        <v>962.95050000000003</v>
      </c>
    </row>
    <row r="8838" spans="4:5" x14ac:dyDescent="0.25">
      <c r="D8838" s="6">
        <v>573.55650000000003</v>
      </c>
      <c r="E8838" s="6">
        <v>495.61419999999998</v>
      </c>
    </row>
    <row r="8839" spans="4:5" x14ac:dyDescent="0.25">
      <c r="D8839" s="6">
        <v>493.85379999999998</v>
      </c>
      <c r="E8839" s="6">
        <v>521.96540000000005</v>
      </c>
    </row>
    <row r="8840" spans="4:5" x14ac:dyDescent="0.25">
      <c r="D8840" s="6">
        <v>4428.2809999999999</v>
      </c>
      <c r="E8840" s="6">
        <v>586.44280000000003</v>
      </c>
    </row>
    <row r="8841" spans="4:5" x14ac:dyDescent="0.25">
      <c r="D8841" s="6">
        <v>819.67219999999998</v>
      </c>
      <c r="E8841" s="6">
        <v>615.23760000000004</v>
      </c>
    </row>
    <row r="8842" spans="4:5" x14ac:dyDescent="0.25">
      <c r="D8842" s="6">
        <v>516.125</v>
      </c>
      <c r="E8842" s="6">
        <v>924.5643</v>
      </c>
    </row>
    <row r="8843" spans="4:5" x14ac:dyDescent="0.25">
      <c r="D8843" s="6">
        <v>502.78500000000003</v>
      </c>
      <c r="E8843" s="6">
        <v>1195.8699999999999</v>
      </c>
    </row>
    <row r="8844" spans="4:5" x14ac:dyDescent="0.25">
      <c r="D8844" s="6">
        <v>681.84119999999996</v>
      </c>
      <c r="E8844" s="6">
        <v>601.89620000000002</v>
      </c>
    </row>
    <row r="8845" spans="4:5" x14ac:dyDescent="0.25">
      <c r="D8845" s="6">
        <v>1624.318</v>
      </c>
      <c r="E8845" s="6">
        <v>485.88839999999999</v>
      </c>
    </row>
    <row r="8846" spans="4:5" x14ac:dyDescent="0.25">
      <c r="D8846" s="6">
        <v>7430.0889999999999</v>
      </c>
      <c r="E8846" s="6">
        <v>3029.35</v>
      </c>
    </row>
    <row r="8847" spans="4:5" x14ac:dyDescent="0.25">
      <c r="D8847" s="6">
        <v>578.16750000000002</v>
      </c>
      <c r="E8847" s="6">
        <v>578.34059999999999</v>
      </c>
    </row>
    <row r="8848" spans="4:5" x14ac:dyDescent="0.25">
      <c r="D8848" s="6">
        <v>691.32190000000003</v>
      </c>
      <c r="E8848" s="6">
        <v>1556.9059999999999</v>
      </c>
    </row>
    <row r="8849" spans="4:5" x14ac:dyDescent="0.25">
      <c r="D8849" s="6">
        <v>5905.1660000000002</v>
      </c>
      <c r="E8849" s="6">
        <v>678.59860000000003</v>
      </c>
    </row>
    <row r="8850" spans="4:5" x14ac:dyDescent="0.25">
      <c r="D8850" s="6">
        <v>564.76940000000002</v>
      </c>
      <c r="E8850" s="6">
        <v>682.14229999999998</v>
      </c>
    </row>
    <row r="8851" spans="4:5" x14ac:dyDescent="0.25">
      <c r="D8851" s="6">
        <v>677.07209999999998</v>
      </c>
      <c r="E8851" s="6">
        <v>667.05840000000001</v>
      </c>
    </row>
    <row r="8852" spans="4:5" x14ac:dyDescent="0.25">
      <c r="D8852" s="6">
        <v>746.65740000000005</v>
      </c>
      <c r="E8852" s="6">
        <v>980.41899999999998</v>
      </c>
    </row>
    <row r="8853" spans="4:5" x14ac:dyDescent="0.25">
      <c r="D8853" s="6">
        <v>484.05200000000002</v>
      </c>
      <c r="E8853" s="6">
        <v>480.1696</v>
      </c>
    </row>
    <row r="8854" spans="4:5" x14ac:dyDescent="0.25">
      <c r="D8854" s="6">
        <v>1402.8050000000001</v>
      </c>
      <c r="E8854" s="6">
        <v>3499.7849999999999</v>
      </c>
    </row>
    <row r="8855" spans="4:5" x14ac:dyDescent="0.25">
      <c r="D8855" s="6">
        <v>640.322</v>
      </c>
      <c r="E8855" s="6">
        <v>587.98090000000002</v>
      </c>
    </row>
    <row r="8856" spans="4:5" x14ac:dyDescent="0.25">
      <c r="D8856" s="6">
        <v>3972.683</v>
      </c>
      <c r="E8856" s="6">
        <v>708.71870000000001</v>
      </c>
    </row>
    <row r="8857" spans="4:5" x14ac:dyDescent="0.25">
      <c r="D8857" s="6">
        <v>381.46940000000001</v>
      </c>
      <c r="E8857" s="6">
        <v>1611.0170000000001</v>
      </c>
    </row>
    <row r="8858" spans="4:5" x14ac:dyDescent="0.25">
      <c r="D8858" s="6">
        <v>1159.0239999999999</v>
      </c>
      <c r="E8858" s="6">
        <v>522.20619999999997</v>
      </c>
    </row>
    <row r="8859" spans="4:5" x14ac:dyDescent="0.25">
      <c r="D8859" s="6">
        <v>571.46820000000002</v>
      </c>
      <c r="E8859" s="6">
        <v>534.51220000000001</v>
      </c>
    </row>
    <row r="8860" spans="4:5" x14ac:dyDescent="0.25">
      <c r="D8860" s="6">
        <v>1331.47</v>
      </c>
      <c r="E8860" s="6">
        <v>524.97249999999997</v>
      </c>
    </row>
    <row r="8861" spans="4:5" x14ac:dyDescent="0.25">
      <c r="D8861" s="6">
        <v>3947.8739999999998</v>
      </c>
      <c r="E8861" s="6">
        <v>5389.4</v>
      </c>
    </row>
    <row r="8862" spans="4:5" x14ac:dyDescent="0.25">
      <c r="D8862" s="6">
        <v>967.08609999999999</v>
      </c>
      <c r="E8862" s="6">
        <v>539.87440000000004</v>
      </c>
    </row>
    <row r="8863" spans="4:5" x14ac:dyDescent="0.25">
      <c r="D8863" s="6">
        <v>716.87909999999999</v>
      </c>
      <c r="E8863" s="6">
        <v>1214.2539999999999</v>
      </c>
    </row>
    <row r="8864" spans="4:5" x14ac:dyDescent="0.25">
      <c r="D8864" s="6">
        <v>4070.8690000000001</v>
      </c>
      <c r="E8864" s="6">
        <v>1414.2950000000001</v>
      </c>
    </row>
    <row r="8865" spans="4:5" x14ac:dyDescent="0.25">
      <c r="D8865" s="6">
        <v>872.17499999999995</v>
      </c>
      <c r="E8865" s="6">
        <v>1150.6199999999999</v>
      </c>
    </row>
    <row r="8866" spans="4:5" x14ac:dyDescent="0.25">
      <c r="D8866" s="6">
        <v>723.50189999999998</v>
      </c>
      <c r="E8866" s="6">
        <v>665.60289999999998</v>
      </c>
    </row>
    <row r="8867" spans="4:5" x14ac:dyDescent="0.25">
      <c r="D8867" s="6">
        <v>592.91030000000001</v>
      </c>
      <c r="E8867" s="6">
        <v>803.01829999999995</v>
      </c>
    </row>
    <row r="8868" spans="4:5" x14ac:dyDescent="0.25">
      <c r="D8868" s="6">
        <v>3896.1210000000001</v>
      </c>
      <c r="E8868" s="6">
        <v>473.45699999999999</v>
      </c>
    </row>
    <row r="8869" spans="4:5" x14ac:dyDescent="0.25">
      <c r="D8869" s="6">
        <v>1545.2629999999999</v>
      </c>
      <c r="E8869" s="6">
        <v>1360.8150000000001</v>
      </c>
    </row>
    <row r="8870" spans="4:5" x14ac:dyDescent="0.25">
      <c r="D8870" s="6">
        <v>559.54690000000005</v>
      </c>
      <c r="E8870" s="6">
        <v>934.27009999999996</v>
      </c>
    </row>
    <row r="8871" spans="4:5" x14ac:dyDescent="0.25">
      <c r="D8871" s="6">
        <v>5309.0039999999999</v>
      </c>
      <c r="E8871" s="6">
        <v>2688.4340000000002</v>
      </c>
    </row>
    <row r="8872" spans="4:5" x14ac:dyDescent="0.25">
      <c r="D8872" s="6">
        <v>665.95809999999994</v>
      </c>
      <c r="E8872" s="6">
        <v>486.80090000000001</v>
      </c>
    </row>
    <row r="8873" spans="4:5" x14ac:dyDescent="0.25">
      <c r="D8873" s="6">
        <v>1284.6010000000001</v>
      </c>
      <c r="E8873" s="6">
        <v>756.20830000000001</v>
      </c>
    </row>
    <row r="8874" spans="4:5" x14ac:dyDescent="0.25">
      <c r="D8874" s="6">
        <v>620.69569999999999</v>
      </c>
      <c r="E8874" s="6">
        <v>493.22879999999998</v>
      </c>
    </row>
    <row r="8875" spans="4:5" x14ac:dyDescent="0.25">
      <c r="D8875" s="6">
        <v>6200.8639999999996</v>
      </c>
      <c r="E8875" s="6">
        <v>425.0138</v>
      </c>
    </row>
    <row r="8876" spans="4:5" x14ac:dyDescent="0.25">
      <c r="D8876" s="6">
        <v>744.60090000000002</v>
      </c>
      <c r="E8876" s="6">
        <v>1852.92</v>
      </c>
    </row>
    <row r="8877" spans="4:5" x14ac:dyDescent="0.25">
      <c r="D8877" s="6">
        <v>725.09789999999998</v>
      </c>
      <c r="E8877" s="6">
        <v>1630.1030000000001</v>
      </c>
    </row>
    <row r="8878" spans="4:5" x14ac:dyDescent="0.25">
      <c r="D8878" s="6">
        <v>485.68020000000001</v>
      </c>
      <c r="E8878" s="6">
        <v>1421.614</v>
      </c>
    </row>
    <row r="8879" spans="4:5" x14ac:dyDescent="0.25">
      <c r="D8879" s="6">
        <v>692.28729999999996</v>
      </c>
      <c r="E8879" s="6">
        <v>3597.8690000000001</v>
      </c>
    </row>
    <row r="8880" spans="4:5" x14ac:dyDescent="0.25">
      <c r="D8880" s="6">
        <v>442.73680000000002</v>
      </c>
      <c r="E8880" s="6">
        <v>658.24800000000005</v>
      </c>
    </row>
    <row r="8881" spans="4:5" x14ac:dyDescent="0.25">
      <c r="D8881" s="6">
        <v>5381.8950000000004</v>
      </c>
      <c r="E8881" s="6">
        <v>3587.5239999999999</v>
      </c>
    </row>
    <row r="8882" spans="4:5" x14ac:dyDescent="0.25">
      <c r="D8882" s="6">
        <v>737</v>
      </c>
      <c r="E8882" s="6">
        <v>3149.462</v>
      </c>
    </row>
    <row r="8883" spans="4:5" x14ac:dyDescent="0.25">
      <c r="D8883" s="6">
        <v>1580.7149999999999</v>
      </c>
      <c r="E8883" s="6">
        <v>652.49469999999997</v>
      </c>
    </row>
    <row r="8884" spans="4:5" x14ac:dyDescent="0.25">
      <c r="D8884" s="6">
        <v>488.28410000000002</v>
      </c>
      <c r="E8884" s="6">
        <v>574.1105</v>
      </c>
    </row>
    <row r="8885" spans="4:5" x14ac:dyDescent="0.25">
      <c r="D8885" s="6">
        <v>496.44130000000001</v>
      </c>
      <c r="E8885" s="6">
        <v>715.05179999999996</v>
      </c>
    </row>
    <row r="8886" spans="4:5" x14ac:dyDescent="0.25">
      <c r="D8886" s="6">
        <v>332.96429999999998</v>
      </c>
      <c r="E8886" s="6">
        <v>623.24239999999998</v>
      </c>
    </row>
    <row r="8887" spans="4:5" x14ac:dyDescent="0.25">
      <c r="D8887" s="6">
        <v>569.84979999999996</v>
      </c>
      <c r="E8887" s="6">
        <v>965.02909999999997</v>
      </c>
    </row>
    <row r="8888" spans="4:5" x14ac:dyDescent="0.25">
      <c r="D8888" s="6">
        <v>4989.2719999999999</v>
      </c>
      <c r="E8888" s="6">
        <v>1317.51</v>
      </c>
    </row>
    <row r="8889" spans="4:5" x14ac:dyDescent="0.25">
      <c r="D8889" s="6">
        <v>525.91399999999999</v>
      </c>
      <c r="E8889" s="6">
        <v>876.33330000000001</v>
      </c>
    </row>
    <row r="8890" spans="4:5" x14ac:dyDescent="0.25">
      <c r="D8890" s="6">
        <v>563.66669999999999</v>
      </c>
      <c r="E8890" s="6">
        <v>1253.999</v>
      </c>
    </row>
    <row r="8891" spans="4:5" x14ac:dyDescent="0.25">
      <c r="D8891" s="6">
        <v>1123.538</v>
      </c>
      <c r="E8891" s="6">
        <v>2958.0610000000001</v>
      </c>
    </row>
    <row r="8892" spans="4:5" x14ac:dyDescent="0.25">
      <c r="D8892" s="6">
        <v>4602.527</v>
      </c>
      <c r="E8892" s="6">
        <v>596.27949999999998</v>
      </c>
    </row>
    <row r="8893" spans="4:5" x14ac:dyDescent="0.25">
      <c r="D8893" s="6">
        <v>608.02390000000003</v>
      </c>
      <c r="E8893" s="6">
        <v>499.51389999999998</v>
      </c>
    </row>
    <row r="8894" spans="4:5" x14ac:dyDescent="0.25">
      <c r="D8894" s="6">
        <v>529.97569999999996</v>
      </c>
      <c r="E8894" s="6">
        <v>421</v>
      </c>
    </row>
    <row r="8895" spans="4:5" x14ac:dyDescent="0.25">
      <c r="D8895" s="6">
        <v>950.01300000000003</v>
      </c>
      <c r="E8895" s="6">
        <v>590.33410000000003</v>
      </c>
    </row>
    <row r="8896" spans="4:5" x14ac:dyDescent="0.25">
      <c r="D8896" s="6">
        <v>482.80059999999997</v>
      </c>
      <c r="E8896" s="6">
        <v>788.39869999999996</v>
      </c>
    </row>
    <row r="8897" spans="4:5" x14ac:dyDescent="0.25">
      <c r="D8897" s="6">
        <v>2778.1260000000002</v>
      </c>
      <c r="E8897" s="6">
        <v>662.74509999999998</v>
      </c>
    </row>
    <row r="8898" spans="4:5" x14ac:dyDescent="0.25">
      <c r="D8898" s="6">
        <v>505.14499999999998</v>
      </c>
      <c r="E8898" s="6">
        <v>547.03179999999998</v>
      </c>
    </row>
    <row r="8899" spans="4:5" x14ac:dyDescent="0.25">
      <c r="D8899" s="6">
        <v>978.13040000000001</v>
      </c>
      <c r="E8899" s="6">
        <v>2782.1770000000001</v>
      </c>
    </row>
    <row r="8900" spans="4:5" x14ac:dyDescent="0.25">
      <c r="D8900" s="6">
        <v>489.48770000000002</v>
      </c>
      <c r="E8900" s="6">
        <v>2795.096</v>
      </c>
    </row>
    <row r="8901" spans="4:5" x14ac:dyDescent="0.25">
      <c r="D8901" s="6">
        <v>406.84210000000002</v>
      </c>
      <c r="E8901" s="6">
        <v>625.5095</v>
      </c>
    </row>
    <row r="8902" spans="4:5" x14ac:dyDescent="0.25">
      <c r="D8902" s="6">
        <v>547.15920000000006</v>
      </c>
      <c r="E8902" s="6">
        <v>761.99580000000003</v>
      </c>
    </row>
    <row r="8903" spans="4:5" x14ac:dyDescent="0.25">
      <c r="D8903" s="6">
        <v>3348.26</v>
      </c>
      <c r="E8903" s="6">
        <v>2475.9960000000001</v>
      </c>
    </row>
    <row r="8904" spans="4:5" x14ac:dyDescent="0.25">
      <c r="D8904" s="6">
        <v>1765.6189999999999</v>
      </c>
      <c r="E8904" s="6">
        <v>1097.0170000000001</v>
      </c>
    </row>
    <row r="8905" spans="4:5" x14ac:dyDescent="0.25">
      <c r="D8905" s="6">
        <v>681.39819999999997</v>
      </c>
      <c r="E8905" s="6">
        <v>1155.6890000000001</v>
      </c>
    </row>
    <row r="8906" spans="4:5" x14ac:dyDescent="0.25">
      <c r="D8906" s="6">
        <v>469.22550000000001</v>
      </c>
      <c r="E8906" s="6">
        <v>777.09090000000003</v>
      </c>
    </row>
    <row r="8907" spans="4:5" x14ac:dyDescent="0.25">
      <c r="D8907" s="6">
        <v>4255.1589999999997</v>
      </c>
      <c r="E8907" s="6">
        <v>550.6961</v>
      </c>
    </row>
    <row r="8908" spans="4:5" x14ac:dyDescent="0.25">
      <c r="D8908" s="6">
        <v>655.65629999999999</v>
      </c>
      <c r="E8908" s="6">
        <v>8031.15</v>
      </c>
    </row>
    <row r="8909" spans="4:5" x14ac:dyDescent="0.25">
      <c r="D8909" s="6">
        <v>787.12840000000006</v>
      </c>
      <c r="E8909" s="6">
        <v>3113.3470000000002</v>
      </c>
    </row>
    <row r="8910" spans="4:5" x14ac:dyDescent="0.25">
      <c r="D8910" s="6">
        <v>616.5</v>
      </c>
      <c r="E8910" s="6">
        <v>454.65980000000002</v>
      </c>
    </row>
    <row r="8911" spans="4:5" x14ac:dyDescent="0.25">
      <c r="D8911" s="6">
        <v>472.83749999999998</v>
      </c>
      <c r="E8911" s="6">
        <v>1155.847</v>
      </c>
    </row>
    <row r="8912" spans="4:5" x14ac:dyDescent="0.25">
      <c r="D8912" s="6">
        <v>4016.915</v>
      </c>
      <c r="E8912" s="6">
        <v>3354.8130000000001</v>
      </c>
    </row>
    <row r="8913" spans="4:5" x14ac:dyDescent="0.25">
      <c r="D8913" s="6">
        <v>664.59209999999996</v>
      </c>
      <c r="E8913" s="6">
        <v>1127.3510000000001</v>
      </c>
    </row>
    <row r="8914" spans="4:5" x14ac:dyDescent="0.25">
      <c r="D8914" s="6">
        <v>2201.3539999999998</v>
      </c>
      <c r="E8914" s="6">
        <v>4147.2740000000003</v>
      </c>
    </row>
    <row r="8915" spans="4:5" x14ac:dyDescent="0.25">
      <c r="D8915" s="6">
        <v>548.05430000000001</v>
      </c>
      <c r="E8915" s="6">
        <v>950.88229999999999</v>
      </c>
    </row>
    <row r="8916" spans="4:5" x14ac:dyDescent="0.25">
      <c r="D8916" s="6">
        <v>4444.8720000000003</v>
      </c>
      <c r="E8916" s="6">
        <v>2922.9580000000001</v>
      </c>
    </row>
    <row r="8917" spans="4:5" x14ac:dyDescent="0.25">
      <c r="D8917" s="6">
        <v>672.94039999999995</v>
      </c>
      <c r="E8917" s="6">
        <v>1037.8679999999999</v>
      </c>
    </row>
    <row r="8918" spans="4:5" x14ac:dyDescent="0.25">
      <c r="D8918" s="6">
        <v>714.72130000000004</v>
      </c>
      <c r="E8918" s="6">
        <v>1273.4259999999999</v>
      </c>
    </row>
    <row r="8919" spans="4:5" x14ac:dyDescent="0.25">
      <c r="D8919" s="6">
        <v>707.20190000000002</v>
      </c>
      <c r="E8919" s="6">
        <v>513.42160000000001</v>
      </c>
    </row>
    <row r="8920" spans="4:5" x14ac:dyDescent="0.25">
      <c r="D8920" s="6">
        <v>1212.31</v>
      </c>
      <c r="E8920" s="6">
        <v>456.64780000000002</v>
      </c>
    </row>
    <row r="8921" spans="4:5" x14ac:dyDescent="0.25">
      <c r="D8921" s="6">
        <v>607.74800000000005</v>
      </c>
      <c r="E8921" s="6">
        <v>672.92280000000005</v>
      </c>
    </row>
    <row r="8922" spans="4:5" x14ac:dyDescent="0.25">
      <c r="D8922" s="6">
        <v>7020</v>
      </c>
      <c r="E8922" s="6">
        <v>2101.44</v>
      </c>
    </row>
    <row r="8923" spans="4:5" x14ac:dyDescent="0.25">
      <c r="D8923" s="6">
        <v>2595.42</v>
      </c>
      <c r="E8923" s="6">
        <v>3575.1190000000001</v>
      </c>
    </row>
    <row r="8924" spans="4:5" x14ac:dyDescent="0.25">
      <c r="D8924" s="6">
        <v>539.2654</v>
      </c>
      <c r="E8924" s="6">
        <v>3294.165</v>
      </c>
    </row>
    <row r="8925" spans="4:5" x14ac:dyDescent="0.25">
      <c r="D8925" s="6">
        <v>438.8571</v>
      </c>
      <c r="E8925" s="6">
        <v>546.08900000000006</v>
      </c>
    </row>
    <row r="8926" spans="4:5" x14ac:dyDescent="0.25">
      <c r="D8926" s="6">
        <v>1015.798</v>
      </c>
      <c r="E8926" s="6">
        <v>3251.076</v>
      </c>
    </row>
    <row r="8927" spans="4:5" x14ac:dyDescent="0.25">
      <c r="D8927" s="6">
        <v>989.13530000000003</v>
      </c>
      <c r="E8927" s="6">
        <v>949.49159999999995</v>
      </c>
    </row>
    <row r="8928" spans="4:5" x14ac:dyDescent="0.25">
      <c r="D8928" s="6">
        <v>1186.326</v>
      </c>
      <c r="E8928" s="6">
        <v>806.37130000000002</v>
      </c>
    </row>
    <row r="8929" spans="4:5" x14ac:dyDescent="0.25">
      <c r="D8929" s="6">
        <v>2465.4679999999998</v>
      </c>
      <c r="E8929" s="6">
        <v>1265.144</v>
      </c>
    </row>
    <row r="8930" spans="4:5" x14ac:dyDescent="0.25">
      <c r="D8930" s="6">
        <v>1397.7139999999999</v>
      </c>
      <c r="E8930" s="6">
        <v>841.04700000000003</v>
      </c>
    </row>
    <row r="8931" spans="4:5" x14ac:dyDescent="0.25">
      <c r="D8931" s="6">
        <v>788.02189999999996</v>
      </c>
      <c r="E8931" s="6">
        <v>5445.1670000000004</v>
      </c>
    </row>
    <row r="8932" spans="4:5" x14ac:dyDescent="0.25">
      <c r="D8932" s="6">
        <v>5686.2460000000001</v>
      </c>
      <c r="E8932" s="6">
        <v>2303.7469999999998</v>
      </c>
    </row>
    <row r="8933" spans="4:5" x14ac:dyDescent="0.25">
      <c r="D8933" s="6">
        <v>4238.33</v>
      </c>
      <c r="E8933" s="6">
        <v>1142.53</v>
      </c>
    </row>
    <row r="8934" spans="4:5" x14ac:dyDescent="0.25">
      <c r="D8934" s="6">
        <v>888.53440000000001</v>
      </c>
      <c r="E8934" s="6">
        <v>522.30219999999997</v>
      </c>
    </row>
    <row r="8935" spans="4:5" x14ac:dyDescent="0.25">
      <c r="D8935" s="6">
        <v>819.65830000000005</v>
      </c>
      <c r="E8935" s="6">
        <v>490.88</v>
      </c>
    </row>
    <row r="8936" spans="4:5" x14ac:dyDescent="0.25">
      <c r="D8936" s="6">
        <v>496.33589999999998</v>
      </c>
      <c r="E8936" s="6">
        <v>422.8091</v>
      </c>
    </row>
    <row r="8937" spans="4:5" x14ac:dyDescent="0.25">
      <c r="D8937" s="6">
        <v>625.20910000000003</v>
      </c>
      <c r="E8937" s="6">
        <v>491.78109999999998</v>
      </c>
    </row>
    <row r="8938" spans="4:5" x14ac:dyDescent="0.25">
      <c r="D8938" s="6">
        <v>452.22329999999999</v>
      </c>
      <c r="E8938" s="6">
        <v>3389.0830000000001</v>
      </c>
    </row>
    <row r="8939" spans="4:5" x14ac:dyDescent="0.25">
      <c r="D8939" s="6">
        <v>542.08810000000005</v>
      </c>
      <c r="E8939" s="6">
        <v>1152.9829999999999</v>
      </c>
    </row>
    <row r="8940" spans="4:5" x14ac:dyDescent="0.25">
      <c r="D8940" s="6">
        <v>912.83960000000002</v>
      </c>
      <c r="E8940" s="6">
        <v>754.45299999999997</v>
      </c>
    </row>
    <row r="8941" spans="4:5" x14ac:dyDescent="0.25">
      <c r="D8941" s="6">
        <v>693.94899999999996</v>
      </c>
      <c r="E8941" s="6">
        <v>1000.83</v>
      </c>
    </row>
    <row r="8942" spans="4:5" x14ac:dyDescent="0.25">
      <c r="D8942" s="6">
        <v>1271.6849999999999</v>
      </c>
      <c r="E8942" s="6">
        <v>804.03880000000004</v>
      </c>
    </row>
    <row r="8943" spans="4:5" x14ac:dyDescent="0.25">
      <c r="D8943" s="6">
        <v>478.0652</v>
      </c>
      <c r="E8943" s="6">
        <v>600.99360000000001</v>
      </c>
    </row>
    <row r="8944" spans="4:5" x14ac:dyDescent="0.25">
      <c r="D8944" s="6">
        <v>1551.8520000000001</v>
      </c>
      <c r="E8944" s="6">
        <v>621.99670000000003</v>
      </c>
    </row>
    <row r="8945" spans="4:5" x14ac:dyDescent="0.25">
      <c r="D8945" s="6">
        <v>677.15859999999998</v>
      </c>
      <c r="E8945" s="6">
        <v>515.98450000000003</v>
      </c>
    </row>
    <row r="8946" spans="4:5" x14ac:dyDescent="0.25">
      <c r="D8946" s="6">
        <v>523.36009999999999</v>
      </c>
      <c r="E8946" s="6">
        <v>709.27430000000004</v>
      </c>
    </row>
    <row r="8947" spans="4:5" x14ac:dyDescent="0.25">
      <c r="D8947" s="6">
        <v>633.55870000000004</v>
      </c>
      <c r="E8947" s="6">
        <v>3120.4580000000001</v>
      </c>
    </row>
    <row r="8948" spans="4:5" x14ac:dyDescent="0.25">
      <c r="D8948" s="6">
        <v>668.95330000000001</v>
      </c>
      <c r="E8948" s="6">
        <v>1769.15</v>
      </c>
    </row>
    <row r="8949" spans="4:5" x14ac:dyDescent="0.25">
      <c r="D8949" s="6">
        <v>3905.4389999999999</v>
      </c>
      <c r="E8949" s="6">
        <v>520.70650000000001</v>
      </c>
    </row>
    <row r="8950" spans="4:5" x14ac:dyDescent="0.25">
      <c r="D8950" s="6">
        <v>711.24400000000003</v>
      </c>
      <c r="E8950" s="6">
        <v>867.05930000000001</v>
      </c>
    </row>
    <row r="8951" spans="4:5" x14ac:dyDescent="0.25">
      <c r="D8951" s="6">
        <v>607.68740000000003</v>
      </c>
      <c r="E8951" s="6">
        <v>2016.049</v>
      </c>
    </row>
    <row r="8952" spans="4:5" x14ac:dyDescent="0.25">
      <c r="D8952" s="6">
        <v>729.63260000000002</v>
      </c>
      <c r="E8952" s="6">
        <v>544.94100000000003</v>
      </c>
    </row>
    <row r="8953" spans="4:5" x14ac:dyDescent="0.25">
      <c r="D8953" s="6">
        <v>771.15470000000005</v>
      </c>
      <c r="E8953" s="6">
        <v>2227.261</v>
      </c>
    </row>
    <row r="8954" spans="4:5" x14ac:dyDescent="0.25">
      <c r="D8954" s="6">
        <v>1790.25</v>
      </c>
      <c r="E8954" s="6">
        <v>1332.7180000000001</v>
      </c>
    </row>
    <row r="8955" spans="4:5" x14ac:dyDescent="0.25">
      <c r="D8955" s="6">
        <v>556.36580000000004</v>
      </c>
      <c r="E8955" s="6">
        <v>759.2</v>
      </c>
    </row>
    <row r="8956" spans="4:5" x14ac:dyDescent="0.25">
      <c r="D8956" s="6">
        <v>664.13620000000003</v>
      </c>
      <c r="E8956" s="6">
        <v>575.53650000000005</v>
      </c>
    </row>
    <row r="8957" spans="4:5" x14ac:dyDescent="0.25">
      <c r="D8957" s="6">
        <v>1710.9059999999999</v>
      </c>
      <c r="E8957" s="6">
        <v>634.74</v>
      </c>
    </row>
    <row r="8958" spans="4:5" x14ac:dyDescent="0.25">
      <c r="D8958" s="6">
        <v>737.31690000000003</v>
      </c>
      <c r="E8958" s="6">
        <v>1194.4549999999999</v>
      </c>
    </row>
    <row r="8959" spans="4:5" x14ac:dyDescent="0.25">
      <c r="D8959" s="6">
        <v>5662.2470000000003</v>
      </c>
      <c r="E8959" s="6">
        <v>609.78549999999996</v>
      </c>
    </row>
    <row r="8960" spans="4:5" x14ac:dyDescent="0.25">
      <c r="D8960" s="6">
        <v>1458.96</v>
      </c>
      <c r="E8960" s="6">
        <v>1134.636</v>
      </c>
    </row>
    <row r="8961" spans="4:5" x14ac:dyDescent="0.25">
      <c r="D8961" s="6">
        <v>6816.8360000000002</v>
      </c>
      <c r="E8961" s="6">
        <v>473.26760000000002</v>
      </c>
    </row>
    <row r="8962" spans="4:5" x14ac:dyDescent="0.25">
      <c r="D8962" s="6">
        <v>557.06500000000005</v>
      </c>
      <c r="E8962" s="6">
        <v>3852.78</v>
      </c>
    </row>
    <row r="8963" spans="4:5" x14ac:dyDescent="0.25">
      <c r="D8963" s="6">
        <v>9856.2009999999991</v>
      </c>
      <c r="E8963" s="6">
        <v>1382.7819999999999</v>
      </c>
    </row>
    <row r="8964" spans="4:5" x14ac:dyDescent="0.25">
      <c r="D8964" s="6">
        <v>569.40329999999994</v>
      </c>
      <c r="E8964" s="6">
        <v>492.86250000000001</v>
      </c>
    </row>
    <row r="8965" spans="4:5" x14ac:dyDescent="0.25">
      <c r="D8965" s="6">
        <v>3923.04</v>
      </c>
      <c r="E8965" s="6">
        <v>2119.1619999999998</v>
      </c>
    </row>
    <row r="8966" spans="4:5" x14ac:dyDescent="0.25">
      <c r="D8966" s="6">
        <v>2159.723</v>
      </c>
      <c r="E8966" s="6">
        <v>1040.174</v>
      </c>
    </row>
    <row r="8967" spans="4:5" x14ac:dyDescent="0.25">
      <c r="D8967" s="6">
        <v>1725.921</v>
      </c>
      <c r="E8967" s="6">
        <v>550.01300000000003</v>
      </c>
    </row>
    <row r="8968" spans="4:5" x14ac:dyDescent="0.25">
      <c r="D8968" s="6">
        <v>976.70989999999995</v>
      </c>
      <c r="E8968" s="6">
        <v>3148.8389999999999</v>
      </c>
    </row>
    <row r="8969" spans="4:5" x14ac:dyDescent="0.25">
      <c r="D8969" s="6">
        <v>4642.8789999999999</v>
      </c>
      <c r="E8969" s="6">
        <v>1228.1099999999999</v>
      </c>
    </row>
    <row r="8970" spans="4:5" x14ac:dyDescent="0.25">
      <c r="D8970" s="6">
        <v>1408.4590000000001</v>
      </c>
      <c r="E8970" s="6">
        <v>518.74900000000002</v>
      </c>
    </row>
    <row r="8971" spans="4:5" x14ac:dyDescent="0.25">
      <c r="D8971" s="6">
        <v>1101.6859999999999</v>
      </c>
      <c r="E8971" s="6">
        <v>604.18960000000004</v>
      </c>
    </row>
    <row r="8972" spans="4:5" x14ac:dyDescent="0.25">
      <c r="D8972" s="6">
        <v>501.56709999999998</v>
      </c>
      <c r="E8972" s="6">
        <v>1119.74</v>
      </c>
    </row>
    <row r="8973" spans="4:5" x14ac:dyDescent="0.25">
      <c r="D8973" s="6">
        <v>1420.2329999999999</v>
      </c>
      <c r="E8973" s="6">
        <v>659.3</v>
      </c>
    </row>
    <row r="8974" spans="4:5" x14ac:dyDescent="0.25">
      <c r="D8974" s="6">
        <v>894.24699999999996</v>
      </c>
      <c r="E8974" s="6">
        <v>1741.0650000000001</v>
      </c>
    </row>
    <row r="8975" spans="4:5" x14ac:dyDescent="0.25">
      <c r="D8975" s="6">
        <v>637.4</v>
      </c>
      <c r="E8975" s="6">
        <v>3241.2689999999998</v>
      </c>
    </row>
    <row r="8976" spans="4:5" x14ac:dyDescent="0.25">
      <c r="D8976" s="6">
        <v>644.00319999999999</v>
      </c>
      <c r="E8976" s="6">
        <v>1420.576</v>
      </c>
    </row>
    <row r="8977" spans="4:5" x14ac:dyDescent="0.25">
      <c r="D8977" s="6">
        <v>5135.7640000000001</v>
      </c>
      <c r="E8977" s="6">
        <v>1136.1110000000001</v>
      </c>
    </row>
    <row r="8978" spans="4:5" x14ac:dyDescent="0.25">
      <c r="D8978" s="6">
        <v>1234.5609999999999</v>
      </c>
      <c r="E8978" s="6">
        <v>1204.0340000000001</v>
      </c>
    </row>
    <row r="8979" spans="4:5" x14ac:dyDescent="0.25">
      <c r="D8979" s="6">
        <v>661.36199999999997</v>
      </c>
      <c r="E8979" s="6">
        <v>962.24270000000001</v>
      </c>
    </row>
    <row r="8980" spans="4:5" x14ac:dyDescent="0.25">
      <c r="D8980" s="6">
        <v>1155.1980000000001</v>
      </c>
      <c r="E8980" s="6">
        <v>793.05510000000004</v>
      </c>
    </row>
    <row r="8981" spans="4:5" x14ac:dyDescent="0.25">
      <c r="D8981" s="6">
        <v>663.45100000000002</v>
      </c>
      <c r="E8981" s="6">
        <v>1095.7729999999999</v>
      </c>
    </row>
    <row r="8982" spans="4:5" x14ac:dyDescent="0.25">
      <c r="D8982" s="6">
        <v>446.25229999999999</v>
      </c>
      <c r="E8982" s="6">
        <v>1070.1089999999999</v>
      </c>
    </row>
    <row r="8983" spans="4:5" x14ac:dyDescent="0.25">
      <c r="D8983" s="6">
        <v>636.98469999999998</v>
      </c>
      <c r="E8983" s="6">
        <v>953.57360000000006</v>
      </c>
    </row>
    <row r="8984" spans="4:5" x14ac:dyDescent="0.25">
      <c r="D8984" s="6">
        <v>951.13649999999996</v>
      </c>
      <c r="E8984" s="6">
        <v>1186.5730000000001</v>
      </c>
    </row>
    <row r="8985" spans="4:5" x14ac:dyDescent="0.25">
      <c r="D8985" s="6">
        <v>581.40679999999998</v>
      </c>
      <c r="E8985" s="6">
        <v>1060.4369999999999</v>
      </c>
    </row>
    <row r="8986" spans="4:5" x14ac:dyDescent="0.25">
      <c r="D8986" s="6">
        <v>828.33180000000004</v>
      </c>
      <c r="E8986" s="6">
        <v>1079.9690000000001</v>
      </c>
    </row>
    <row r="8987" spans="4:5" x14ac:dyDescent="0.25">
      <c r="D8987" s="6">
        <v>1113.4269999999999</v>
      </c>
      <c r="E8987" s="6">
        <v>476.06420000000003</v>
      </c>
    </row>
    <row r="8988" spans="4:5" x14ac:dyDescent="0.25">
      <c r="D8988" s="6">
        <v>1210.019</v>
      </c>
      <c r="E8988" s="6">
        <v>1178.338</v>
      </c>
    </row>
    <row r="8989" spans="4:5" x14ac:dyDescent="0.25">
      <c r="D8989" s="6">
        <v>7149.1689999999999</v>
      </c>
      <c r="E8989" s="6">
        <v>1530.0619999999999</v>
      </c>
    </row>
    <row r="8990" spans="4:5" x14ac:dyDescent="0.25">
      <c r="D8990" s="6">
        <v>1596.422</v>
      </c>
      <c r="E8990" s="6">
        <v>688.42859999999996</v>
      </c>
    </row>
    <row r="8991" spans="4:5" x14ac:dyDescent="0.25">
      <c r="D8991" s="6">
        <v>1481.521</v>
      </c>
      <c r="E8991" s="6">
        <v>1012.413</v>
      </c>
    </row>
    <row r="8992" spans="4:5" x14ac:dyDescent="0.25">
      <c r="D8992" s="6">
        <v>4947.2879999999996</v>
      </c>
      <c r="E8992" s="6">
        <v>1088.847</v>
      </c>
    </row>
    <row r="8993" spans="4:5" x14ac:dyDescent="0.25">
      <c r="D8993" s="6">
        <v>529.47609999999997</v>
      </c>
      <c r="E8993" s="6">
        <v>494.02769999999998</v>
      </c>
    </row>
    <row r="8994" spans="4:5" x14ac:dyDescent="0.25">
      <c r="D8994" s="6">
        <v>557.37519999999995</v>
      </c>
      <c r="E8994" s="6">
        <v>1388.5840000000001</v>
      </c>
    </row>
    <row r="8995" spans="4:5" x14ac:dyDescent="0.25">
      <c r="D8995" s="6">
        <v>548.25239999999997</v>
      </c>
      <c r="E8995" s="6">
        <v>3423.1790000000001</v>
      </c>
    </row>
    <row r="8996" spans="4:5" x14ac:dyDescent="0.25">
      <c r="D8996" s="6">
        <v>441.71499999999997</v>
      </c>
      <c r="E8996" s="6">
        <v>1009.551</v>
      </c>
    </row>
    <row r="8997" spans="4:5" x14ac:dyDescent="0.25">
      <c r="D8997" s="6">
        <v>3191.6060000000002</v>
      </c>
      <c r="E8997" s="6">
        <v>1007.605</v>
      </c>
    </row>
    <row r="8998" spans="4:5" x14ac:dyDescent="0.25">
      <c r="D8998" s="6">
        <v>1071.251</v>
      </c>
      <c r="E8998" s="6">
        <v>1173.059</v>
      </c>
    </row>
    <row r="8999" spans="4:5" x14ac:dyDescent="0.25">
      <c r="D8999" s="6">
        <v>938.05449999999996</v>
      </c>
      <c r="E8999" s="6">
        <v>1478.02</v>
      </c>
    </row>
    <row r="9000" spans="4:5" x14ac:dyDescent="0.25">
      <c r="D9000" s="6">
        <v>4223.0969999999998</v>
      </c>
      <c r="E9000" s="6">
        <v>655.66639999999995</v>
      </c>
    </row>
    <row r="9001" spans="4:5" x14ac:dyDescent="0.25">
      <c r="D9001" s="6">
        <v>477.49799999999999</v>
      </c>
      <c r="E9001" s="6">
        <v>3641.5219999999999</v>
      </c>
    </row>
    <row r="9002" spans="4:5" x14ac:dyDescent="0.25">
      <c r="D9002" s="6">
        <v>429.41669999999999</v>
      </c>
      <c r="E9002" s="6">
        <v>539.0598</v>
      </c>
    </row>
    <row r="9003" spans="4:5" x14ac:dyDescent="0.25">
      <c r="D9003" s="6">
        <v>3117.9180000000001</v>
      </c>
      <c r="E9003" s="6">
        <v>1252.4290000000001</v>
      </c>
    </row>
    <row r="9004" spans="4:5" x14ac:dyDescent="0.25">
      <c r="D9004" s="6">
        <v>681.66049999999996</v>
      </c>
      <c r="E9004" s="6">
        <v>1333.2239999999999</v>
      </c>
    </row>
    <row r="9005" spans="4:5" x14ac:dyDescent="0.25">
      <c r="D9005" s="6">
        <v>587.03769999999997</v>
      </c>
      <c r="E9005" s="6">
        <v>1018.646</v>
      </c>
    </row>
    <row r="9006" spans="4:5" x14ac:dyDescent="0.25">
      <c r="D9006" s="6">
        <v>4221.8310000000001</v>
      </c>
      <c r="E9006" s="6">
        <v>1117.558</v>
      </c>
    </row>
    <row r="9007" spans="4:5" x14ac:dyDescent="0.25">
      <c r="D9007" s="6">
        <v>1317.7539999999999</v>
      </c>
      <c r="E9007" s="6">
        <v>628.87419999999997</v>
      </c>
    </row>
    <row r="9008" spans="4:5" x14ac:dyDescent="0.25">
      <c r="D9008" s="6">
        <v>512.10419999999999</v>
      </c>
      <c r="E9008" s="6">
        <v>520.69929999999999</v>
      </c>
    </row>
    <row r="9009" spans="4:5" x14ac:dyDescent="0.25">
      <c r="D9009" s="6">
        <v>1657.816</v>
      </c>
      <c r="E9009" s="6">
        <v>623.18200000000002</v>
      </c>
    </row>
    <row r="9010" spans="4:5" x14ac:dyDescent="0.25">
      <c r="D9010" s="6">
        <v>710.83090000000004</v>
      </c>
      <c r="E9010" s="6">
        <v>728.96450000000004</v>
      </c>
    </row>
    <row r="9011" spans="4:5" x14ac:dyDescent="0.25">
      <c r="D9011" s="6">
        <v>859</v>
      </c>
      <c r="E9011" s="6">
        <v>990.46759999999995</v>
      </c>
    </row>
    <row r="9012" spans="4:5" x14ac:dyDescent="0.25">
      <c r="D9012" s="6">
        <v>1089.5650000000001</v>
      </c>
      <c r="E9012" s="6">
        <v>2554.9079999999999</v>
      </c>
    </row>
    <row r="9013" spans="4:5" x14ac:dyDescent="0.25">
      <c r="D9013" s="6">
        <v>1986.8409999999999</v>
      </c>
      <c r="E9013" s="6">
        <v>1752.6320000000001</v>
      </c>
    </row>
    <row r="9014" spans="4:5" x14ac:dyDescent="0.25">
      <c r="D9014" s="6">
        <v>788.04549999999995</v>
      </c>
      <c r="E9014" s="6">
        <v>1027.174</v>
      </c>
    </row>
    <row r="9015" spans="4:5" x14ac:dyDescent="0.25">
      <c r="D9015" s="6">
        <v>3579.8</v>
      </c>
      <c r="E9015" s="6">
        <v>485.90499999999997</v>
      </c>
    </row>
    <row r="9016" spans="4:5" x14ac:dyDescent="0.25">
      <c r="D9016" s="6">
        <v>4023.268</v>
      </c>
      <c r="E9016" s="6">
        <v>593.63549999999998</v>
      </c>
    </row>
    <row r="9017" spans="4:5" x14ac:dyDescent="0.25">
      <c r="D9017" s="6">
        <v>545.67819999999995</v>
      </c>
      <c r="E9017" s="6">
        <v>2820.6640000000002</v>
      </c>
    </row>
    <row r="9018" spans="4:5" x14ac:dyDescent="0.25">
      <c r="D9018" s="6">
        <v>659.9384</v>
      </c>
      <c r="E9018" s="6">
        <v>629.01070000000004</v>
      </c>
    </row>
    <row r="9019" spans="4:5" x14ac:dyDescent="0.25">
      <c r="D9019" s="6">
        <v>412.13080000000002</v>
      </c>
      <c r="E9019" s="6">
        <v>960.32410000000004</v>
      </c>
    </row>
    <row r="9020" spans="4:5" x14ac:dyDescent="0.25">
      <c r="D9020" s="6">
        <v>996.68349999999998</v>
      </c>
      <c r="E9020" s="6">
        <v>4970.72</v>
      </c>
    </row>
    <row r="9021" spans="4:5" x14ac:dyDescent="0.25">
      <c r="D9021" s="6">
        <v>5362.8609999999999</v>
      </c>
      <c r="E9021" s="6">
        <v>1355.115</v>
      </c>
    </row>
    <row r="9022" spans="4:5" x14ac:dyDescent="0.25">
      <c r="D9022" s="6">
        <v>493.67930000000001</v>
      </c>
      <c r="E9022" s="6">
        <v>3254.67</v>
      </c>
    </row>
    <row r="9023" spans="4:5" x14ac:dyDescent="0.25">
      <c r="D9023" s="6">
        <v>496.29759999999999</v>
      </c>
      <c r="E9023" s="6">
        <v>1662.6079999999999</v>
      </c>
    </row>
    <row r="9024" spans="4:5" x14ac:dyDescent="0.25">
      <c r="D9024" s="6">
        <v>5260.2359999999999</v>
      </c>
      <c r="E9024" s="6">
        <v>1273.184</v>
      </c>
    </row>
    <row r="9025" spans="4:5" x14ac:dyDescent="0.25">
      <c r="D9025" s="6">
        <v>984.5</v>
      </c>
      <c r="E9025" s="6">
        <v>842.28359999999998</v>
      </c>
    </row>
    <row r="9026" spans="4:5" x14ac:dyDescent="0.25">
      <c r="D9026" s="6">
        <v>503.584</v>
      </c>
      <c r="E9026" s="6">
        <v>877.85709999999995</v>
      </c>
    </row>
    <row r="9027" spans="4:5" x14ac:dyDescent="0.25">
      <c r="D9027" s="6">
        <v>839.39300000000003</v>
      </c>
      <c r="E9027" s="6">
        <v>440.60149999999999</v>
      </c>
    </row>
    <row r="9028" spans="4:5" x14ac:dyDescent="0.25">
      <c r="D9028" s="6">
        <v>855.73670000000004</v>
      </c>
      <c r="E9028" s="6">
        <v>775.34019999999998</v>
      </c>
    </row>
    <row r="9029" spans="4:5" x14ac:dyDescent="0.25">
      <c r="D9029" s="6">
        <v>2684.73</v>
      </c>
      <c r="E9029" s="6">
        <v>512.46529999999996</v>
      </c>
    </row>
    <row r="9030" spans="4:5" x14ac:dyDescent="0.25">
      <c r="D9030" s="6">
        <v>1851.35</v>
      </c>
      <c r="E9030" s="6">
        <v>573.77250000000004</v>
      </c>
    </row>
    <row r="9031" spans="4:5" x14ac:dyDescent="0.25">
      <c r="D9031" s="6">
        <v>858.71429999999998</v>
      </c>
      <c r="E9031" s="6">
        <v>3662.1770000000001</v>
      </c>
    </row>
    <row r="9032" spans="4:5" x14ac:dyDescent="0.25">
      <c r="D9032" s="6">
        <v>2685.1410000000001</v>
      </c>
      <c r="E9032" s="6">
        <v>978.43790000000001</v>
      </c>
    </row>
    <row r="9033" spans="4:5" x14ac:dyDescent="0.25">
      <c r="D9033" s="6">
        <v>8602.9369999999999</v>
      </c>
      <c r="E9033" s="6">
        <v>1317.364</v>
      </c>
    </row>
    <row r="9034" spans="4:5" x14ac:dyDescent="0.25">
      <c r="D9034" s="6">
        <v>1262.4570000000001</v>
      </c>
      <c r="E9034" s="6">
        <v>1251.5820000000001</v>
      </c>
    </row>
    <row r="9035" spans="4:5" x14ac:dyDescent="0.25">
      <c r="D9035" s="6">
        <v>579.3922</v>
      </c>
      <c r="E9035" s="6">
        <v>936.09939999999995</v>
      </c>
    </row>
    <row r="9036" spans="4:5" x14ac:dyDescent="0.25">
      <c r="D9036" s="6">
        <v>750.33410000000003</v>
      </c>
      <c r="E9036" s="6">
        <v>3317.7249999999999</v>
      </c>
    </row>
    <row r="9037" spans="4:5" x14ac:dyDescent="0.25">
      <c r="D9037" s="6">
        <v>631.07659999999998</v>
      </c>
      <c r="E9037" s="6">
        <v>400.96550000000002</v>
      </c>
    </row>
    <row r="9038" spans="4:5" x14ac:dyDescent="0.25">
      <c r="D9038" s="6">
        <v>891.70420000000001</v>
      </c>
      <c r="E9038" s="6">
        <v>553.97320000000002</v>
      </c>
    </row>
    <row r="9039" spans="4:5" x14ac:dyDescent="0.25">
      <c r="D9039" s="6">
        <v>489.00310000000002</v>
      </c>
      <c r="E9039" s="6">
        <v>1289.049</v>
      </c>
    </row>
    <row r="9040" spans="4:5" x14ac:dyDescent="0.25">
      <c r="D9040" s="6">
        <v>919.57349999999997</v>
      </c>
      <c r="E9040" s="6">
        <v>658.7826</v>
      </c>
    </row>
    <row r="9041" spans="4:5" x14ac:dyDescent="0.25">
      <c r="D9041" s="6">
        <v>600.21870000000001</v>
      </c>
      <c r="E9041" s="6">
        <v>431.0917</v>
      </c>
    </row>
    <row r="9042" spans="4:5" x14ac:dyDescent="0.25">
      <c r="D9042" s="6">
        <v>806.46979999999996</v>
      </c>
      <c r="E9042" s="6">
        <v>1011.759</v>
      </c>
    </row>
    <row r="9043" spans="4:5" x14ac:dyDescent="0.25">
      <c r="D9043" s="6">
        <v>668.21310000000005</v>
      </c>
      <c r="E9043" s="6">
        <v>555.32640000000004</v>
      </c>
    </row>
    <row r="9044" spans="4:5" x14ac:dyDescent="0.25">
      <c r="D9044" s="6">
        <v>4444.3429999999998</v>
      </c>
      <c r="E9044" s="6">
        <v>2305.7939999999999</v>
      </c>
    </row>
    <row r="9045" spans="4:5" x14ac:dyDescent="0.25">
      <c r="D9045" s="6">
        <v>1113.3119999999999</v>
      </c>
      <c r="E9045" s="6">
        <v>497.51429999999999</v>
      </c>
    </row>
    <row r="9046" spans="4:5" x14ac:dyDescent="0.25">
      <c r="D9046" s="6">
        <v>519.12950000000001</v>
      </c>
      <c r="E9046" s="6">
        <v>3327.3519999999999</v>
      </c>
    </row>
    <row r="9047" spans="4:5" x14ac:dyDescent="0.25">
      <c r="D9047" s="6">
        <v>712.0095</v>
      </c>
      <c r="E9047" s="6">
        <v>642.67240000000004</v>
      </c>
    </row>
    <row r="9048" spans="4:5" x14ac:dyDescent="0.25">
      <c r="D9048" s="6">
        <v>600.32870000000003</v>
      </c>
      <c r="E9048" s="6">
        <v>1057.3910000000001</v>
      </c>
    </row>
    <row r="9049" spans="4:5" x14ac:dyDescent="0.25">
      <c r="D9049" s="6">
        <v>621.41330000000005</v>
      </c>
      <c r="E9049" s="6">
        <v>4414.143</v>
      </c>
    </row>
    <row r="9050" spans="4:5" x14ac:dyDescent="0.25">
      <c r="D9050" s="6">
        <v>678.68269999999995</v>
      </c>
      <c r="E9050" s="6">
        <v>519.43690000000004</v>
      </c>
    </row>
    <row r="9051" spans="4:5" x14ac:dyDescent="0.25">
      <c r="D9051" s="6">
        <v>5635.2150000000001</v>
      </c>
      <c r="E9051" s="6">
        <v>1142.7909999999999</v>
      </c>
    </row>
    <row r="9052" spans="4:5" x14ac:dyDescent="0.25">
      <c r="D9052" s="6">
        <v>793.83989999999994</v>
      </c>
      <c r="E9052" s="6">
        <v>559.65279999999996</v>
      </c>
    </row>
    <row r="9053" spans="4:5" x14ac:dyDescent="0.25">
      <c r="D9053" s="6">
        <v>515.55709999999999</v>
      </c>
      <c r="E9053" s="6">
        <v>533.28610000000003</v>
      </c>
    </row>
    <row r="9054" spans="4:5" x14ac:dyDescent="0.25">
      <c r="D9054" s="6">
        <v>1636.098</v>
      </c>
      <c r="E9054" s="6">
        <v>591.33600000000001</v>
      </c>
    </row>
    <row r="9055" spans="4:5" x14ac:dyDescent="0.25">
      <c r="D9055" s="6">
        <v>1775.845</v>
      </c>
      <c r="E9055" s="6">
        <v>1274.454</v>
      </c>
    </row>
    <row r="9056" spans="4:5" x14ac:dyDescent="0.25">
      <c r="D9056" s="6">
        <v>557.74699999999996</v>
      </c>
      <c r="E9056" s="6">
        <v>2653.529</v>
      </c>
    </row>
    <row r="9057" spans="4:5" x14ac:dyDescent="0.25">
      <c r="D9057" s="6">
        <v>3214.1120000000001</v>
      </c>
      <c r="E9057" s="6">
        <v>664.38229999999999</v>
      </c>
    </row>
    <row r="9058" spans="4:5" x14ac:dyDescent="0.25">
      <c r="D9058" s="6">
        <v>2747.9110000000001</v>
      </c>
      <c r="E9058" s="6">
        <v>1846.55</v>
      </c>
    </row>
    <row r="9059" spans="4:5" x14ac:dyDescent="0.25">
      <c r="D9059" s="6">
        <v>3734.6390000000001</v>
      </c>
      <c r="E9059" s="6">
        <v>608.32719999999995</v>
      </c>
    </row>
    <row r="9060" spans="4:5" x14ac:dyDescent="0.25">
      <c r="D9060" s="6">
        <v>510.41109999999998</v>
      </c>
      <c r="E9060" s="6">
        <v>1123.8679999999999</v>
      </c>
    </row>
    <row r="9061" spans="4:5" x14ac:dyDescent="0.25">
      <c r="D9061" s="6">
        <v>1443.3789999999999</v>
      </c>
      <c r="E9061" s="6">
        <v>3104</v>
      </c>
    </row>
    <row r="9062" spans="4:5" x14ac:dyDescent="0.25">
      <c r="D9062" s="6">
        <v>3907.8429999999998</v>
      </c>
      <c r="E9062" s="6">
        <v>469.0634</v>
      </c>
    </row>
    <row r="9063" spans="4:5" x14ac:dyDescent="0.25">
      <c r="D9063" s="6">
        <v>740.64250000000004</v>
      </c>
      <c r="E9063" s="6">
        <v>743.14449999999999</v>
      </c>
    </row>
    <row r="9064" spans="4:5" x14ac:dyDescent="0.25">
      <c r="D9064" s="6">
        <v>6920.268</v>
      </c>
      <c r="E9064" s="6">
        <v>592.52160000000003</v>
      </c>
    </row>
    <row r="9065" spans="4:5" x14ac:dyDescent="0.25">
      <c r="D9065" s="6">
        <v>580.30409999999995</v>
      </c>
      <c r="E9065" s="6">
        <v>1216.173</v>
      </c>
    </row>
    <row r="9066" spans="4:5" x14ac:dyDescent="0.25">
      <c r="D9066" s="6">
        <v>556.78480000000002</v>
      </c>
      <c r="E9066" s="6">
        <v>408.81720000000001</v>
      </c>
    </row>
    <row r="9067" spans="4:5" x14ac:dyDescent="0.25">
      <c r="D9067" s="6">
        <v>667.07380000000001</v>
      </c>
      <c r="E9067" s="6">
        <v>3233.348</v>
      </c>
    </row>
    <row r="9068" spans="4:5" x14ac:dyDescent="0.25">
      <c r="D9068" s="6">
        <v>659.62270000000001</v>
      </c>
      <c r="E9068" s="6">
        <v>547.54999999999995</v>
      </c>
    </row>
    <row r="9069" spans="4:5" x14ac:dyDescent="0.25">
      <c r="D9069" s="6">
        <v>956.13789999999995</v>
      </c>
      <c r="E9069" s="6">
        <v>496.85359999999997</v>
      </c>
    </row>
    <row r="9070" spans="4:5" x14ac:dyDescent="0.25">
      <c r="D9070" s="6">
        <v>965.74360000000001</v>
      </c>
      <c r="E9070" s="6">
        <v>2797.6750000000002</v>
      </c>
    </row>
    <row r="9071" spans="4:5" x14ac:dyDescent="0.25">
      <c r="D9071" s="6">
        <v>5639.7669999999998</v>
      </c>
      <c r="E9071" s="6">
        <v>633.74289999999996</v>
      </c>
    </row>
    <row r="9072" spans="4:5" x14ac:dyDescent="0.25">
      <c r="D9072" s="6">
        <v>610.69709999999998</v>
      </c>
      <c r="E9072" s="6">
        <v>1304.5930000000001</v>
      </c>
    </row>
    <row r="9073" spans="4:5" x14ac:dyDescent="0.25">
      <c r="D9073" s="6">
        <v>706.84270000000004</v>
      </c>
      <c r="E9073" s="6">
        <v>3241.9830000000002</v>
      </c>
    </row>
    <row r="9074" spans="4:5" x14ac:dyDescent="0.25">
      <c r="D9074" s="6">
        <v>3871.1350000000002</v>
      </c>
      <c r="E9074" s="6">
        <v>3927.953</v>
      </c>
    </row>
    <row r="9075" spans="4:5" x14ac:dyDescent="0.25">
      <c r="D9075" s="6">
        <v>4721.9470000000001</v>
      </c>
      <c r="E9075" s="6">
        <v>544.90650000000005</v>
      </c>
    </row>
    <row r="9076" spans="4:5" x14ac:dyDescent="0.25">
      <c r="D9076" s="6">
        <v>904.44600000000003</v>
      </c>
      <c r="E9076" s="6">
        <v>1020.123</v>
      </c>
    </row>
    <row r="9077" spans="4:5" x14ac:dyDescent="0.25">
      <c r="D9077" s="6">
        <v>655.65800000000002</v>
      </c>
      <c r="E9077" s="6">
        <v>1016.105</v>
      </c>
    </row>
    <row r="9078" spans="4:5" x14ac:dyDescent="0.25">
      <c r="D9078" s="6">
        <v>912.33370000000002</v>
      </c>
      <c r="E9078" s="6">
        <v>4304.3850000000002</v>
      </c>
    </row>
    <row r="9079" spans="4:5" x14ac:dyDescent="0.25">
      <c r="D9079" s="6">
        <v>1894.8150000000001</v>
      </c>
      <c r="E9079" s="6">
        <v>423.00689999999997</v>
      </c>
    </row>
    <row r="9080" spans="4:5" x14ac:dyDescent="0.25">
      <c r="D9080" s="6">
        <v>915.23069999999996</v>
      </c>
      <c r="E9080" s="6">
        <v>1649.299</v>
      </c>
    </row>
    <row r="9081" spans="4:5" x14ac:dyDescent="0.25">
      <c r="D9081" s="6">
        <v>654.71100000000001</v>
      </c>
      <c r="E9081" s="6">
        <v>3624.8180000000002</v>
      </c>
    </row>
    <row r="9082" spans="4:5" x14ac:dyDescent="0.25">
      <c r="D9082" s="6">
        <v>668.76340000000005</v>
      </c>
      <c r="E9082" s="6">
        <v>4233.4049999999997</v>
      </c>
    </row>
    <row r="9083" spans="4:5" x14ac:dyDescent="0.25">
      <c r="D9083" s="6">
        <v>687.17100000000005</v>
      </c>
      <c r="E9083" s="6">
        <v>3563.1729999999998</v>
      </c>
    </row>
    <row r="9084" spans="4:5" x14ac:dyDescent="0.25">
      <c r="D9084" s="6">
        <v>596.86680000000001</v>
      </c>
      <c r="E9084" s="6">
        <v>437.89870000000002</v>
      </c>
    </row>
    <row r="9085" spans="4:5" x14ac:dyDescent="0.25">
      <c r="D9085" s="6">
        <v>580.06370000000004</v>
      </c>
      <c r="E9085" s="6">
        <v>2376.654</v>
      </c>
    </row>
    <row r="9086" spans="4:5" x14ac:dyDescent="0.25">
      <c r="D9086" s="6">
        <v>600.71600000000001</v>
      </c>
      <c r="E9086" s="6">
        <v>766.46410000000003</v>
      </c>
    </row>
    <row r="9087" spans="4:5" x14ac:dyDescent="0.25">
      <c r="D9087" s="6">
        <v>4319.1369999999997</v>
      </c>
      <c r="E9087" s="6">
        <v>1567.25</v>
      </c>
    </row>
    <row r="9088" spans="4:5" x14ac:dyDescent="0.25">
      <c r="D9088" s="6">
        <v>741.40639999999996</v>
      </c>
      <c r="E9088" s="6">
        <v>1782.029</v>
      </c>
    </row>
    <row r="9089" spans="4:5" x14ac:dyDescent="0.25">
      <c r="D9089" s="6">
        <v>6113.7370000000001</v>
      </c>
      <c r="E9089" s="6">
        <v>2018.2929999999999</v>
      </c>
    </row>
    <row r="9090" spans="4:5" x14ac:dyDescent="0.25">
      <c r="D9090" s="6">
        <v>543.77110000000005</v>
      </c>
      <c r="E9090" s="6">
        <v>626.09730000000002</v>
      </c>
    </row>
    <row r="9091" spans="4:5" x14ac:dyDescent="0.25">
      <c r="D9091" s="6">
        <v>1909.845</v>
      </c>
      <c r="E9091" s="6">
        <v>600.9194</v>
      </c>
    </row>
    <row r="9092" spans="4:5" x14ac:dyDescent="0.25">
      <c r="D9092" s="6">
        <v>1661.5329999999999</v>
      </c>
      <c r="E9092" s="6">
        <v>566.4701</v>
      </c>
    </row>
    <row r="9093" spans="4:5" x14ac:dyDescent="0.25">
      <c r="D9093" s="6">
        <v>961.21400000000006</v>
      </c>
      <c r="E9093" s="6">
        <v>492.32330000000002</v>
      </c>
    </row>
    <row r="9094" spans="4:5" x14ac:dyDescent="0.25">
      <c r="D9094" s="6">
        <v>1007.509</v>
      </c>
      <c r="E9094" s="6">
        <v>672.15449999999998</v>
      </c>
    </row>
    <row r="9095" spans="4:5" x14ac:dyDescent="0.25">
      <c r="D9095" s="6">
        <v>577.8501</v>
      </c>
      <c r="E9095" s="6">
        <v>610.15909999999997</v>
      </c>
    </row>
    <row r="9096" spans="4:5" x14ac:dyDescent="0.25">
      <c r="D9096" s="6">
        <v>883.39729999999997</v>
      </c>
      <c r="E9096" s="6">
        <v>783.71109999999999</v>
      </c>
    </row>
    <row r="9097" spans="4:5" x14ac:dyDescent="0.25">
      <c r="D9097" s="6">
        <v>1522.463</v>
      </c>
      <c r="E9097" s="6">
        <v>1369.6489999999999</v>
      </c>
    </row>
    <row r="9098" spans="4:5" x14ac:dyDescent="0.25">
      <c r="D9098" s="6">
        <v>904.61090000000002</v>
      </c>
      <c r="E9098" s="6">
        <v>908.50900000000001</v>
      </c>
    </row>
    <row r="9099" spans="4:5" x14ac:dyDescent="0.25">
      <c r="D9099" s="6">
        <v>423</v>
      </c>
      <c r="E9099" s="6">
        <v>457.9794</v>
      </c>
    </row>
    <row r="9100" spans="4:5" x14ac:dyDescent="0.25">
      <c r="D9100" s="6">
        <v>5554.6639999999998</v>
      </c>
      <c r="E9100" s="6">
        <v>2197.4050000000002</v>
      </c>
    </row>
    <row r="9101" spans="4:5" x14ac:dyDescent="0.25">
      <c r="D9101" s="6">
        <v>768.16679999999997</v>
      </c>
      <c r="E9101" s="6">
        <v>772.52890000000002</v>
      </c>
    </row>
    <row r="9102" spans="4:5" x14ac:dyDescent="0.25">
      <c r="D9102" s="6">
        <v>649.25</v>
      </c>
      <c r="E9102" s="6">
        <v>523.43119999999999</v>
      </c>
    </row>
    <row r="9103" spans="4:5" x14ac:dyDescent="0.25">
      <c r="D9103" s="6">
        <v>818.46969999999999</v>
      </c>
      <c r="E9103" s="6">
        <v>4624.0690000000004</v>
      </c>
    </row>
    <row r="9104" spans="4:5" x14ac:dyDescent="0.25">
      <c r="D9104" s="6">
        <v>665.27660000000003</v>
      </c>
      <c r="E9104" s="6">
        <v>1019.908</v>
      </c>
    </row>
    <row r="9105" spans="4:5" x14ac:dyDescent="0.25">
      <c r="D9105" s="6">
        <v>444</v>
      </c>
      <c r="E9105" s="6">
        <v>1395.6130000000001</v>
      </c>
    </row>
    <row r="9106" spans="4:5" x14ac:dyDescent="0.25">
      <c r="D9106" s="6">
        <v>765.99109999999996</v>
      </c>
      <c r="E9106" s="6">
        <v>566.57029999999997</v>
      </c>
    </row>
    <row r="9107" spans="4:5" x14ac:dyDescent="0.25">
      <c r="D9107" s="6">
        <v>5284.4049999999997</v>
      </c>
      <c r="E9107" s="6">
        <v>3696.7809999999999</v>
      </c>
    </row>
    <row r="9108" spans="4:5" x14ac:dyDescent="0.25">
      <c r="D9108" s="6">
        <v>844.80150000000003</v>
      </c>
      <c r="E9108" s="6">
        <v>1267.5329999999999</v>
      </c>
    </row>
    <row r="9109" spans="4:5" x14ac:dyDescent="0.25">
      <c r="D9109" s="6">
        <v>6773.0209999999997</v>
      </c>
      <c r="E9109" s="6">
        <v>1211.7750000000001</v>
      </c>
    </row>
    <row r="9110" spans="4:5" x14ac:dyDescent="0.25">
      <c r="D9110" s="6">
        <v>542.32169999999996</v>
      </c>
      <c r="E9110" s="6">
        <v>721.89520000000005</v>
      </c>
    </row>
    <row r="9111" spans="4:5" x14ac:dyDescent="0.25">
      <c r="D9111" s="6">
        <v>745.63419999999996</v>
      </c>
      <c r="E9111" s="6">
        <v>729.69500000000005</v>
      </c>
    </row>
    <row r="9112" spans="4:5" x14ac:dyDescent="0.25">
      <c r="D9112" s="6">
        <v>718.8116</v>
      </c>
      <c r="E9112" s="6">
        <v>2617.6120000000001</v>
      </c>
    </row>
    <row r="9113" spans="4:5" x14ac:dyDescent="0.25">
      <c r="D9113" s="6">
        <v>1480.288</v>
      </c>
      <c r="E9113" s="6">
        <v>665.5752</v>
      </c>
    </row>
    <row r="9114" spans="4:5" x14ac:dyDescent="0.25">
      <c r="D9114" s="6">
        <v>509.89389999999997</v>
      </c>
      <c r="E9114" s="6">
        <v>964.2432</v>
      </c>
    </row>
    <row r="9115" spans="4:5" x14ac:dyDescent="0.25">
      <c r="D9115" s="6">
        <v>707.8116</v>
      </c>
      <c r="E9115" s="6">
        <v>1381.2619999999999</v>
      </c>
    </row>
    <row r="9116" spans="4:5" x14ac:dyDescent="0.25">
      <c r="D9116" s="6">
        <v>5764.84</v>
      </c>
      <c r="E9116" s="6">
        <v>420.45589999999999</v>
      </c>
    </row>
    <row r="9117" spans="4:5" x14ac:dyDescent="0.25">
      <c r="D9117" s="6">
        <v>6458.9660000000003</v>
      </c>
      <c r="E9117" s="6">
        <v>1054.605</v>
      </c>
    </row>
    <row r="9118" spans="4:5" x14ac:dyDescent="0.25">
      <c r="D9118" s="6">
        <v>713.00319999999999</v>
      </c>
      <c r="E9118" s="6">
        <v>1297.454</v>
      </c>
    </row>
    <row r="9119" spans="4:5" x14ac:dyDescent="0.25">
      <c r="D9119" s="6">
        <v>2822.3119999999999</v>
      </c>
      <c r="E9119" s="6">
        <v>3269.8609999999999</v>
      </c>
    </row>
    <row r="9120" spans="4:5" x14ac:dyDescent="0.25">
      <c r="D9120" s="6">
        <v>693.73910000000001</v>
      </c>
      <c r="E9120" s="6">
        <v>536.04259999999999</v>
      </c>
    </row>
    <row r="9121" spans="4:5" x14ac:dyDescent="0.25">
      <c r="D9121" s="6">
        <v>488.11439999999999</v>
      </c>
      <c r="E9121" s="6">
        <v>1484.1020000000001</v>
      </c>
    </row>
    <row r="9122" spans="4:5" x14ac:dyDescent="0.25">
      <c r="D9122" s="6">
        <v>1512.0070000000001</v>
      </c>
      <c r="E9122" s="6">
        <v>916.91290000000004</v>
      </c>
    </row>
    <row r="9123" spans="4:5" x14ac:dyDescent="0.25">
      <c r="D9123" s="6">
        <v>597.19820000000004</v>
      </c>
      <c r="E9123" s="6">
        <v>579.44090000000006</v>
      </c>
    </row>
    <row r="9124" spans="4:5" x14ac:dyDescent="0.25">
      <c r="D9124" s="6">
        <v>1349.875</v>
      </c>
      <c r="E9124" s="6">
        <v>1119.7739999999999</v>
      </c>
    </row>
    <row r="9125" spans="4:5" x14ac:dyDescent="0.25">
      <c r="D9125" s="6">
        <v>444.8562</v>
      </c>
      <c r="E9125" s="6">
        <v>2453.279</v>
      </c>
    </row>
    <row r="9126" spans="4:5" x14ac:dyDescent="0.25">
      <c r="D9126" s="6">
        <v>343.43579999999997</v>
      </c>
      <c r="E9126" s="6">
        <v>643.68619999999999</v>
      </c>
    </row>
    <row r="9127" spans="4:5" x14ac:dyDescent="0.25">
      <c r="D9127" s="6">
        <v>2121.36</v>
      </c>
      <c r="E9127" s="6">
        <v>1194.3900000000001</v>
      </c>
    </row>
    <row r="9128" spans="4:5" x14ac:dyDescent="0.25">
      <c r="D9128" s="6">
        <v>1052.81</v>
      </c>
      <c r="E9128" s="6">
        <v>3161.636</v>
      </c>
    </row>
    <row r="9129" spans="4:5" x14ac:dyDescent="0.25">
      <c r="D9129" s="6">
        <v>1074.8030000000001</v>
      </c>
      <c r="E9129" s="6">
        <v>964.39869999999996</v>
      </c>
    </row>
    <row r="9130" spans="4:5" x14ac:dyDescent="0.25">
      <c r="D9130" s="6">
        <v>610.28139999999996</v>
      </c>
      <c r="E9130" s="6">
        <v>1353.5350000000001</v>
      </c>
    </row>
    <row r="9131" spans="4:5" x14ac:dyDescent="0.25">
      <c r="D9131" s="6">
        <v>1043.4369999999999</v>
      </c>
      <c r="E9131" s="6">
        <v>1145.7280000000001</v>
      </c>
    </row>
    <row r="9132" spans="4:5" x14ac:dyDescent="0.25">
      <c r="D9132" s="6">
        <v>3517.5819999999999</v>
      </c>
      <c r="E9132" s="6">
        <v>569.17830000000004</v>
      </c>
    </row>
    <row r="9133" spans="4:5" x14ac:dyDescent="0.25">
      <c r="D9133" s="6">
        <v>535.16669999999999</v>
      </c>
      <c r="E9133" s="6">
        <v>509.55340000000001</v>
      </c>
    </row>
    <row r="9134" spans="4:5" x14ac:dyDescent="0.25">
      <c r="D9134" s="6">
        <v>6668.5039999999999</v>
      </c>
      <c r="E9134" s="6">
        <v>937.19629999999995</v>
      </c>
    </row>
    <row r="9135" spans="4:5" x14ac:dyDescent="0.25">
      <c r="D9135" s="6">
        <v>466.4871</v>
      </c>
      <c r="E9135" s="6">
        <v>1057.759</v>
      </c>
    </row>
    <row r="9136" spans="4:5" x14ac:dyDescent="0.25">
      <c r="D9136" s="6">
        <v>563.62900000000002</v>
      </c>
      <c r="E9136" s="6">
        <v>555.43460000000005</v>
      </c>
    </row>
    <row r="9137" spans="4:5" x14ac:dyDescent="0.25">
      <c r="D9137" s="6">
        <v>698.74080000000004</v>
      </c>
      <c r="E9137" s="6">
        <v>1044.2950000000001</v>
      </c>
    </row>
    <row r="9138" spans="4:5" x14ac:dyDescent="0.25">
      <c r="D9138" s="6">
        <v>1025.009</v>
      </c>
      <c r="E9138" s="6">
        <v>761.05070000000001</v>
      </c>
    </row>
    <row r="9139" spans="4:5" x14ac:dyDescent="0.25">
      <c r="D9139" s="6">
        <v>695.18140000000005</v>
      </c>
      <c r="E9139" s="6">
        <v>1048.1320000000001</v>
      </c>
    </row>
    <row r="9140" spans="4:5" x14ac:dyDescent="0.25">
      <c r="D9140" s="6">
        <v>1648.75</v>
      </c>
      <c r="E9140" s="6">
        <v>3349.9180000000001</v>
      </c>
    </row>
    <row r="9141" spans="4:5" x14ac:dyDescent="0.25">
      <c r="D9141" s="6">
        <v>552.87840000000006</v>
      </c>
      <c r="E9141" s="6">
        <v>3406.444</v>
      </c>
    </row>
    <row r="9142" spans="4:5" x14ac:dyDescent="0.25">
      <c r="D9142" s="6">
        <v>503.91570000000002</v>
      </c>
      <c r="E9142" s="6">
        <v>896.6327</v>
      </c>
    </row>
    <row r="9143" spans="4:5" x14ac:dyDescent="0.25">
      <c r="D9143" s="6">
        <v>685.42449999999997</v>
      </c>
      <c r="E9143" s="6">
        <v>599.98450000000003</v>
      </c>
    </row>
    <row r="9144" spans="4:5" x14ac:dyDescent="0.25">
      <c r="D9144" s="6">
        <v>4864.82</v>
      </c>
      <c r="E9144" s="6">
        <v>561.87649999999996</v>
      </c>
    </row>
    <row r="9145" spans="4:5" x14ac:dyDescent="0.25">
      <c r="D9145" s="6">
        <v>1273.3330000000001</v>
      </c>
      <c r="E9145" s="6">
        <v>1015.06</v>
      </c>
    </row>
    <row r="9146" spans="4:5" x14ac:dyDescent="0.25">
      <c r="D9146" s="6">
        <v>596.28520000000003</v>
      </c>
      <c r="E9146" s="6">
        <v>2768.8440000000001</v>
      </c>
    </row>
    <row r="9147" spans="4:5" x14ac:dyDescent="0.25">
      <c r="D9147" s="6">
        <v>804.65099999999995</v>
      </c>
      <c r="E9147" s="6">
        <v>3561.942</v>
      </c>
    </row>
    <row r="9148" spans="4:5" x14ac:dyDescent="0.25">
      <c r="D9148" s="6">
        <v>739.38229999999999</v>
      </c>
      <c r="E9148" s="6">
        <v>464.2568</v>
      </c>
    </row>
    <row r="9149" spans="4:5" x14ac:dyDescent="0.25">
      <c r="D9149" s="6">
        <v>344.03930000000003</v>
      </c>
      <c r="E9149" s="6">
        <v>1048.777</v>
      </c>
    </row>
    <row r="9150" spans="4:5" x14ac:dyDescent="0.25">
      <c r="D9150" s="6">
        <v>777.49760000000003</v>
      </c>
      <c r="E9150" s="6">
        <v>2325.2660000000001</v>
      </c>
    </row>
    <row r="9151" spans="4:5" x14ac:dyDescent="0.25">
      <c r="D9151" s="6">
        <v>1530.885</v>
      </c>
      <c r="E9151" s="6">
        <v>978.15610000000004</v>
      </c>
    </row>
    <row r="9152" spans="4:5" x14ac:dyDescent="0.25">
      <c r="D9152" s="6">
        <v>3256.7869999999998</v>
      </c>
      <c r="E9152" s="6">
        <v>993.27369999999996</v>
      </c>
    </row>
    <row r="9153" spans="4:5" x14ac:dyDescent="0.25">
      <c r="D9153" s="6">
        <v>649.79639999999995</v>
      </c>
      <c r="E9153" s="6">
        <v>1075.8030000000001</v>
      </c>
    </row>
    <row r="9154" spans="4:5" x14ac:dyDescent="0.25">
      <c r="D9154" s="6">
        <v>1007.503</v>
      </c>
      <c r="E9154" s="6">
        <v>969.79340000000002</v>
      </c>
    </row>
    <row r="9155" spans="4:5" x14ac:dyDescent="0.25">
      <c r="D9155" s="6">
        <v>2772.3029999999999</v>
      </c>
      <c r="E9155" s="6">
        <v>1337.4649999999999</v>
      </c>
    </row>
    <row r="9156" spans="4:5" x14ac:dyDescent="0.25">
      <c r="D9156" s="6">
        <v>526.73929999999996</v>
      </c>
      <c r="E9156" s="6">
        <v>495.2</v>
      </c>
    </row>
    <row r="9157" spans="4:5" x14ac:dyDescent="0.25">
      <c r="D9157" s="6">
        <v>4654.7839999999997</v>
      </c>
      <c r="E9157" s="6">
        <v>3358.6109999999999</v>
      </c>
    </row>
    <row r="9158" spans="4:5" x14ac:dyDescent="0.25">
      <c r="D9158" s="6">
        <v>550.11789999999996</v>
      </c>
      <c r="E9158" s="6">
        <v>1508.8240000000001</v>
      </c>
    </row>
    <row r="9159" spans="4:5" x14ac:dyDescent="0.25">
      <c r="D9159" s="6">
        <v>1255.933</v>
      </c>
      <c r="E9159" s="6">
        <v>2971.0970000000002</v>
      </c>
    </row>
    <row r="9160" spans="4:5" x14ac:dyDescent="0.25">
      <c r="D9160" s="6">
        <v>525.77629999999999</v>
      </c>
      <c r="E9160" s="6">
        <v>433.9443</v>
      </c>
    </row>
    <row r="9161" spans="4:5" x14ac:dyDescent="0.25">
      <c r="D9161" s="6">
        <v>608.81359999999995</v>
      </c>
      <c r="E9161" s="6">
        <v>958.00130000000001</v>
      </c>
    </row>
    <row r="9162" spans="4:5" x14ac:dyDescent="0.25">
      <c r="D9162" s="6">
        <v>614.74199999999996</v>
      </c>
      <c r="E9162" s="6">
        <v>620.00229999999999</v>
      </c>
    </row>
    <row r="9163" spans="4:5" x14ac:dyDescent="0.25">
      <c r="D9163" s="6">
        <v>1831.7370000000001</v>
      </c>
      <c r="E9163" s="6">
        <v>2974.9589999999998</v>
      </c>
    </row>
    <row r="9164" spans="4:5" x14ac:dyDescent="0.25">
      <c r="D9164" s="6">
        <v>478.94049999999999</v>
      </c>
      <c r="E9164" s="6">
        <v>1168.309</v>
      </c>
    </row>
    <row r="9165" spans="4:5" x14ac:dyDescent="0.25">
      <c r="D9165" s="6">
        <v>3113.569</v>
      </c>
      <c r="E9165" s="6">
        <v>845.56399999999996</v>
      </c>
    </row>
    <row r="9166" spans="4:5" x14ac:dyDescent="0.25">
      <c r="D9166" s="6">
        <v>984.99639999999999</v>
      </c>
      <c r="E9166" s="6">
        <v>633.30340000000001</v>
      </c>
    </row>
    <row r="9167" spans="4:5" x14ac:dyDescent="0.25">
      <c r="D9167" s="6">
        <v>1038.9670000000001</v>
      </c>
      <c r="E9167" s="6">
        <v>602.22630000000004</v>
      </c>
    </row>
    <row r="9168" spans="4:5" x14ac:dyDescent="0.25">
      <c r="D9168" s="6">
        <v>472.0899</v>
      </c>
      <c r="E9168" s="6">
        <v>2439.5909999999999</v>
      </c>
    </row>
    <row r="9169" spans="4:5" x14ac:dyDescent="0.25">
      <c r="D9169" s="6">
        <v>10984.31</v>
      </c>
      <c r="E9169" s="6">
        <v>495.46530000000001</v>
      </c>
    </row>
    <row r="9170" spans="4:5" x14ac:dyDescent="0.25">
      <c r="D9170" s="6">
        <v>571.2346</v>
      </c>
      <c r="E9170" s="6">
        <v>1365.999</v>
      </c>
    </row>
    <row r="9171" spans="4:5" x14ac:dyDescent="0.25">
      <c r="D9171" s="6">
        <v>979.24689999999998</v>
      </c>
      <c r="E9171" s="6">
        <v>1322.748</v>
      </c>
    </row>
    <row r="9172" spans="4:5" x14ac:dyDescent="0.25">
      <c r="D9172" s="6">
        <v>1279.9469999999999</v>
      </c>
      <c r="E9172" s="6">
        <v>1522.625</v>
      </c>
    </row>
    <row r="9173" spans="4:5" x14ac:dyDescent="0.25">
      <c r="D9173" s="6">
        <v>1826.3889999999999</v>
      </c>
      <c r="E9173" s="6">
        <v>2826.239</v>
      </c>
    </row>
    <row r="9174" spans="4:5" x14ac:dyDescent="0.25">
      <c r="D9174" s="6">
        <v>755.99189999999999</v>
      </c>
      <c r="E9174" s="6">
        <v>355.75279999999998</v>
      </c>
    </row>
    <row r="9175" spans="4:5" x14ac:dyDescent="0.25">
      <c r="D9175" s="6">
        <v>5054.6459999999997</v>
      </c>
      <c r="E9175" s="6">
        <v>634.55769999999995</v>
      </c>
    </row>
    <row r="9176" spans="4:5" x14ac:dyDescent="0.25">
      <c r="D9176" s="6">
        <v>4651.8609999999999</v>
      </c>
      <c r="E9176" s="6">
        <v>765.31690000000003</v>
      </c>
    </row>
    <row r="9177" spans="4:5" x14ac:dyDescent="0.25">
      <c r="D9177" s="6">
        <v>5937.3019999999997</v>
      </c>
      <c r="E9177" s="6">
        <v>514.27020000000005</v>
      </c>
    </row>
    <row r="9178" spans="4:5" x14ac:dyDescent="0.25">
      <c r="D9178" s="6">
        <v>1075.1780000000001</v>
      </c>
      <c r="E9178" s="6">
        <v>3075.422</v>
      </c>
    </row>
    <row r="9179" spans="4:5" x14ac:dyDescent="0.25">
      <c r="D9179" s="6">
        <v>2720.2</v>
      </c>
      <c r="E9179" s="6">
        <v>594.43299999999999</v>
      </c>
    </row>
    <row r="9180" spans="4:5" x14ac:dyDescent="0.25">
      <c r="D9180" s="6">
        <v>784.48490000000004</v>
      </c>
      <c r="E9180" s="6">
        <v>744.46429999999998</v>
      </c>
    </row>
    <row r="9181" spans="4:5" x14ac:dyDescent="0.25">
      <c r="D9181" s="6">
        <v>505.6</v>
      </c>
      <c r="E9181" s="6">
        <v>1033.3779999999999</v>
      </c>
    </row>
    <row r="9182" spans="4:5" x14ac:dyDescent="0.25">
      <c r="D9182" s="6">
        <v>859.82590000000005</v>
      </c>
      <c r="E9182" s="6">
        <v>480.39839999999998</v>
      </c>
    </row>
    <row r="9183" spans="4:5" x14ac:dyDescent="0.25">
      <c r="D9183" s="6">
        <v>593.84019999999998</v>
      </c>
      <c r="E9183" s="6">
        <v>811.40229999999997</v>
      </c>
    </row>
    <row r="9184" spans="4:5" x14ac:dyDescent="0.25">
      <c r="D9184" s="6">
        <v>815.66179999999997</v>
      </c>
      <c r="E9184" s="6">
        <v>1302.53</v>
      </c>
    </row>
    <row r="9185" spans="4:5" x14ac:dyDescent="0.25">
      <c r="D9185" s="6">
        <v>504.33569999999997</v>
      </c>
      <c r="E9185" s="6">
        <v>883.32759999999996</v>
      </c>
    </row>
    <row r="9186" spans="4:5" x14ac:dyDescent="0.25">
      <c r="D9186" s="6">
        <v>893.84</v>
      </c>
      <c r="E9186" s="6">
        <v>1114.25</v>
      </c>
    </row>
    <row r="9187" spans="4:5" x14ac:dyDescent="0.25">
      <c r="D9187" s="6">
        <v>3259.4810000000002</v>
      </c>
      <c r="E9187" s="6">
        <v>3840.7730000000001</v>
      </c>
    </row>
    <row r="9188" spans="4:5" x14ac:dyDescent="0.25">
      <c r="D9188" s="6">
        <v>3864.8159999999998</v>
      </c>
      <c r="E9188" s="6">
        <v>466.94499999999999</v>
      </c>
    </row>
    <row r="9189" spans="4:5" x14ac:dyDescent="0.25">
      <c r="D9189" s="6">
        <v>3450.0650000000001</v>
      </c>
      <c r="E9189" s="6">
        <v>953.13490000000002</v>
      </c>
    </row>
    <row r="9190" spans="4:5" x14ac:dyDescent="0.25">
      <c r="D9190" s="6">
        <v>1221.067</v>
      </c>
      <c r="E9190" s="6">
        <v>374.47160000000002</v>
      </c>
    </row>
    <row r="9191" spans="4:5" x14ac:dyDescent="0.25">
      <c r="D9191" s="6">
        <v>756.48040000000003</v>
      </c>
      <c r="E9191" s="6">
        <v>489.14190000000002</v>
      </c>
    </row>
    <row r="9192" spans="4:5" x14ac:dyDescent="0.25">
      <c r="D9192" s="6">
        <v>1027.164</v>
      </c>
      <c r="E9192" s="6">
        <v>843.77809999999999</v>
      </c>
    </row>
    <row r="9193" spans="4:5" x14ac:dyDescent="0.25">
      <c r="D9193" s="6">
        <v>724.74260000000004</v>
      </c>
      <c r="E9193" s="6">
        <v>425.9</v>
      </c>
    </row>
    <row r="9194" spans="4:5" x14ac:dyDescent="0.25">
      <c r="D9194" s="6">
        <v>998.64290000000005</v>
      </c>
      <c r="E9194" s="6">
        <v>3528.0520000000001</v>
      </c>
    </row>
    <row r="9195" spans="4:5" x14ac:dyDescent="0.25">
      <c r="D9195" s="6">
        <v>4426.8680000000004</v>
      </c>
      <c r="E9195" s="6">
        <v>921.32380000000001</v>
      </c>
    </row>
    <row r="9196" spans="4:5" x14ac:dyDescent="0.25">
      <c r="D9196" s="6">
        <v>1267.412</v>
      </c>
      <c r="E9196" s="6">
        <v>735.42970000000003</v>
      </c>
    </row>
    <row r="9197" spans="4:5" x14ac:dyDescent="0.25">
      <c r="D9197" s="6">
        <v>1630.596</v>
      </c>
      <c r="E9197" s="6">
        <v>583.28480000000002</v>
      </c>
    </row>
    <row r="9198" spans="4:5" x14ac:dyDescent="0.25">
      <c r="D9198" s="6">
        <v>774.69050000000004</v>
      </c>
      <c r="E9198" s="6">
        <v>2443.422</v>
      </c>
    </row>
    <row r="9199" spans="4:5" x14ac:dyDescent="0.25">
      <c r="D9199" s="6">
        <v>1192.96</v>
      </c>
      <c r="E9199" s="6">
        <v>609.93489999999997</v>
      </c>
    </row>
    <row r="9200" spans="4:5" x14ac:dyDescent="0.25">
      <c r="D9200" s="6">
        <v>633.08730000000003</v>
      </c>
      <c r="E9200" s="6">
        <v>1305.998</v>
      </c>
    </row>
    <row r="9201" spans="4:5" x14ac:dyDescent="0.25">
      <c r="D9201" s="6">
        <v>700.77779999999996</v>
      </c>
      <c r="E9201" s="6">
        <v>985.34630000000004</v>
      </c>
    </row>
    <row r="9202" spans="4:5" x14ac:dyDescent="0.25">
      <c r="D9202" s="6">
        <v>943.14880000000005</v>
      </c>
      <c r="E9202" s="6">
        <v>1769.3420000000001</v>
      </c>
    </row>
    <row r="9203" spans="4:5" x14ac:dyDescent="0.25">
      <c r="D9203" s="6">
        <v>1642.0309999999999</v>
      </c>
      <c r="E9203" s="6">
        <v>720.82119999999998</v>
      </c>
    </row>
    <row r="9204" spans="4:5" x14ac:dyDescent="0.25">
      <c r="D9204" s="6">
        <v>1705</v>
      </c>
      <c r="E9204" s="6">
        <v>442.58330000000001</v>
      </c>
    </row>
    <row r="9205" spans="4:5" x14ac:dyDescent="0.25">
      <c r="D9205" s="6">
        <v>7851.18</v>
      </c>
      <c r="E9205" s="6">
        <v>721.74199999999996</v>
      </c>
    </row>
    <row r="9206" spans="4:5" x14ac:dyDescent="0.25">
      <c r="D9206" s="6">
        <v>572.13829999999996</v>
      </c>
      <c r="E9206" s="6">
        <v>1043.134</v>
      </c>
    </row>
    <row r="9207" spans="4:5" x14ac:dyDescent="0.25">
      <c r="D9207" s="6">
        <v>3009.8</v>
      </c>
      <c r="E9207" s="6">
        <v>860.60559999999998</v>
      </c>
    </row>
    <row r="9208" spans="4:5" x14ac:dyDescent="0.25">
      <c r="D9208" s="6">
        <v>616.90120000000002</v>
      </c>
      <c r="E9208" s="6">
        <v>663.86389999999994</v>
      </c>
    </row>
    <row r="9209" spans="4:5" x14ac:dyDescent="0.25">
      <c r="D9209" s="6">
        <v>2301.3119999999999</v>
      </c>
      <c r="E9209" s="6">
        <v>2074.7939999999999</v>
      </c>
    </row>
    <row r="9210" spans="4:5" x14ac:dyDescent="0.25">
      <c r="D9210" s="6">
        <v>2426.5529999999999</v>
      </c>
      <c r="E9210" s="6">
        <v>973.50580000000002</v>
      </c>
    </row>
    <row r="9211" spans="4:5" x14ac:dyDescent="0.25">
      <c r="D9211" s="6">
        <v>1370.29</v>
      </c>
      <c r="E9211" s="6">
        <v>2673.25</v>
      </c>
    </row>
    <row r="9212" spans="4:5" x14ac:dyDescent="0.25">
      <c r="D9212" s="6">
        <v>1412.8589999999999</v>
      </c>
      <c r="E9212" s="6">
        <v>517.83820000000003</v>
      </c>
    </row>
    <row r="9213" spans="4:5" x14ac:dyDescent="0.25">
      <c r="D9213" s="6">
        <v>2307.5300000000002</v>
      </c>
      <c r="E9213" s="6">
        <v>472.09789999999998</v>
      </c>
    </row>
    <row r="9214" spans="4:5" x14ac:dyDescent="0.25">
      <c r="D9214" s="6">
        <v>3129.55</v>
      </c>
      <c r="E9214" s="6">
        <v>964.88049999999998</v>
      </c>
    </row>
    <row r="9215" spans="4:5" x14ac:dyDescent="0.25">
      <c r="D9215" s="6">
        <v>5013.8649999999998</v>
      </c>
      <c r="E9215" s="6">
        <v>4450.0640000000003</v>
      </c>
    </row>
    <row r="9216" spans="4:5" x14ac:dyDescent="0.25">
      <c r="D9216" s="6">
        <v>767.08410000000003</v>
      </c>
      <c r="E9216" s="6">
        <v>621.55820000000006</v>
      </c>
    </row>
    <row r="9217" spans="4:5" x14ac:dyDescent="0.25">
      <c r="D9217" s="6">
        <v>507.73379999999997</v>
      </c>
      <c r="E9217" s="6">
        <v>1194.614</v>
      </c>
    </row>
    <row r="9218" spans="4:5" x14ac:dyDescent="0.25">
      <c r="D9218" s="6">
        <v>1026.105</v>
      </c>
      <c r="E9218" s="6">
        <v>1063.9100000000001</v>
      </c>
    </row>
    <row r="9219" spans="4:5" x14ac:dyDescent="0.25">
      <c r="D9219" s="6">
        <v>1838.9839999999999</v>
      </c>
      <c r="E9219" s="6">
        <v>3706.0340000000001</v>
      </c>
    </row>
    <row r="9220" spans="4:5" x14ac:dyDescent="0.25">
      <c r="D9220" s="6">
        <v>1009.907</v>
      </c>
      <c r="E9220" s="6">
        <v>924.47190000000001</v>
      </c>
    </row>
    <row r="9221" spans="4:5" x14ac:dyDescent="0.25">
      <c r="D9221" s="6">
        <v>970.41650000000004</v>
      </c>
      <c r="E9221" s="6">
        <v>3311.1089999999999</v>
      </c>
    </row>
    <row r="9222" spans="4:5" x14ac:dyDescent="0.25">
      <c r="D9222" s="6">
        <v>7565.03</v>
      </c>
      <c r="E9222" s="6">
        <v>2785.029</v>
      </c>
    </row>
    <row r="9223" spans="4:5" x14ac:dyDescent="0.25">
      <c r="D9223" s="6">
        <v>3371.21</v>
      </c>
      <c r="E9223" s="6">
        <v>607.91909999999996</v>
      </c>
    </row>
    <row r="9224" spans="4:5" x14ac:dyDescent="0.25">
      <c r="D9224" s="6">
        <v>753.75260000000003</v>
      </c>
      <c r="E9224" s="6">
        <v>1315.2929999999999</v>
      </c>
    </row>
    <row r="9225" spans="4:5" x14ac:dyDescent="0.25">
      <c r="D9225" s="6">
        <v>2435</v>
      </c>
      <c r="E9225" s="6">
        <v>2713.3180000000002</v>
      </c>
    </row>
    <row r="9226" spans="4:5" x14ac:dyDescent="0.25">
      <c r="D9226" s="6">
        <v>4070.386</v>
      </c>
      <c r="E9226" s="6">
        <v>1057.6400000000001</v>
      </c>
    </row>
    <row r="9227" spans="4:5" x14ac:dyDescent="0.25">
      <c r="D9227" s="6">
        <v>5651.3329999999996</v>
      </c>
      <c r="E9227" s="6">
        <v>421.3605</v>
      </c>
    </row>
    <row r="9228" spans="4:5" x14ac:dyDescent="0.25">
      <c r="D9228" s="6">
        <v>854.70659999999998</v>
      </c>
      <c r="E9228" s="6">
        <v>3635.6779999999999</v>
      </c>
    </row>
    <row r="9229" spans="4:5" x14ac:dyDescent="0.25">
      <c r="D9229" s="6">
        <v>465.00060000000002</v>
      </c>
      <c r="E9229" s="6">
        <v>1281.105</v>
      </c>
    </row>
    <row r="9230" spans="4:5" x14ac:dyDescent="0.25">
      <c r="D9230" s="6">
        <v>710.71050000000002</v>
      </c>
      <c r="E9230" s="6">
        <v>2650.6770000000001</v>
      </c>
    </row>
    <row r="9231" spans="4:5" x14ac:dyDescent="0.25">
      <c r="D9231" s="6">
        <v>1937.9770000000001</v>
      </c>
      <c r="E9231" s="6">
        <v>2652.0590000000002</v>
      </c>
    </row>
    <row r="9232" spans="4:5" x14ac:dyDescent="0.25">
      <c r="D9232" s="6">
        <v>543.66359999999997</v>
      </c>
      <c r="E9232" s="6">
        <v>685.54989999999998</v>
      </c>
    </row>
    <row r="9233" spans="4:5" x14ac:dyDescent="0.25">
      <c r="D9233" s="6">
        <v>667.80740000000003</v>
      </c>
      <c r="E9233" s="6">
        <v>1874.03</v>
      </c>
    </row>
    <row r="9234" spans="4:5" x14ac:dyDescent="0.25">
      <c r="D9234" s="6">
        <v>5790.6279999999997</v>
      </c>
      <c r="E9234" s="6">
        <v>1046.145</v>
      </c>
    </row>
    <row r="9235" spans="4:5" x14ac:dyDescent="0.25">
      <c r="D9235" s="6">
        <v>2576.9180000000001</v>
      </c>
      <c r="E9235" s="6">
        <v>1541.8440000000001</v>
      </c>
    </row>
    <row r="9236" spans="4:5" x14ac:dyDescent="0.25">
      <c r="D9236" s="6">
        <v>6594.6109999999999</v>
      </c>
      <c r="E9236" s="6">
        <v>631.40110000000004</v>
      </c>
    </row>
    <row r="9237" spans="4:5" x14ac:dyDescent="0.25">
      <c r="D9237" s="6">
        <v>539.93029999999999</v>
      </c>
      <c r="E9237" s="6">
        <v>833.01679999999999</v>
      </c>
    </row>
    <row r="9238" spans="4:5" x14ac:dyDescent="0.25">
      <c r="D9238" s="6">
        <v>591.22680000000003</v>
      </c>
      <c r="E9238" s="6">
        <v>1255.3679999999999</v>
      </c>
    </row>
    <row r="9239" spans="4:5" x14ac:dyDescent="0.25">
      <c r="D9239" s="6">
        <v>692.77009999999996</v>
      </c>
      <c r="E9239" s="6">
        <v>1163.0630000000001</v>
      </c>
    </row>
    <row r="9240" spans="4:5" x14ac:dyDescent="0.25">
      <c r="D9240" s="6">
        <v>600.96</v>
      </c>
      <c r="E9240" s="6">
        <v>2801.6260000000002</v>
      </c>
    </row>
    <row r="9241" spans="4:5" x14ac:dyDescent="0.25">
      <c r="D9241" s="6">
        <v>3386.2170000000001</v>
      </c>
      <c r="E9241" s="6">
        <v>600.6866</v>
      </c>
    </row>
    <row r="9242" spans="4:5" x14ac:dyDescent="0.25">
      <c r="D9242" s="6">
        <v>484.91379999999998</v>
      </c>
      <c r="E9242" s="6">
        <v>608.42550000000006</v>
      </c>
    </row>
    <row r="9243" spans="4:5" x14ac:dyDescent="0.25">
      <c r="D9243" s="6">
        <v>1116.3499999999999</v>
      </c>
      <c r="E9243" s="6">
        <v>2400.194</v>
      </c>
    </row>
    <row r="9244" spans="4:5" x14ac:dyDescent="0.25">
      <c r="D9244" s="6">
        <v>1009.831</v>
      </c>
      <c r="E9244" s="6">
        <v>2144.2109999999998</v>
      </c>
    </row>
    <row r="9245" spans="4:5" x14ac:dyDescent="0.25">
      <c r="D9245" s="6">
        <v>5049.1499999999996</v>
      </c>
      <c r="E9245" s="6">
        <v>958.97249999999997</v>
      </c>
    </row>
    <row r="9246" spans="4:5" x14ac:dyDescent="0.25">
      <c r="D9246" s="6">
        <v>570.26179999999999</v>
      </c>
      <c r="E9246" s="6">
        <v>862.91070000000002</v>
      </c>
    </row>
    <row r="9247" spans="4:5" x14ac:dyDescent="0.25">
      <c r="D9247" s="6">
        <v>616.35720000000003</v>
      </c>
      <c r="E9247" s="6">
        <v>3228.72</v>
      </c>
    </row>
    <row r="9248" spans="4:5" x14ac:dyDescent="0.25">
      <c r="D9248" s="6">
        <v>872.86950000000002</v>
      </c>
      <c r="E9248" s="6">
        <v>492.73700000000002</v>
      </c>
    </row>
    <row r="9249" spans="4:5" x14ac:dyDescent="0.25">
      <c r="D9249" s="6">
        <v>485.21890000000002</v>
      </c>
      <c r="E9249" s="6">
        <v>1180.0540000000001</v>
      </c>
    </row>
    <row r="9250" spans="4:5" x14ac:dyDescent="0.25">
      <c r="D9250" s="6">
        <v>752.78120000000001</v>
      </c>
      <c r="E9250" s="6">
        <v>1232.2439999999999</v>
      </c>
    </row>
    <row r="9251" spans="4:5" x14ac:dyDescent="0.25">
      <c r="D9251" s="6">
        <v>1479.873</v>
      </c>
      <c r="E9251" s="6">
        <v>3234.03</v>
      </c>
    </row>
    <row r="9252" spans="4:5" x14ac:dyDescent="0.25">
      <c r="D9252" s="6">
        <v>620.90340000000003</v>
      </c>
      <c r="E9252" s="6">
        <v>2775.7339999999999</v>
      </c>
    </row>
    <row r="9253" spans="4:5" x14ac:dyDescent="0.25">
      <c r="D9253" s="6">
        <v>4288.9449999999997</v>
      </c>
      <c r="E9253" s="6">
        <v>429.72539999999998</v>
      </c>
    </row>
    <row r="9254" spans="4:5" x14ac:dyDescent="0.25">
      <c r="D9254" s="6">
        <v>5235.1779999999999</v>
      </c>
      <c r="E9254" s="6">
        <v>2350.078</v>
      </c>
    </row>
    <row r="9255" spans="4:5" x14ac:dyDescent="0.25">
      <c r="D9255" s="6">
        <v>541.03729999999996</v>
      </c>
      <c r="E9255" s="6">
        <v>3227.944</v>
      </c>
    </row>
    <row r="9256" spans="4:5" x14ac:dyDescent="0.25">
      <c r="D9256" s="6">
        <v>762.25</v>
      </c>
      <c r="E9256" s="6">
        <v>464.33280000000002</v>
      </c>
    </row>
    <row r="9257" spans="4:5" x14ac:dyDescent="0.25">
      <c r="D9257" s="6">
        <v>5832.6580000000004</v>
      </c>
      <c r="E9257" s="6">
        <v>654.72950000000003</v>
      </c>
    </row>
    <row r="9258" spans="4:5" x14ac:dyDescent="0.25">
      <c r="D9258" s="6">
        <v>644.88720000000001</v>
      </c>
      <c r="E9258" s="6">
        <v>529.23519999999996</v>
      </c>
    </row>
    <row r="9259" spans="4:5" x14ac:dyDescent="0.25">
      <c r="D9259" s="6">
        <v>1244.6020000000001</v>
      </c>
      <c r="E9259" s="6">
        <v>355.66950000000003</v>
      </c>
    </row>
    <row r="9260" spans="4:5" x14ac:dyDescent="0.25">
      <c r="D9260" s="6">
        <v>3820.5320000000002</v>
      </c>
      <c r="E9260" s="6">
        <v>748.10419999999999</v>
      </c>
    </row>
    <row r="9261" spans="4:5" x14ac:dyDescent="0.25">
      <c r="D9261" s="6">
        <v>474.09449999999998</v>
      </c>
      <c r="E9261" s="6">
        <v>1032.992</v>
      </c>
    </row>
    <row r="9262" spans="4:5" x14ac:dyDescent="0.25">
      <c r="D9262" s="6">
        <v>2255.9560000000001</v>
      </c>
      <c r="E9262" s="6">
        <v>491.86239999999998</v>
      </c>
    </row>
    <row r="9263" spans="4:5" x14ac:dyDescent="0.25">
      <c r="D9263" s="6">
        <v>2126.4580000000001</v>
      </c>
      <c r="E9263" s="6">
        <v>2642.7510000000002</v>
      </c>
    </row>
    <row r="9264" spans="4:5" x14ac:dyDescent="0.25">
      <c r="D9264" s="6">
        <v>537.8492</v>
      </c>
      <c r="E9264" s="6">
        <v>2917.1019999999999</v>
      </c>
    </row>
    <row r="9265" spans="4:5" x14ac:dyDescent="0.25">
      <c r="D9265" s="6">
        <v>560.29190000000006</v>
      </c>
      <c r="E9265" s="6">
        <v>1366.318</v>
      </c>
    </row>
    <row r="9266" spans="4:5" x14ac:dyDescent="0.25">
      <c r="D9266" s="6">
        <v>516.38699999999994</v>
      </c>
      <c r="E9266" s="6">
        <v>1598.62</v>
      </c>
    </row>
    <row r="9267" spans="4:5" x14ac:dyDescent="0.25">
      <c r="D9267" s="6">
        <v>355.20650000000001</v>
      </c>
      <c r="E9267" s="6">
        <v>878.8075</v>
      </c>
    </row>
    <row r="9268" spans="4:5" x14ac:dyDescent="0.25">
      <c r="D9268" s="6">
        <v>648.93539999999996</v>
      </c>
      <c r="E9268" s="6">
        <v>470.46839999999997</v>
      </c>
    </row>
    <row r="9269" spans="4:5" x14ac:dyDescent="0.25">
      <c r="D9269" s="6">
        <v>5245.5889999999999</v>
      </c>
      <c r="E9269" s="6">
        <v>1227.5139999999999</v>
      </c>
    </row>
    <row r="9270" spans="4:5" x14ac:dyDescent="0.25">
      <c r="D9270" s="6">
        <v>2031.3430000000001</v>
      </c>
      <c r="E9270" s="6">
        <v>927.7346</v>
      </c>
    </row>
    <row r="9271" spans="4:5" x14ac:dyDescent="0.25">
      <c r="D9271" s="6">
        <v>4718.2359999999999</v>
      </c>
      <c r="E9271" s="6">
        <v>1747.575</v>
      </c>
    </row>
    <row r="9272" spans="4:5" x14ac:dyDescent="0.25">
      <c r="D9272" s="6">
        <v>570.09640000000002</v>
      </c>
      <c r="E9272" s="6">
        <v>2601.8359999999998</v>
      </c>
    </row>
    <row r="9273" spans="4:5" x14ac:dyDescent="0.25">
      <c r="D9273" s="6">
        <v>10601.69</v>
      </c>
      <c r="E9273" s="6">
        <v>608.39409999999998</v>
      </c>
    </row>
    <row r="9274" spans="4:5" x14ac:dyDescent="0.25">
      <c r="D9274" s="6">
        <v>7383.201</v>
      </c>
      <c r="E9274" s="6">
        <v>1345.386</v>
      </c>
    </row>
    <row r="9275" spans="4:5" x14ac:dyDescent="0.25">
      <c r="D9275" s="6">
        <v>4880.8509999999997</v>
      </c>
      <c r="E9275" s="6">
        <v>976.17729999999995</v>
      </c>
    </row>
    <row r="9276" spans="4:5" x14ac:dyDescent="0.25">
      <c r="D9276" s="6">
        <v>542.43309999999997</v>
      </c>
      <c r="E9276" s="6">
        <v>985.27670000000001</v>
      </c>
    </row>
    <row r="9277" spans="4:5" x14ac:dyDescent="0.25">
      <c r="D9277" s="6">
        <v>1748.9459999999999</v>
      </c>
      <c r="E9277" s="6">
        <v>820.07360000000006</v>
      </c>
    </row>
    <row r="9278" spans="4:5" x14ac:dyDescent="0.25">
      <c r="D9278" s="6">
        <v>5284.1959999999999</v>
      </c>
      <c r="E9278" s="6">
        <v>3582.482</v>
      </c>
    </row>
    <row r="9279" spans="4:5" x14ac:dyDescent="0.25">
      <c r="D9279" s="6">
        <v>990.05960000000005</v>
      </c>
      <c r="E9279" s="6">
        <v>645.81500000000005</v>
      </c>
    </row>
    <row r="9280" spans="4:5" x14ac:dyDescent="0.25">
      <c r="D9280" s="6">
        <v>3593.855</v>
      </c>
      <c r="E9280" s="6">
        <v>6176.067</v>
      </c>
    </row>
    <row r="9281" spans="4:5" x14ac:dyDescent="0.25">
      <c r="D9281" s="6">
        <v>524.40930000000003</v>
      </c>
      <c r="E9281" s="6">
        <v>739.26679999999999</v>
      </c>
    </row>
    <row r="9282" spans="4:5" x14ac:dyDescent="0.25">
      <c r="D9282" s="6">
        <v>786.49040000000002</v>
      </c>
      <c r="E9282" s="6">
        <v>1765.3140000000001</v>
      </c>
    </row>
    <row r="9283" spans="4:5" x14ac:dyDescent="0.25">
      <c r="D9283" s="6">
        <v>543.24360000000001</v>
      </c>
      <c r="E9283" s="6">
        <v>555.66319999999996</v>
      </c>
    </row>
    <row r="9284" spans="4:5" x14ac:dyDescent="0.25">
      <c r="D9284" s="6">
        <v>1751.2080000000001</v>
      </c>
      <c r="E9284" s="6">
        <v>2167.2629999999999</v>
      </c>
    </row>
    <row r="9285" spans="4:5" x14ac:dyDescent="0.25">
      <c r="D9285" s="6">
        <v>601.71789999999999</v>
      </c>
      <c r="E9285" s="6">
        <v>731.79849999999999</v>
      </c>
    </row>
    <row r="9286" spans="4:5" x14ac:dyDescent="0.25">
      <c r="D9286" s="6">
        <v>722.90800000000002</v>
      </c>
      <c r="E9286" s="6">
        <v>1007.562</v>
      </c>
    </row>
    <row r="9287" spans="4:5" x14ac:dyDescent="0.25">
      <c r="D9287" s="6">
        <v>1470.643</v>
      </c>
      <c r="E9287" s="6">
        <v>1661.162</v>
      </c>
    </row>
    <row r="9288" spans="4:5" x14ac:dyDescent="0.25">
      <c r="D9288" s="6">
        <v>1194.319</v>
      </c>
      <c r="E9288" s="6">
        <v>2670.1109999999999</v>
      </c>
    </row>
    <row r="9289" spans="4:5" x14ac:dyDescent="0.25">
      <c r="D9289" s="6">
        <v>583.37059999999997</v>
      </c>
      <c r="E9289" s="6">
        <v>703.20910000000003</v>
      </c>
    </row>
    <row r="9290" spans="4:5" x14ac:dyDescent="0.25">
      <c r="D9290" s="6">
        <v>794.96090000000004</v>
      </c>
      <c r="E9290" s="6">
        <v>1067.6010000000001</v>
      </c>
    </row>
    <row r="9291" spans="4:5" x14ac:dyDescent="0.25">
      <c r="D9291" s="6">
        <v>682.8202</v>
      </c>
      <c r="E9291" s="6">
        <v>1359.64</v>
      </c>
    </row>
    <row r="9292" spans="4:5" x14ac:dyDescent="0.25">
      <c r="D9292" s="6">
        <v>3120.5970000000002</v>
      </c>
      <c r="E9292" s="6">
        <v>1753.56</v>
      </c>
    </row>
    <row r="9293" spans="4:5" x14ac:dyDescent="0.25">
      <c r="D9293" s="6">
        <v>672.66669999999999</v>
      </c>
      <c r="E9293" s="6">
        <v>1404.114</v>
      </c>
    </row>
    <row r="9294" spans="4:5" x14ac:dyDescent="0.25">
      <c r="D9294" s="6">
        <v>567.79899999999998</v>
      </c>
      <c r="E9294" s="6">
        <v>4125.4610000000002</v>
      </c>
    </row>
    <row r="9295" spans="4:5" x14ac:dyDescent="0.25">
      <c r="D9295" s="6">
        <v>707.82910000000004</v>
      </c>
      <c r="E9295" s="6">
        <v>1591.3869999999999</v>
      </c>
    </row>
    <row r="9296" spans="4:5" x14ac:dyDescent="0.25">
      <c r="D9296" s="6">
        <v>549.75419999999997</v>
      </c>
      <c r="E9296" s="6">
        <v>528.46130000000005</v>
      </c>
    </row>
    <row r="9297" spans="4:5" x14ac:dyDescent="0.25">
      <c r="D9297" s="6">
        <v>440.73020000000002</v>
      </c>
      <c r="E9297" s="6">
        <v>481.4461</v>
      </c>
    </row>
    <row r="9298" spans="4:5" x14ac:dyDescent="0.25">
      <c r="D9298" s="6">
        <v>618.90269999999998</v>
      </c>
      <c r="E9298" s="6">
        <v>2168.0259999999998</v>
      </c>
    </row>
    <row r="9299" spans="4:5" x14ac:dyDescent="0.25">
      <c r="D9299" s="6">
        <v>497.95859999999999</v>
      </c>
      <c r="E9299" s="6">
        <v>1386</v>
      </c>
    </row>
    <row r="9300" spans="4:5" x14ac:dyDescent="0.25">
      <c r="D9300" s="6">
        <v>833.13279999999997</v>
      </c>
      <c r="E9300" s="6">
        <v>850.55610000000001</v>
      </c>
    </row>
    <row r="9301" spans="4:5" x14ac:dyDescent="0.25">
      <c r="D9301" s="6">
        <v>966.86329999999998</v>
      </c>
      <c r="E9301" s="6">
        <v>570.11310000000003</v>
      </c>
    </row>
    <row r="9302" spans="4:5" x14ac:dyDescent="0.25">
      <c r="D9302" s="6">
        <v>3572.7869999999998</v>
      </c>
      <c r="E9302" s="6">
        <v>504.41399999999999</v>
      </c>
    </row>
    <row r="9303" spans="4:5" x14ac:dyDescent="0.25">
      <c r="D9303" s="6">
        <v>539.35699999999997</v>
      </c>
      <c r="E9303" s="6">
        <v>2446.123</v>
      </c>
    </row>
    <row r="9304" spans="4:5" x14ac:dyDescent="0.25">
      <c r="D9304" s="6">
        <v>5639.4650000000001</v>
      </c>
      <c r="E9304" s="6">
        <v>1474.2190000000001</v>
      </c>
    </row>
    <row r="9305" spans="4:5" x14ac:dyDescent="0.25">
      <c r="D9305" s="6">
        <v>4856.5039999999999</v>
      </c>
      <c r="E9305" s="6">
        <v>2242.3380000000002</v>
      </c>
    </row>
    <row r="9306" spans="4:5" x14ac:dyDescent="0.25">
      <c r="D9306" s="6">
        <v>1079</v>
      </c>
      <c r="E9306" s="6">
        <v>650.48850000000004</v>
      </c>
    </row>
    <row r="9307" spans="4:5" x14ac:dyDescent="0.25">
      <c r="D9307" s="6">
        <v>6771.98</v>
      </c>
      <c r="E9307" s="6">
        <v>1039.646</v>
      </c>
    </row>
    <row r="9308" spans="4:5" x14ac:dyDescent="0.25">
      <c r="D9308" s="6">
        <v>723.33799999999997</v>
      </c>
      <c r="E9308" s="6">
        <v>1300.4000000000001</v>
      </c>
    </row>
    <row r="9309" spans="4:5" x14ac:dyDescent="0.25">
      <c r="D9309" s="6">
        <v>1124.184</v>
      </c>
      <c r="E9309" s="6">
        <v>625.04100000000005</v>
      </c>
    </row>
    <row r="9310" spans="4:5" x14ac:dyDescent="0.25">
      <c r="D9310" s="6">
        <v>916.09879999999998</v>
      </c>
      <c r="E9310" s="6">
        <v>711.76390000000004</v>
      </c>
    </row>
    <row r="9311" spans="4:5" x14ac:dyDescent="0.25">
      <c r="D9311" s="6">
        <v>5038.32</v>
      </c>
      <c r="E9311" s="6">
        <v>515.45119999999997</v>
      </c>
    </row>
    <row r="9312" spans="4:5" x14ac:dyDescent="0.25">
      <c r="D9312" s="6">
        <v>6562.2780000000002</v>
      </c>
      <c r="E9312" s="6">
        <v>476.75490000000002</v>
      </c>
    </row>
    <row r="9313" spans="4:5" x14ac:dyDescent="0.25">
      <c r="D9313" s="6">
        <v>841.14480000000003</v>
      </c>
      <c r="E9313" s="6">
        <v>503.4477</v>
      </c>
    </row>
    <row r="9314" spans="4:5" x14ac:dyDescent="0.25">
      <c r="D9314" s="6">
        <v>1840.3489999999999</v>
      </c>
      <c r="E9314" s="6">
        <v>450.44720000000001</v>
      </c>
    </row>
    <row r="9315" spans="4:5" x14ac:dyDescent="0.25">
      <c r="D9315" s="6">
        <v>990.8075</v>
      </c>
      <c r="E9315" s="6">
        <v>502.92160000000001</v>
      </c>
    </row>
    <row r="9316" spans="4:5" x14ac:dyDescent="0.25">
      <c r="D9316" s="6">
        <v>716.2903</v>
      </c>
      <c r="E9316" s="6">
        <v>1788</v>
      </c>
    </row>
    <row r="9317" spans="4:5" x14ac:dyDescent="0.25">
      <c r="D9317" s="6">
        <v>8719.5</v>
      </c>
      <c r="E9317" s="6">
        <v>1293.893</v>
      </c>
    </row>
    <row r="9318" spans="4:5" x14ac:dyDescent="0.25">
      <c r="D9318" s="6">
        <v>1834.9359999999999</v>
      </c>
      <c r="E9318" s="6">
        <v>1647.143</v>
      </c>
    </row>
    <row r="9319" spans="4:5" x14ac:dyDescent="0.25">
      <c r="D9319" s="6">
        <v>1245.0170000000001</v>
      </c>
      <c r="E9319" s="6">
        <v>3841.4290000000001</v>
      </c>
    </row>
    <row r="9320" spans="4:5" x14ac:dyDescent="0.25">
      <c r="D9320" s="6">
        <v>1286.2860000000001</v>
      </c>
      <c r="E9320" s="6">
        <v>2188.3119999999999</v>
      </c>
    </row>
    <row r="9321" spans="4:5" x14ac:dyDescent="0.25">
      <c r="D9321" s="6">
        <v>894.8066</v>
      </c>
      <c r="E9321" s="6">
        <v>915.74630000000002</v>
      </c>
    </row>
    <row r="9322" spans="4:5" x14ac:dyDescent="0.25">
      <c r="D9322" s="6">
        <v>610.46420000000001</v>
      </c>
      <c r="E9322" s="6">
        <v>2864.7919999999999</v>
      </c>
    </row>
    <row r="9323" spans="4:5" x14ac:dyDescent="0.25">
      <c r="D9323" s="6">
        <v>4453.5810000000001</v>
      </c>
      <c r="E9323" s="6">
        <v>2849.7310000000002</v>
      </c>
    </row>
    <row r="9324" spans="4:5" x14ac:dyDescent="0.25">
      <c r="D9324" s="6">
        <v>929.4</v>
      </c>
      <c r="E9324" s="6">
        <v>1222.4390000000001</v>
      </c>
    </row>
    <row r="9325" spans="4:5" x14ac:dyDescent="0.25">
      <c r="D9325" s="6">
        <v>1018.324</v>
      </c>
      <c r="E9325" s="6">
        <v>1123.1320000000001</v>
      </c>
    </row>
    <row r="9326" spans="4:5" x14ac:dyDescent="0.25">
      <c r="D9326" s="6">
        <v>862.86189999999999</v>
      </c>
      <c r="E9326" s="6">
        <v>542.47839999999997</v>
      </c>
    </row>
    <row r="9327" spans="4:5" x14ac:dyDescent="0.25">
      <c r="D9327" s="6">
        <v>651.35950000000003</v>
      </c>
      <c r="E9327" s="6">
        <v>2656.011</v>
      </c>
    </row>
    <row r="9328" spans="4:5" x14ac:dyDescent="0.25">
      <c r="D9328" s="6">
        <v>606.89189999999996</v>
      </c>
      <c r="E9328" s="6">
        <v>694.65390000000002</v>
      </c>
    </row>
    <row r="9329" spans="4:5" x14ac:dyDescent="0.25">
      <c r="D9329" s="6">
        <v>3588.23</v>
      </c>
      <c r="E9329" s="6">
        <v>554</v>
      </c>
    </row>
    <row r="9330" spans="4:5" x14ac:dyDescent="0.25">
      <c r="D9330" s="6">
        <v>4665.0600000000004</v>
      </c>
      <c r="E9330" s="6">
        <v>1261.559</v>
      </c>
    </row>
    <row r="9331" spans="4:5" x14ac:dyDescent="0.25">
      <c r="D9331" s="6">
        <v>1325.796</v>
      </c>
      <c r="E9331" s="6">
        <v>2795.15</v>
      </c>
    </row>
    <row r="9332" spans="4:5" x14ac:dyDescent="0.25">
      <c r="D9332" s="6">
        <v>627.88189999999997</v>
      </c>
      <c r="E9332" s="6">
        <v>908.31389999999999</v>
      </c>
    </row>
    <row r="9333" spans="4:5" x14ac:dyDescent="0.25">
      <c r="D9333" s="6">
        <v>652.52020000000005</v>
      </c>
      <c r="E9333" s="6">
        <v>639.77509999999995</v>
      </c>
    </row>
    <row r="9334" spans="4:5" x14ac:dyDescent="0.25">
      <c r="D9334" s="6">
        <v>1360.4290000000001</v>
      </c>
      <c r="E9334" s="6">
        <v>3556.3829999999998</v>
      </c>
    </row>
    <row r="9335" spans="4:5" x14ac:dyDescent="0.25">
      <c r="D9335" s="6">
        <v>435.279</v>
      </c>
      <c r="E9335" s="6">
        <v>4044.346</v>
      </c>
    </row>
    <row r="9336" spans="4:5" x14ac:dyDescent="0.25">
      <c r="D9336" s="6">
        <v>627.87099999999998</v>
      </c>
      <c r="E9336" s="6">
        <v>3844.0039999999999</v>
      </c>
    </row>
    <row r="9337" spans="4:5" x14ac:dyDescent="0.25">
      <c r="D9337" s="6">
        <v>1258.049</v>
      </c>
      <c r="E9337" s="6">
        <v>1573.2449999999999</v>
      </c>
    </row>
    <row r="9338" spans="4:5" x14ac:dyDescent="0.25">
      <c r="D9338" s="6">
        <v>1489.607</v>
      </c>
      <c r="E9338" s="6">
        <v>665.19960000000003</v>
      </c>
    </row>
    <row r="9339" spans="4:5" x14ac:dyDescent="0.25">
      <c r="D9339" s="6">
        <v>518.84410000000003</v>
      </c>
      <c r="E9339" s="6">
        <v>932.72490000000005</v>
      </c>
    </row>
    <row r="9340" spans="4:5" x14ac:dyDescent="0.25">
      <c r="D9340" s="6">
        <v>915.5</v>
      </c>
      <c r="E9340" s="6">
        <v>3081.1280000000002</v>
      </c>
    </row>
    <row r="9341" spans="4:5" x14ac:dyDescent="0.25">
      <c r="D9341" s="6">
        <v>599.74919999999997</v>
      </c>
      <c r="E9341" s="6">
        <v>2983.569</v>
      </c>
    </row>
    <row r="9342" spans="4:5" x14ac:dyDescent="0.25">
      <c r="D9342" s="6">
        <v>4948.4350000000004</v>
      </c>
      <c r="E9342" s="6">
        <v>888.99300000000005</v>
      </c>
    </row>
    <row r="9343" spans="4:5" x14ac:dyDescent="0.25">
      <c r="D9343" s="6">
        <v>774.70450000000005</v>
      </c>
      <c r="E9343" s="6">
        <v>3351.3420000000001</v>
      </c>
    </row>
    <row r="9344" spans="4:5" x14ac:dyDescent="0.25">
      <c r="D9344" s="6">
        <v>260</v>
      </c>
      <c r="E9344" s="6">
        <v>1073.981</v>
      </c>
    </row>
    <row r="9345" spans="4:5" x14ac:dyDescent="0.25">
      <c r="D9345" s="6">
        <v>652.49839999999995</v>
      </c>
      <c r="E9345" s="6">
        <v>468.92959999999999</v>
      </c>
    </row>
    <row r="9346" spans="4:5" x14ac:dyDescent="0.25">
      <c r="D9346" s="6">
        <v>613.84870000000001</v>
      </c>
      <c r="E9346" s="6">
        <v>531.0394</v>
      </c>
    </row>
    <row r="9347" spans="4:5" x14ac:dyDescent="0.25">
      <c r="D9347" s="6">
        <v>4965.0810000000001</v>
      </c>
      <c r="E9347" s="6">
        <v>2449.7310000000002</v>
      </c>
    </row>
    <row r="9348" spans="4:5" x14ac:dyDescent="0.25">
      <c r="D9348" s="6">
        <v>613.69039999999995</v>
      </c>
      <c r="E9348" s="6">
        <v>4045.2930000000001</v>
      </c>
    </row>
    <row r="9349" spans="4:5" x14ac:dyDescent="0.25">
      <c r="D9349" s="6">
        <v>699.76769999999999</v>
      </c>
      <c r="E9349" s="6">
        <v>3126.45</v>
      </c>
    </row>
    <row r="9350" spans="4:5" x14ac:dyDescent="0.25">
      <c r="D9350" s="6">
        <v>725.87419999999997</v>
      </c>
      <c r="E9350" s="6">
        <v>995.1327</v>
      </c>
    </row>
    <row r="9351" spans="4:5" x14ac:dyDescent="0.25">
      <c r="D9351" s="6">
        <v>1280.508</v>
      </c>
      <c r="E9351" s="6">
        <v>2037.0350000000001</v>
      </c>
    </row>
    <row r="9352" spans="4:5" x14ac:dyDescent="0.25">
      <c r="D9352" s="6">
        <v>765.89250000000004</v>
      </c>
      <c r="E9352" s="6">
        <v>1320.5909999999999</v>
      </c>
    </row>
    <row r="9353" spans="4:5" x14ac:dyDescent="0.25">
      <c r="D9353" s="6">
        <v>3447.712</v>
      </c>
      <c r="E9353" s="6">
        <v>3394.5940000000001</v>
      </c>
    </row>
    <row r="9354" spans="4:5" x14ac:dyDescent="0.25">
      <c r="D9354" s="6">
        <v>572.46799999999996</v>
      </c>
      <c r="E9354" s="6">
        <v>406.82190000000003</v>
      </c>
    </row>
    <row r="9355" spans="4:5" x14ac:dyDescent="0.25">
      <c r="D9355" s="6">
        <v>1030.511</v>
      </c>
      <c r="E9355" s="6">
        <v>2998.0839999999998</v>
      </c>
    </row>
    <row r="9356" spans="4:5" x14ac:dyDescent="0.25">
      <c r="D9356" s="6">
        <v>1143.8710000000001</v>
      </c>
      <c r="E9356" s="6">
        <v>1010.239</v>
      </c>
    </row>
    <row r="9357" spans="4:5" x14ac:dyDescent="0.25">
      <c r="D9357" s="6">
        <v>777.78840000000002</v>
      </c>
      <c r="E9357" s="6">
        <v>3581.009</v>
      </c>
    </row>
    <row r="9358" spans="4:5" x14ac:dyDescent="0.25">
      <c r="D9358" s="6">
        <v>750.51319999999998</v>
      </c>
      <c r="E9358" s="6">
        <v>680.86069999999995</v>
      </c>
    </row>
    <row r="9359" spans="4:5" x14ac:dyDescent="0.25">
      <c r="D9359" s="6">
        <v>996.77629999999999</v>
      </c>
      <c r="E9359" s="6">
        <v>544.93470000000002</v>
      </c>
    </row>
    <row r="9360" spans="4:5" x14ac:dyDescent="0.25">
      <c r="D9360" s="6">
        <v>2281.683</v>
      </c>
      <c r="E9360" s="6">
        <v>581.60440000000006</v>
      </c>
    </row>
    <row r="9361" spans="4:5" x14ac:dyDescent="0.25">
      <c r="D9361" s="6">
        <v>2394.4110000000001</v>
      </c>
      <c r="E9361" s="6">
        <v>4720</v>
      </c>
    </row>
    <row r="9362" spans="4:5" x14ac:dyDescent="0.25">
      <c r="D9362" s="6">
        <v>571.15869999999995</v>
      </c>
      <c r="E9362" s="6">
        <v>1783.809</v>
      </c>
    </row>
    <row r="9363" spans="4:5" x14ac:dyDescent="0.25">
      <c r="D9363" s="6">
        <v>4182.9570000000003</v>
      </c>
      <c r="E9363" s="6">
        <v>1681.8320000000001</v>
      </c>
    </row>
    <row r="9364" spans="4:5" x14ac:dyDescent="0.25">
      <c r="D9364" s="6">
        <v>1649.3</v>
      </c>
      <c r="E9364" s="6">
        <v>700.96010000000001</v>
      </c>
    </row>
    <row r="9365" spans="4:5" x14ac:dyDescent="0.25">
      <c r="D9365" s="6">
        <v>4665.165</v>
      </c>
      <c r="E9365" s="6">
        <v>1171.1189999999999</v>
      </c>
    </row>
    <row r="9366" spans="4:5" x14ac:dyDescent="0.25">
      <c r="D9366" s="6">
        <v>1175.6020000000001</v>
      </c>
      <c r="E9366" s="6">
        <v>513.3039</v>
      </c>
    </row>
    <row r="9367" spans="4:5" x14ac:dyDescent="0.25">
      <c r="D9367" s="6">
        <v>5710.6930000000002</v>
      </c>
      <c r="E9367" s="6">
        <v>585.1816</v>
      </c>
    </row>
    <row r="9368" spans="4:5" x14ac:dyDescent="0.25">
      <c r="D9368" s="6">
        <v>584.59649999999999</v>
      </c>
      <c r="E9368" s="6">
        <v>1230.0119999999999</v>
      </c>
    </row>
    <row r="9369" spans="4:5" x14ac:dyDescent="0.25">
      <c r="D9369" s="6">
        <v>525.47670000000005</v>
      </c>
      <c r="E9369" s="6">
        <v>3157.4520000000002</v>
      </c>
    </row>
    <row r="9370" spans="4:5" x14ac:dyDescent="0.25">
      <c r="D9370" s="6">
        <v>531.85059999999999</v>
      </c>
      <c r="E9370" s="6">
        <v>1896</v>
      </c>
    </row>
    <row r="9371" spans="4:5" x14ac:dyDescent="0.25">
      <c r="D9371" s="6">
        <v>655.74980000000005</v>
      </c>
      <c r="E9371" s="6">
        <v>897.77700000000004</v>
      </c>
    </row>
    <row r="9372" spans="4:5" x14ac:dyDescent="0.25">
      <c r="D9372" s="6">
        <v>1548.434</v>
      </c>
      <c r="E9372" s="6">
        <v>5887.4549999999999</v>
      </c>
    </row>
    <row r="9373" spans="4:5" x14ac:dyDescent="0.25">
      <c r="D9373" s="6">
        <v>587.01329999999996</v>
      </c>
      <c r="E9373" s="6">
        <v>1050.3620000000001</v>
      </c>
    </row>
    <row r="9374" spans="4:5" x14ac:dyDescent="0.25">
      <c r="D9374" s="6">
        <v>585.87980000000005</v>
      </c>
      <c r="E9374" s="6">
        <v>1376.5219999999999</v>
      </c>
    </row>
    <row r="9375" spans="4:5" x14ac:dyDescent="0.25">
      <c r="D9375" s="6">
        <v>4866.3549999999996</v>
      </c>
      <c r="E9375" s="6">
        <v>584.97739999999999</v>
      </c>
    </row>
    <row r="9376" spans="4:5" x14ac:dyDescent="0.25">
      <c r="D9376" s="6">
        <v>1082.809</v>
      </c>
      <c r="E9376" s="6">
        <v>555.47339999999997</v>
      </c>
    </row>
    <row r="9377" spans="4:5" x14ac:dyDescent="0.25">
      <c r="D9377" s="6">
        <v>3543.8679999999999</v>
      </c>
      <c r="E9377" s="6">
        <v>882.38170000000002</v>
      </c>
    </row>
    <row r="9378" spans="4:5" x14ac:dyDescent="0.25">
      <c r="D9378" s="6">
        <v>2740.9850000000001</v>
      </c>
      <c r="E9378" s="6">
        <v>1591.7339999999999</v>
      </c>
    </row>
    <row r="9379" spans="4:5" x14ac:dyDescent="0.25">
      <c r="D9379" s="6">
        <v>867.18740000000003</v>
      </c>
      <c r="E9379" s="6">
        <v>588.18949999999995</v>
      </c>
    </row>
    <row r="9380" spans="4:5" x14ac:dyDescent="0.25">
      <c r="D9380" s="6">
        <v>1550.1389999999999</v>
      </c>
      <c r="E9380" s="6">
        <v>3465.3090000000002</v>
      </c>
    </row>
    <row r="9381" spans="4:5" x14ac:dyDescent="0.25">
      <c r="D9381" s="6">
        <v>4982.3980000000001</v>
      </c>
      <c r="E9381" s="6">
        <v>426.35910000000001</v>
      </c>
    </row>
    <row r="9382" spans="4:5" x14ac:dyDescent="0.25">
      <c r="D9382" s="6">
        <v>4241.6260000000002</v>
      </c>
      <c r="E9382" s="6">
        <v>2785.2530000000002</v>
      </c>
    </row>
    <row r="9383" spans="4:5" x14ac:dyDescent="0.25">
      <c r="D9383" s="6">
        <v>1163.587</v>
      </c>
      <c r="E9383" s="6">
        <v>625.22860000000003</v>
      </c>
    </row>
    <row r="9384" spans="4:5" x14ac:dyDescent="0.25">
      <c r="D9384" s="6">
        <v>7359.78</v>
      </c>
      <c r="E9384" s="6">
        <v>674.19240000000002</v>
      </c>
    </row>
    <row r="9385" spans="4:5" x14ac:dyDescent="0.25">
      <c r="D9385" s="6">
        <v>1233.4079999999999</v>
      </c>
      <c r="E9385" s="6">
        <v>2407.5</v>
      </c>
    </row>
    <row r="9386" spans="4:5" x14ac:dyDescent="0.25">
      <c r="D9386" s="6">
        <v>1237.7429999999999</v>
      </c>
      <c r="E9386" s="6">
        <v>1155.9749999999999</v>
      </c>
    </row>
    <row r="9387" spans="4:5" x14ac:dyDescent="0.25">
      <c r="D9387" s="6">
        <v>930.95939999999996</v>
      </c>
      <c r="E9387" s="6">
        <v>755.00149999999996</v>
      </c>
    </row>
    <row r="9388" spans="4:5" x14ac:dyDescent="0.25">
      <c r="D9388" s="6">
        <v>2494.6729999999998</v>
      </c>
      <c r="E9388" s="6">
        <v>1003.865</v>
      </c>
    </row>
    <row r="9389" spans="4:5" x14ac:dyDescent="0.25">
      <c r="D9389" s="6">
        <v>687.69470000000001</v>
      </c>
      <c r="E9389" s="6">
        <v>1353.94</v>
      </c>
    </row>
    <row r="9390" spans="4:5" x14ac:dyDescent="0.25">
      <c r="D9390" s="6">
        <v>1324.6410000000001</v>
      </c>
      <c r="E9390" s="6">
        <v>363.72730000000001</v>
      </c>
    </row>
    <row r="9391" spans="4:5" x14ac:dyDescent="0.25">
      <c r="D9391" s="6">
        <v>684.68209999999999</v>
      </c>
      <c r="E9391" s="6">
        <v>1280.259</v>
      </c>
    </row>
    <row r="9392" spans="4:5" x14ac:dyDescent="0.25">
      <c r="D9392" s="6">
        <v>4087.5810000000001</v>
      </c>
      <c r="E9392" s="6">
        <v>476.5822</v>
      </c>
    </row>
    <row r="9393" spans="4:5" x14ac:dyDescent="0.25">
      <c r="D9393" s="6">
        <v>8598.2960000000003</v>
      </c>
      <c r="E9393" s="6">
        <v>585.18370000000004</v>
      </c>
    </row>
    <row r="9394" spans="4:5" x14ac:dyDescent="0.25">
      <c r="D9394" s="6">
        <v>494.39609999999999</v>
      </c>
      <c r="E9394" s="6">
        <v>1287.4670000000001</v>
      </c>
    </row>
    <row r="9395" spans="4:5" x14ac:dyDescent="0.25">
      <c r="D9395" s="6">
        <v>894.70159999999998</v>
      </c>
      <c r="E9395" s="6">
        <v>1492.9549999999999</v>
      </c>
    </row>
    <row r="9396" spans="4:5" x14ac:dyDescent="0.25">
      <c r="D9396" s="6">
        <v>589.32560000000001</v>
      </c>
      <c r="E9396" s="6">
        <v>984.88890000000004</v>
      </c>
    </row>
    <row r="9397" spans="4:5" x14ac:dyDescent="0.25">
      <c r="D9397" s="6">
        <v>1638.085</v>
      </c>
      <c r="E9397" s="6">
        <v>2909.4960000000001</v>
      </c>
    </row>
    <row r="9398" spans="4:5" x14ac:dyDescent="0.25">
      <c r="D9398" s="6">
        <v>504</v>
      </c>
      <c r="E9398" s="6">
        <v>2886.9470000000001</v>
      </c>
    </row>
    <row r="9399" spans="4:5" x14ac:dyDescent="0.25">
      <c r="D9399" s="6">
        <v>714.88919999999996</v>
      </c>
      <c r="E9399" s="6">
        <v>515.90530000000001</v>
      </c>
    </row>
    <row r="9400" spans="4:5" x14ac:dyDescent="0.25">
      <c r="D9400" s="6">
        <v>4328.4780000000001</v>
      </c>
      <c r="E9400" s="6">
        <v>3694.3710000000001</v>
      </c>
    </row>
    <row r="9401" spans="4:5" x14ac:dyDescent="0.25">
      <c r="D9401" s="6">
        <v>1060.0070000000001</v>
      </c>
      <c r="E9401" s="6">
        <v>417.82929999999999</v>
      </c>
    </row>
    <row r="9402" spans="4:5" x14ac:dyDescent="0.25">
      <c r="D9402" s="6">
        <v>1457.2650000000001</v>
      </c>
      <c r="E9402" s="6">
        <v>530.43859999999995</v>
      </c>
    </row>
    <row r="9403" spans="4:5" x14ac:dyDescent="0.25">
      <c r="D9403" s="6">
        <v>4808.6530000000002</v>
      </c>
      <c r="E9403" s="6">
        <v>1247.9000000000001</v>
      </c>
    </row>
    <row r="9404" spans="4:5" x14ac:dyDescent="0.25">
      <c r="D9404" s="6">
        <v>1095.211</v>
      </c>
      <c r="E9404" s="6">
        <v>766.17650000000003</v>
      </c>
    </row>
    <row r="9405" spans="4:5" x14ac:dyDescent="0.25">
      <c r="D9405" s="6">
        <v>1247.662</v>
      </c>
      <c r="E9405" s="6">
        <v>447.65499999999997</v>
      </c>
    </row>
    <row r="9406" spans="4:5" x14ac:dyDescent="0.25">
      <c r="D9406" s="6">
        <v>876.18449999999996</v>
      </c>
      <c r="E9406" s="6">
        <v>776.83249999999998</v>
      </c>
    </row>
    <row r="9407" spans="4:5" x14ac:dyDescent="0.25">
      <c r="D9407" s="6">
        <v>1184.499</v>
      </c>
      <c r="E9407" s="6">
        <v>852.59159999999997</v>
      </c>
    </row>
    <row r="9408" spans="4:5" x14ac:dyDescent="0.25">
      <c r="D9408" s="6">
        <v>470.82420000000002</v>
      </c>
      <c r="E9408" s="6">
        <v>824.75609999999995</v>
      </c>
    </row>
    <row r="9409" spans="4:5" x14ac:dyDescent="0.25">
      <c r="D9409" s="6">
        <v>1302.6199999999999</v>
      </c>
      <c r="E9409" s="6">
        <v>463.53109999999998</v>
      </c>
    </row>
    <row r="9410" spans="4:5" x14ac:dyDescent="0.25">
      <c r="D9410" s="6">
        <v>592.36659999999995</v>
      </c>
      <c r="E9410" s="6">
        <v>1086.4490000000001</v>
      </c>
    </row>
    <row r="9411" spans="4:5" x14ac:dyDescent="0.25">
      <c r="D9411" s="6">
        <v>4178.3990000000003</v>
      </c>
      <c r="E9411" s="6">
        <v>464.28019999999998</v>
      </c>
    </row>
    <row r="9412" spans="4:5" x14ac:dyDescent="0.25">
      <c r="D9412" s="6">
        <v>1580.6469999999999</v>
      </c>
      <c r="E9412" s="6">
        <v>1224.49</v>
      </c>
    </row>
    <row r="9413" spans="4:5" x14ac:dyDescent="0.25">
      <c r="D9413" s="6">
        <v>564.42619999999999</v>
      </c>
      <c r="E9413" s="6">
        <v>534.55640000000005</v>
      </c>
    </row>
    <row r="9414" spans="4:5" x14ac:dyDescent="0.25">
      <c r="D9414" s="6">
        <v>498.2045</v>
      </c>
      <c r="E9414" s="6">
        <v>549.88</v>
      </c>
    </row>
    <row r="9415" spans="4:5" x14ac:dyDescent="0.25">
      <c r="D9415" s="6">
        <v>538.09519999999998</v>
      </c>
      <c r="E9415" s="6">
        <v>2530.6990000000001</v>
      </c>
    </row>
    <row r="9416" spans="4:5" x14ac:dyDescent="0.25">
      <c r="D9416" s="6">
        <v>1206.5</v>
      </c>
      <c r="E9416" s="6">
        <v>793.86620000000005</v>
      </c>
    </row>
    <row r="9417" spans="4:5" x14ac:dyDescent="0.25">
      <c r="D9417" s="6">
        <v>615.69989999999996</v>
      </c>
      <c r="E9417" s="6">
        <v>3967.0279999999998</v>
      </c>
    </row>
    <row r="9418" spans="4:5" x14ac:dyDescent="0.25">
      <c r="D9418" s="6">
        <v>1179.6690000000001</v>
      </c>
      <c r="E9418" s="6">
        <v>1097.259</v>
      </c>
    </row>
    <row r="9419" spans="4:5" x14ac:dyDescent="0.25">
      <c r="D9419" s="6">
        <v>583.58950000000004</v>
      </c>
      <c r="E9419" s="6">
        <v>1210.83</v>
      </c>
    </row>
    <row r="9420" spans="4:5" x14ac:dyDescent="0.25">
      <c r="D9420" s="6">
        <v>889.62609999999995</v>
      </c>
      <c r="E9420" s="6">
        <v>473.81970000000001</v>
      </c>
    </row>
    <row r="9421" spans="4:5" x14ac:dyDescent="0.25">
      <c r="D9421" s="6">
        <v>872.41</v>
      </c>
      <c r="E9421" s="6">
        <v>734.74810000000002</v>
      </c>
    </row>
    <row r="9422" spans="4:5" x14ac:dyDescent="0.25">
      <c r="D9422" s="6">
        <v>525.71969999999999</v>
      </c>
      <c r="E9422" s="6">
        <v>1010.904</v>
      </c>
    </row>
    <row r="9423" spans="4:5" x14ac:dyDescent="0.25">
      <c r="D9423" s="6">
        <v>623.76009999999997</v>
      </c>
      <c r="E9423" s="6">
        <v>4414.777</v>
      </c>
    </row>
    <row r="9424" spans="4:5" x14ac:dyDescent="0.25">
      <c r="D9424" s="6">
        <v>1603.5070000000001</v>
      </c>
      <c r="E9424" s="6">
        <v>809.85509999999999</v>
      </c>
    </row>
    <row r="9425" spans="4:5" x14ac:dyDescent="0.25">
      <c r="D9425" s="6">
        <v>2326.194</v>
      </c>
      <c r="E9425" s="6">
        <v>1378.9059999999999</v>
      </c>
    </row>
    <row r="9426" spans="4:5" x14ac:dyDescent="0.25">
      <c r="D9426" s="6">
        <v>670.42079999999999</v>
      </c>
      <c r="E9426" s="6">
        <v>705.63310000000001</v>
      </c>
    </row>
    <row r="9427" spans="4:5" x14ac:dyDescent="0.25">
      <c r="D9427" s="6">
        <v>1844.2059999999999</v>
      </c>
      <c r="E9427" s="6">
        <v>2203.5859999999998</v>
      </c>
    </row>
    <row r="9428" spans="4:5" x14ac:dyDescent="0.25">
      <c r="D9428" s="6">
        <v>716.46450000000004</v>
      </c>
      <c r="E9428" s="6">
        <v>1049.2370000000001</v>
      </c>
    </row>
    <row r="9429" spans="4:5" x14ac:dyDescent="0.25">
      <c r="D9429" s="6">
        <v>1573.675</v>
      </c>
      <c r="E9429" s="6">
        <v>2313.2289999999998</v>
      </c>
    </row>
    <row r="9430" spans="4:5" x14ac:dyDescent="0.25">
      <c r="D9430" s="6">
        <v>5679.4989999999998</v>
      </c>
      <c r="E9430" s="6">
        <v>1096.1980000000001</v>
      </c>
    </row>
    <row r="9431" spans="4:5" x14ac:dyDescent="0.25">
      <c r="D9431" s="6">
        <v>5049.68</v>
      </c>
      <c r="E9431" s="6">
        <v>510.22160000000002</v>
      </c>
    </row>
    <row r="9432" spans="4:5" x14ac:dyDescent="0.25">
      <c r="D9432" s="6">
        <v>552.46550000000002</v>
      </c>
      <c r="E9432" s="6">
        <v>772.42920000000004</v>
      </c>
    </row>
    <row r="9433" spans="4:5" x14ac:dyDescent="0.25">
      <c r="D9433" s="6">
        <v>1127.329</v>
      </c>
      <c r="E9433" s="6">
        <v>2579.7640000000001</v>
      </c>
    </row>
    <row r="9434" spans="4:5" x14ac:dyDescent="0.25">
      <c r="D9434" s="6">
        <v>958.80050000000006</v>
      </c>
      <c r="E9434" s="6">
        <v>2432.2649999999999</v>
      </c>
    </row>
    <row r="9435" spans="4:5" x14ac:dyDescent="0.25">
      <c r="D9435" s="6">
        <v>954.3827</v>
      </c>
      <c r="E9435" s="6">
        <v>1114.0719999999999</v>
      </c>
    </row>
    <row r="9436" spans="4:5" x14ac:dyDescent="0.25">
      <c r="D9436" s="6">
        <v>3658.3850000000002</v>
      </c>
      <c r="E9436" s="6">
        <v>332.66669999999999</v>
      </c>
    </row>
    <row r="9437" spans="4:5" x14ac:dyDescent="0.25">
      <c r="D9437" s="6">
        <v>887.91800000000001</v>
      </c>
      <c r="E9437" s="6">
        <v>501.81760000000003</v>
      </c>
    </row>
    <row r="9438" spans="4:5" x14ac:dyDescent="0.25">
      <c r="D9438" s="6">
        <v>1026.69</v>
      </c>
      <c r="E9438" s="6">
        <v>3527.4650000000001</v>
      </c>
    </row>
    <row r="9439" spans="4:5" x14ac:dyDescent="0.25">
      <c r="D9439" s="6">
        <v>765.57560000000001</v>
      </c>
      <c r="E9439" s="6">
        <v>1377.7159999999999</v>
      </c>
    </row>
    <row r="9440" spans="4:5" x14ac:dyDescent="0.25">
      <c r="D9440" s="6">
        <v>588.02589999999998</v>
      </c>
      <c r="E9440" s="6">
        <v>2102.0050000000001</v>
      </c>
    </row>
    <row r="9441" spans="4:5" x14ac:dyDescent="0.25">
      <c r="D9441" s="6">
        <v>506.60669999999999</v>
      </c>
      <c r="E9441" s="6">
        <v>964.6925</v>
      </c>
    </row>
    <row r="9442" spans="4:5" x14ac:dyDescent="0.25">
      <c r="D9442" s="6">
        <v>507.82350000000002</v>
      </c>
      <c r="E9442" s="6">
        <v>986.53890000000001</v>
      </c>
    </row>
    <row r="9443" spans="4:5" x14ac:dyDescent="0.25">
      <c r="D9443" s="6">
        <v>2552.9780000000001</v>
      </c>
      <c r="E9443" s="6">
        <v>2077.9650000000001</v>
      </c>
    </row>
    <row r="9444" spans="4:5" x14ac:dyDescent="0.25">
      <c r="D9444" s="6">
        <v>901.88229999999999</v>
      </c>
      <c r="E9444" s="6">
        <v>1796.068</v>
      </c>
    </row>
    <row r="9445" spans="4:5" x14ac:dyDescent="0.25">
      <c r="D9445" s="6">
        <v>4792.1949999999997</v>
      </c>
      <c r="E9445" s="6">
        <v>567.52790000000005</v>
      </c>
    </row>
    <row r="9446" spans="4:5" x14ac:dyDescent="0.25">
      <c r="D9446" s="6">
        <v>1187.3710000000001</v>
      </c>
      <c r="E9446" s="6">
        <v>3063.9349999999999</v>
      </c>
    </row>
    <row r="9447" spans="4:5" x14ac:dyDescent="0.25">
      <c r="D9447" s="6">
        <v>2408.5630000000001</v>
      </c>
      <c r="E9447" s="6">
        <v>530.11199999999997</v>
      </c>
    </row>
    <row r="9448" spans="4:5" x14ac:dyDescent="0.25">
      <c r="D9448" s="6">
        <v>511.99470000000002</v>
      </c>
      <c r="E9448" s="6">
        <v>2757.5549999999998</v>
      </c>
    </row>
    <row r="9449" spans="4:5" x14ac:dyDescent="0.25">
      <c r="D9449" s="6">
        <v>5298.6930000000002</v>
      </c>
      <c r="E9449" s="6">
        <v>541.53269999999998</v>
      </c>
    </row>
    <row r="9450" spans="4:5" x14ac:dyDescent="0.25">
      <c r="D9450" s="6">
        <v>694.79679999999996</v>
      </c>
      <c r="E9450" s="6">
        <v>836.97170000000006</v>
      </c>
    </row>
    <row r="9451" spans="4:5" x14ac:dyDescent="0.25">
      <c r="D9451" s="6">
        <v>530.04769999999996</v>
      </c>
      <c r="E9451" s="6">
        <v>508.44549999999998</v>
      </c>
    </row>
    <row r="9452" spans="4:5" x14ac:dyDescent="0.25">
      <c r="D9452" s="6">
        <v>4112.3360000000002</v>
      </c>
      <c r="E9452" s="6">
        <v>2229.5770000000002</v>
      </c>
    </row>
    <row r="9453" spans="4:5" x14ac:dyDescent="0.25">
      <c r="D9453" s="6">
        <v>725.58619999999996</v>
      </c>
      <c r="E9453" s="6">
        <v>1839.4090000000001</v>
      </c>
    </row>
    <row r="9454" spans="4:5" x14ac:dyDescent="0.25">
      <c r="D9454" s="6">
        <v>3451.489</v>
      </c>
      <c r="E9454" s="6">
        <v>2285.2139999999999</v>
      </c>
    </row>
    <row r="9455" spans="4:5" x14ac:dyDescent="0.25">
      <c r="D9455" s="6">
        <v>1907.8019999999999</v>
      </c>
      <c r="E9455" s="6">
        <v>838.81050000000005</v>
      </c>
    </row>
    <row r="9456" spans="4:5" x14ac:dyDescent="0.25">
      <c r="D9456" s="6">
        <v>3732.39</v>
      </c>
      <c r="E9456" s="6">
        <v>500.91890000000001</v>
      </c>
    </row>
    <row r="9457" spans="4:5" x14ac:dyDescent="0.25">
      <c r="D9457" s="6">
        <v>559.125</v>
      </c>
      <c r="E9457" s="6">
        <v>522.08109999999999</v>
      </c>
    </row>
    <row r="9458" spans="4:5" x14ac:dyDescent="0.25">
      <c r="D9458" s="6">
        <v>1677.748</v>
      </c>
      <c r="E9458" s="6">
        <v>1134.2629999999999</v>
      </c>
    </row>
    <row r="9459" spans="4:5" x14ac:dyDescent="0.25">
      <c r="D9459" s="6">
        <v>5032.1729999999998</v>
      </c>
      <c r="E9459" s="6">
        <v>537.01909999999998</v>
      </c>
    </row>
    <row r="9460" spans="4:5" x14ac:dyDescent="0.25">
      <c r="D9460" s="6">
        <v>2271.7370000000001</v>
      </c>
      <c r="E9460" s="6">
        <v>637.01459999999997</v>
      </c>
    </row>
    <row r="9461" spans="4:5" x14ac:dyDescent="0.25">
      <c r="D9461" s="6">
        <v>935.62779999999998</v>
      </c>
      <c r="E9461" s="6">
        <v>1754.5</v>
      </c>
    </row>
    <row r="9462" spans="4:5" x14ac:dyDescent="0.25">
      <c r="D9462" s="6">
        <v>1851.289</v>
      </c>
      <c r="E9462" s="6">
        <v>645.75540000000001</v>
      </c>
    </row>
    <row r="9463" spans="4:5" x14ac:dyDescent="0.25">
      <c r="D9463" s="6">
        <v>3834.355</v>
      </c>
      <c r="E9463" s="6">
        <v>688.96550000000002</v>
      </c>
    </row>
    <row r="9464" spans="4:5" x14ac:dyDescent="0.25">
      <c r="D9464" s="6">
        <v>5784.9049999999997</v>
      </c>
      <c r="E9464" s="6">
        <v>527.57270000000005</v>
      </c>
    </row>
    <row r="9465" spans="4:5" x14ac:dyDescent="0.25">
      <c r="D9465" s="6">
        <v>5054.357</v>
      </c>
      <c r="E9465" s="6">
        <v>2738.018</v>
      </c>
    </row>
    <row r="9466" spans="4:5" x14ac:dyDescent="0.25">
      <c r="D9466" s="6">
        <v>693.65700000000004</v>
      </c>
      <c r="E9466" s="6">
        <v>1050.152</v>
      </c>
    </row>
    <row r="9467" spans="4:5" x14ac:dyDescent="0.25">
      <c r="D9467" s="6">
        <v>456.63060000000002</v>
      </c>
      <c r="E9467" s="6">
        <v>774.63430000000005</v>
      </c>
    </row>
    <row r="9468" spans="4:5" x14ac:dyDescent="0.25">
      <c r="D9468" s="6">
        <v>5212.549</v>
      </c>
      <c r="E9468" s="6">
        <v>1149.6489999999999</v>
      </c>
    </row>
    <row r="9469" spans="4:5" x14ac:dyDescent="0.25">
      <c r="D9469" s="6">
        <v>6225.97</v>
      </c>
      <c r="E9469" s="6">
        <v>537.25030000000004</v>
      </c>
    </row>
    <row r="9470" spans="4:5" x14ac:dyDescent="0.25">
      <c r="D9470" s="6">
        <v>2332.9780000000001</v>
      </c>
      <c r="E9470" s="6">
        <v>1322.692</v>
      </c>
    </row>
    <row r="9471" spans="4:5" x14ac:dyDescent="0.25">
      <c r="D9471" s="6">
        <v>6195.0720000000001</v>
      </c>
      <c r="E9471" s="6">
        <v>991.0163</v>
      </c>
    </row>
    <row r="9472" spans="4:5" x14ac:dyDescent="0.25">
      <c r="D9472" s="6">
        <v>427.09129999999999</v>
      </c>
      <c r="E9472" s="6">
        <v>879.29920000000004</v>
      </c>
    </row>
    <row r="9473" spans="4:5" x14ac:dyDescent="0.25">
      <c r="D9473" s="6">
        <v>3082.2130000000002</v>
      </c>
      <c r="E9473" s="6">
        <v>1240.2919999999999</v>
      </c>
    </row>
    <row r="9474" spans="4:5" x14ac:dyDescent="0.25">
      <c r="D9474" s="6">
        <v>1646.0429999999999</v>
      </c>
      <c r="E9474" s="6">
        <v>444.29509999999999</v>
      </c>
    </row>
    <row r="9475" spans="4:5" x14ac:dyDescent="0.25">
      <c r="D9475" s="6">
        <v>3744.913</v>
      </c>
      <c r="E9475" s="6">
        <v>1045.4829999999999</v>
      </c>
    </row>
    <row r="9476" spans="4:5" x14ac:dyDescent="0.25">
      <c r="D9476" s="6">
        <v>2687.4989999999998</v>
      </c>
      <c r="E9476" s="6">
        <v>8812.2469999999994</v>
      </c>
    </row>
    <row r="9477" spans="4:5" x14ac:dyDescent="0.25">
      <c r="D9477" s="6">
        <v>2931.5340000000001</v>
      </c>
      <c r="E9477" s="6">
        <v>488.53710000000001</v>
      </c>
    </row>
    <row r="9478" spans="4:5" x14ac:dyDescent="0.25">
      <c r="D9478" s="6">
        <v>482.72710000000001</v>
      </c>
      <c r="E9478" s="6">
        <v>694.43520000000001</v>
      </c>
    </row>
    <row r="9479" spans="4:5" x14ac:dyDescent="0.25">
      <c r="D9479" s="6">
        <v>4990.7449999999999</v>
      </c>
      <c r="E9479" s="6">
        <v>613.35839999999996</v>
      </c>
    </row>
    <row r="9480" spans="4:5" x14ac:dyDescent="0.25">
      <c r="D9480" s="6">
        <v>163.8638</v>
      </c>
      <c r="E9480" s="6">
        <v>2238.047</v>
      </c>
    </row>
    <row r="9481" spans="4:5" x14ac:dyDescent="0.25">
      <c r="D9481" s="6">
        <v>1178.807</v>
      </c>
      <c r="E9481" s="6">
        <v>1064.444</v>
      </c>
    </row>
    <row r="9482" spans="4:5" x14ac:dyDescent="0.25">
      <c r="D9482" s="6">
        <v>846.3021</v>
      </c>
      <c r="E9482" s="6">
        <v>1319.61</v>
      </c>
    </row>
    <row r="9483" spans="4:5" x14ac:dyDescent="0.25">
      <c r="D9483" s="6">
        <v>1577.5650000000001</v>
      </c>
      <c r="E9483" s="6">
        <v>2887.4520000000002</v>
      </c>
    </row>
    <row r="9484" spans="4:5" x14ac:dyDescent="0.25">
      <c r="D9484" s="6">
        <v>681.77869999999996</v>
      </c>
      <c r="E9484" s="6">
        <v>565.78089999999997</v>
      </c>
    </row>
    <row r="9485" spans="4:5" x14ac:dyDescent="0.25">
      <c r="D9485" s="6">
        <v>7230.8289999999997</v>
      </c>
      <c r="E9485" s="6">
        <v>618.00739999999996</v>
      </c>
    </row>
    <row r="9486" spans="4:5" x14ac:dyDescent="0.25">
      <c r="D9486" s="6">
        <v>495.10489999999999</v>
      </c>
      <c r="E9486" s="6">
        <v>997.86069999999995</v>
      </c>
    </row>
    <row r="9487" spans="4:5" x14ac:dyDescent="0.25">
      <c r="D9487" s="6">
        <v>5180.7020000000002</v>
      </c>
      <c r="E9487" s="6">
        <v>938.48680000000002</v>
      </c>
    </row>
    <row r="9488" spans="4:5" x14ac:dyDescent="0.25">
      <c r="D9488" s="6">
        <v>511.56979999999999</v>
      </c>
      <c r="E9488" s="6">
        <v>1171.385</v>
      </c>
    </row>
    <row r="9489" spans="4:5" x14ac:dyDescent="0.25">
      <c r="D9489" s="6">
        <v>1959.0840000000001</v>
      </c>
      <c r="E9489" s="6">
        <v>2240.3649999999998</v>
      </c>
    </row>
    <row r="9490" spans="4:5" x14ac:dyDescent="0.25">
      <c r="D9490" s="6">
        <v>441.8646</v>
      </c>
      <c r="E9490" s="6">
        <v>533.48530000000005</v>
      </c>
    </row>
    <row r="9491" spans="4:5" x14ac:dyDescent="0.25">
      <c r="D9491" s="6">
        <v>601.63720000000001</v>
      </c>
      <c r="E9491" s="6">
        <v>3201.415</v>
      </c>
    </row>
    <row r="9492" spans="4:5" x14ac:dyDescent="0.25">
      <c r="D9492" s="6">
        <v>5909</v>
      </c>
      <c r="E9492" s="6">
        <v>996.17610000000002</v>
      </c>
    </row>
    <row r="9493" spans="4:5" x14ac:dyDescent="0.25">
      <c r="D9493" s="6">
        <v>5147.5320000000002</v>
      </c>
      <c r="E9493" s="6">
        <v>690.63239999999996</v>
      </c>
    </row>
    <row r="9494" spans="4:5" x14ac:dyDescent="0.25">
      <c r="D9494" s="6">
        <v>900.64750000000004</v>
      </c>
      <c r="E9494" s="6">
        <v>518.86710000000005</v>
      </c>
    </row>
    <row r="9495" spans="4:5" x14ac:dyDescent="0.25">
      <c r="D9495" s="6">
        <v>609.58669999999995</v>
      </c>
      <c r="E9495" s="6">
        <v>1334.6769999999999</v>
      </c>
    </row>
    <row r="9496" spans="4:5" x14ac:dyDescent="0.25">
      <c r="D9496" s="6">
        <v>619.77880000000005</v>
      </c>
      <c r="E9496" s="6">
        <v>1072.462</v>
      </c>
    </row>
    <row r="9497" spans="4:5" x14ac:dyDescent="0.25">
      <c r="D9497" s="6">
        <v>966.03459999999995</v>
      </c>
      <c r="E9497" s="6">
        <v>1345.0519999999999</v>
      </c>
    </row>
    <row r="9498" spans="4:5" x14ac:dyDescent="0.25">
      <c r="D9498" s="6">
        <v>530.03909999999996</v>
      </c>
      <c r="E9498" s="6">
        <v>962.774</v>
      </c>
    </row>
    <row r="9499" spans="4:5" x14ac:dyDescent="0.25">
      <c r="D9499" s="6">
        <v>2626.5329999999999</v>
      </c>
      <c r="E9499" s="6">
        <v>959.90179999999998</v>
      </c>
    </row>
    <row r="9500" spans="4:5" x14ac:dyDescent="0.25">
      <c r="D9500" s="6">
        <v>464.5351</v>
      </c>
      <c r="E9500" s="6">
        <v>1200.7090000000001</v>
      </c>
    </row>
    <row r="9501" spans="4:5" x14ac:dyDescent="0.25">
      <c r="D9501" s="6">
        <v>1140.5730000000001</v>
      </c>
      <c r="E9501" s="6">
        <v>758</v>
      </c>
    </row>
    <row r="9502" spans="4:5" x14ac:dyDescent="0.25">
      <c r="D9502" s="6">
        <v>452.06990000000002</v>
      </c>
      <c r="E9502" s="6">
        <v>2556.8670000000002</v>
      </c>
    </row>
    <row r="9503" spans="4:5" x14ac:dyDescent="0.25">
      <c r="D9503" s="6">
        <v>1278.6389999999999</v>
      </c>
      <c r="E9503" s="6">
        <v>1547.732</v>
      </c>
    </row>
    <row r="9504" spans="4:5" x14ac:dyDescent="0.25">
      <c r="D9504" s="6">
        <v>602.26940000000002</v>
      </c>
      <c r="E9504" s="6">
        <v>525.91980000000001</v>
      </c>
    </row>
    <row r="9505" spans="4:5" x14ac:dyDescent="0.25">
      <c r="D9505" s="6">
        <v>4047.0659999999998</v>
      </c>
      <c r="E9505" s="6">
        <v>2183.25</v>
      </c>
    </row>
    <row r="9506" spans="4:5" x14ac:dyDescent="0.25">
      <c r="D9506" s="6">
        <v>3753.0219999999999</v>
      </c>
      <c r="E9506" s="6">
        <v>3151.8339999999998</v>
      </c>
    </row>
    <row r="9507" spans="4:5" x14ac:dyDescent="0.25">
      <c r="D9507" s="6">
        <v>585.202</v>
      </c>
      <c r="E9507" s="6">
        <v>629.40520000000004</v>
      </c>
    </row>
    <row r="9508" spans="4:5" x14ac:dyDescent="0.25">
      <c r="D9508" s="6">
        <v>1682.8820000000001</v>
      </c>
      <c r="E9508" s="6">
        <v>590.13149999999996</v>
      </c>
    </row>
    <row r="9509" spans="4:5" x14ac:dyDescent="0.25">
      <c r="D9509" s="6">
        <v>1459.011</v>
      </c>
      <c r="E9509" s="6">
        <v>630.50459999999998</v>
      </c>
    </row>
    <row r="9510" spans="4:5" x14ac:dyDescent="0.25">
      <c r="D9510" s="6">
        <v>4309.7889999999998</v>
      </c>
      <c r="E9510" s="6">
        <v>498.82229999999998</v>
      </c>
    </row>
    <row r="9511" spans="4:5" x14ac:dyDescent="0.25">
      <c r="D9511" s="6">
        <v>1355.085</v>
      </c>
      <c r="E9511" s="6">
        <v>478.98509999999999</v>
      </c>
    </row>
    <row r="9512" spans="4:5" x14ac:dyDescent="0.25">
      <c r="D9512" s="6">
        <v>1963.855</v>
      </c>
      <c r="E9512" s="6">
        <v>1626.5519999999999</v>
      </c>
    </row>
    <row r="9513" spans="4:5" x14ac:dyDescent="0.25">
      <c r="D9513" s="6">
        <v>4351.4889999999996</v>
      </c>
      <c r="E9513" s="6">
        <v>859.53620000000001</v>
      </c>
    </row>
    <row r="9514" spans="4:5" x14ac:dyDescent="0.25">
      <c r="D9514" s="6">
        <v>4769.6589999999997</v>
      </c>
      <c r="E9514" s="6">
        <v>3782.4670000000001</v>
      </c>
    </row>
    <row r="9515" spans="4:5" x14ac:dyDescent="0.25">
      <c r="D9515" s="6">
        <v>781.89390000000003</v>
      </c>
      <c r="E9515" s="6">
        <v>581.84630000000004</v>
      </c>
    </row>
    <row r="9516" spans="4:5" x14ac:dyDescent="0.25">
      <c r="D9516" s="6">
        <v>717.31830000000002</v>
      </c>
      <c r="E9516" s="6">
        <v>1205.6790000000001</v>
      </c>
    </row>
    <row r="9517" spans="4:5" x14ac:dyDescent="0.25">
      <c r="D9517" s="6">
        <v>2383.0120000000002</v>
      </c>
      <c r="E9517" s="6">
        <v>3070.6089999999999</v>
      </c>
    </row>
    <row r="9518" spans="4:5" x14ac:dyDescent="0.25">
      <c r="D9518" s="6">
        <v>1409.886</v>
      </c>
      <c r="E9518" s="6">
        <v>551.20039999999995</v>
      </c>
    </row>
    <row r="9519" spans="4:5" x14ac:dyDescent="0.25">
      <c r="D9519" s="6">
        <v>1872.385</v>
      </c>
      <c r="E9519" s="6">
        <v>957.92579999999998</v>
      </c>
    </row>
    <row r="9520" spans="4:5" x14ac:dyDescent="0.25">
      <c r="D9520" s="6">
        <v>2676.498</v>
      </c>
      <c r="E9520" s="6">
        <v>940.10159999999996</v>
      </c>
    </row>
    <row r="9521" spans="4:5" x14ac:dyDescent="0.25">
      <c r="D9521" s="6">
        <v>648.46199999999999</v>
      </c>
      <c r="E9521" s="6">
        <v>1209.0830000000001</v>
      </c>
    </row>
    <row r="9522" spans="4:5" x14ac:dyDescent="0.25">
      <c r="D9522" s="6">
        <v>1970.92</v>
      </c>
      <c r="E9522" s="6">
        <v>2438.6790000000001</v>
      </c>
    </row>
    <row r="9523" spans="4:5" x14ac:dyDescent="0.25">
      <c r="D9523" s="6">
        <v>851.4665</v>
      </c>
      <c r="E9523" s="6">
        <v>663.00779999999997</v>
      </c>
    </row>
    <row r="9524" spans="4:5" x14ac:dyDescent="0.25">
      <c r="D9524" s="6">
        <v>791.52880000000005</v>
      </c>
      <c r="E9524" s="6">
        <v>2548.2420000000002</v>
      </c>
    </row>
    <row r="9525" spans="4:5" x14ac:dyDescent="0.25">
      <c r="D9525" s="6">
        <v>4731.1419999999998</v>
      </c>
      <c r="E9525" s="6">
        <v>1139.2560000000001</v>
      </c>
    </row>
    <row r="9526" spans="4:5" x14ac:dyDescent="0.25">
      <c r="D9526" s="6">
        <v>3953.3530000000001</v>
      </c>
      <c r="E9526" s="6">
        <v>2634.4780000000001</v>
      </c>
    </row>
    <row r="9527" spans="4:5" x14ac:dyDescent="0.25">
      <c r="D9527" s="6">
        <v>3751.4659999999999</v>
      </c>
      <c r="E9527" s="6">
        <v>2617.5990000000002</v>
      </c>
    </row>
    <row r="9528" spans="4:5" x14ac:dyDescent="0.25">
      <c r="D9528" s="6">
        <v>667.59410000000003</v>
      </c>
      <c r="E9528" s="6">
        <v>525.14070000000004</v>
      </c>
    </row>
    <row r="9529" spans="4:5" x14ac:dyDescent="0.25">
      <c r="D9529" s="6">
        <v>1098.643</v>
      </c>
      <c r="E9529" s="6">
        <v>694.19759999999997</v>
      </c>
    </row>
    <row r="9530" spans="4:5" x14ac:dyDescent="0.25">
      <c r="D9530" s="6">
        <v>3983.9720000000002</v>
      </c>
      <c r="E9530" s="6">
        <v>1389.694</v>
      </c>
    </row>
    <row r="9531" spans="4:5" x14ac:dyDescent="0.25">
      <c r="D9531" s="6">
        <v>2083</v>
      </c>
      <c r="E9531" s="6">
        <v>1187.9449999999999</v>
      </c>
    </row>
    <row r="9532" spans="4:5" x14ac:dyDescent="0.25">
      <c r="D9532" s="6">
        <v>709.01179999999999</v>
      </c>
      <c r="E9532" s="6">
        <v>1103.673</v>
      </c>
    </row>
    <row r="9533" spans="4:5" x14ac:dyDescent="0.25">
      <c r="D9533" s="6">
        <v>571.29449999999997</v>
      </c>
      <c r="E9533" s="6">
        <v>7303</v>
      </c>
    </row>
    <row r="9534" spans="4:5" x14ac:dyDescent="0.25">
      <c r="D9534" s="6">
        <v>514.09130000000005</v>
      </c>
      <c r="E9534" s="6">
        <v>2358.904</v>
      </c>
    </row>
    <row r="9535" spans="4:5" x14ac:dyDescent="0.25">
      <c r="D9535" s="6">
        <v>3450.8270000000002</v>
      </c>
      <c r="E9535" s="6">
        <v>1436.15</v>
      </c>
    </row>
    <row r="9536" spans="4:5" x14ac:dyDescent="0.25">
      <c r="D9536" s="6">
        <v>3345.549</v>
      </c>
      <c r="E9536" s="6">
        <v>2115.7849999999999</v>
      </c>
    </row>
    <row r="9537" spans="4:5" x14ac:dyDescent="0.25">
      <c r="D9537" s="6">
        <v>1199.1659999999999</v>
      </c>
      <c r="E9537" s="6">
        <v>1344.9079999999999</v>
      </c>
    </row>
    <row r="9538" spans="4:5" x14ac:dyDescent="0.25">
      <c r="D9538" s="6">
        <v>762.31460000000004</v>
      </c>
      <c r="E9538" s="6">
        <v>2560.08</v>
      </c>
    </row>
    <row r="9539" spans="4:5" x14ac:dyDescent="0.25">
      <c r="D9539" s="6">
        <v>4136.63</v>
      </c>
      <c r="E9539" s="6">
        <v>2609.645</v>
      </c>
    </row>
    <row r="9540" spans="4:5" x14ac:dyDescent="0.25">
      <c r="D9540" s="6">
        <v>882.74379999999996</v>
      </c>
      <c r="E9540" s="6">
        <v>3643.0859999999998</v>
      </c>
    </row>
    <row r="9541" spans="4:5" x14ac:dyDescent="0.25">
      <c r="D9541" s="6">
        <v>1318.65</v>
      </c>
      <c r="E9541" s="6">
        <v>2070.9369999999999</v>
      </c>
    </row>
    <row r="9542" spans="4:5" x14ac:dyDescent="0.25">
      <c r="D9542" s="6">
        <v>467.11799999999999</v>
      </c>
      <c r="E9542" s="6">
        <v>916.16880000000003</v>
      </c>
    </row>
    <row r="9543" spans="4:5" x14ac:dyDescent="0.25">
      <c r="D9543" s="6">
        <v>3488.547</v>
      </c>
      <c r="E9543" s="6">
        <v>1386.829</v>
      </c>
    </row>
    <row r="9544" spans="4:5" x14ac:dyDescent="0.25">
      <c r="D9544" s="6">
        <v>845.17370000000005</v>
      </c>
      <c r="E9544" s="6">
        <v>1417.0419999999999</v>
      </c>
    </row>
    <row r="9545" spans="4:5" x14ac:dyDescent="0.25">
      <c r="D9545" s="6">
        <v>1223.453</v>
      </c>
      <c r="E9545" s="6">
        <v>3153.4250000000002</v>
      </c>
    </row>
    <row r="9546" spans="4:5" x14ac:dyDescent="0.25">
      <c r="D9546" s="6">
        <v>723.97209999999995</v>
      </c>
      <c r="E9546" s="6">
        <v>2051.4769999999999</v>
      </c>
    </row>
    <row r="9547" spans="4:5" x14ac:dyDescent="0.25">
      <c r="D9547" s="6">
        <v>691.20129999999995</v>
      </c>
      <c r="E9547" s="6">
        <v>1585.1980000000001</v>
      </c>
    </row>
    <row r="9548" spans="4:5" x14ac:dyDescent="0.25">
      <c r="D9548" s="6">
        <v>1215.1759999999999</v>
      </c>
      <c r="E9548" s="6">
        <v>1861.1690000000001</v>
      </c>
    </row>
    <row r="9549" spans="4:5" x14ac:dyDescent="0.25">
      <c r="D9549" s="6">
        <v>565.82380000000001</v>
      </c>
      <c r="E9549" s="6">
        <v>1587.4849999999999</v>
      </c>
    </row>
    <row r="9550" spans="4:5" x14ac:dyDescent="0.25">
      <c r="D9550" s="6">
        <v>680.78330000000005</v>
      </c>
      <c r="E9550" s="6">
        <v>640.55380000000002</v>
      </c>
    </row>
    <row r="9551" spans="4:5" x14ac:dyDescent="0.25">
      <c r="D9551" s="6">
        <v>2946.002</v>
      </c>
      <c r="E9551" s="6">
        <v>1458.2190000000001</v>
      </c>
    </row>
    <row r="9552" spans="4:5" x14ac:dyDescent="0.25">
      <c r="D9552" s="6">
        <v>1241.2629999999999</v>
      </c>
      <c r="E9552" s="6">
        <v>844.85979999999995</v>
      </c>
    </row>
    <row r="9553" spans="4:5" x14ac:dyDescent="0.25">
      <c r="D9553" s="6">
        <v>1043.8399999999999</v>
      </c>
      <c r="E9553" s="6">
        <v>1299.942</v>
      </c>
    </row>
    <row r="9554" spans="4:5" x14ac:dyDescent="0.25">
      <c r="D9554" s="6">
        <v>5331.049</v>
      </c>
      <c r="E9554" s="6">
        <v>2907.6109999999999</v>
      </c>
    </row>
    <row r="9555" spans="4:5" x14ac:dyDescent="0.25">
      <c r="D9555" s="6">
        <v>1801.7639999999999</v>
      </c>
      <c r="E9555" s="6">
        <v>286.26319999999998</v>
      </c>
    </row>
    <row r="9556" spans="4:5" x14ac:dyDescent="0.25">
      <c r="D9556" s="6">
        <v>515.99599999999998</v>
      </c>
      <c r="E9556" s="6">
        <v>606.51490000000001</v>
      </c>
    </row>
    <row r="9557" spans="4:5" x14ac:dyDescent="0.25">
      <c r="D9557" s="6">
        <v>830.0009</v>
      </c>
      <c r="E9557" s="6">
        <v>4843</v>
      </c>
    </row>
    <row r="9558" spans="4:5" x14ac:dyDescent="0.25">
      <c r="D9558" s="6">
        <v>5738.607</v>
      </c>
      <c r="E9558" s="6">
        <v>2510.6</v>
      </c>
    </row>
    <row r="9559" spans="4:5" x14ac:dyDescent="0.25">
      <c r="D9559" s="6">
        <v>1102.0840000000001</v>
      </c>
      <c r="E9559" s="6">
        <v>439.93299999999999</v>
      </c>
    </row>
    <row r="9560" spans="4:5" x14ac:dyDescent="0.25">
      <c r="D9560" s="6">
        <v>684.82889999999998</v>
      </c>
      <c r="E9560" s="6">
        <v>1341.4159999999999</v>
      </c>
    </row>
    <row r="9561" spans="4:5" x14ac:dyDescent="0.25">
      <c r="D9561" s="6">
        <v>665.15819999999997</v>
      </c>
      <c r="E9561" s="6">
        <v>1502.34</v>
      </c>
    </row>
    <row r="9562" spans="4:5" x14ac:dyDescent="0.25">
      <c r="D9562" s="6">
        <v>2611.6489999999999</v>
      </c>
      <c r="E9562" s="6">
        <v>612.4402</v>
      </c>
    </row>
    <row r="9563" spans="4:5" x14ac:dyDescent="0.25">
      <c r="D9563" s="6">
        <v>2891.482</v>
      </c>
      <c r="E9563" s="6">
        <v>1905.183</v>
      </c>
    </row>
    <row r="9564" spans="4:5" x14ac:dyDescent="0.25">
      <c r="D9564" s="6">
        <v>702.70569999999998</v>
      </c>
      <c r="E9564" s="6">
        <v>594.56100000000004</v>
      </c>
    </row>
    <row r="9565" spans="4:5" x14ac:dyDescent="0.25">
      <c r="D9565" s="6">
        <v>687.77779999999996</v>
      </c>
      <c r="E9565" s="6">
        <v>556.80930000000001</v>
      </c>
    </row>
    <row r="9566" spans="4:5" x14ac:dyDescent="0.25">
      <c r="D9566" s="6">
        <v>600.01530000000002</v>
      </c>
      <c r="E9566" s="6">
        <v>568.52200000000005</v>
      </c>
    </row>
    <row r="9567" spans="4:5" x14ac:dyDescent="0.25">
      <c r="D9567" s="6">
        <v>2071.125</v>
      </c>
      <c r="E9567" s="6">
        <v>629.4665</v>
      </c>
    </row>
    <row r="9568" spans="4:5" x14ac:dyDescent="0.25">
      <c r="D9568" s="6">
        <v>680.80650000000003</v>
      </c>
      <c r="E9568" s="6">
        <v>470.20339999999999</v>
      </c>
    </row>
    <row r="9569" spans="4:5" x14ac:dyDescent="0.25">
      <c r="D9569" s="6">
        <v>3274.1869999999999</v>
      </c>
      <c r="E9569" s="6">
        <v>457.78609999999998</v>
      </c>
    </row>
    <row r="9570" spans="4:5" x14ac:dyDescent="0.25">
      <c r="D9570" s="6">
        <v>658.76319999999998</v>
      </c>
      <c r="E9570" s="6">
        <v>10518.3</v>
      </c>
    </row>
    <row r="9571" spans="4:5" x14ac:dyDescent="0.25">
      <c r="D9571" s="6">
        <v>574.59910000000002</v>
      </c>
      <c r="E9571" s="6">
        <v>752.79920000000004</v>
      </c>
    </row>
    <row r="9572" spans="4:5" x14ac:dyDescent="0.25">
      <c r="D9572" s="6">
        <v>464.71420000000001</v>
      </c>
      <c r="E9572" s="6">
        <v>1050.066</v>
      </c>
    </row>
    <row r="9573" spans="4:5" x14ac:dyDescent="0.25">
      <c r="D9573" s="6">
        <v>973.4511</v>
      </c>
      <c r="E9573" s="6">
        <v>564.53890000000001</v>
      </c>
    </row>
    <row r="9574" spans="4:5" x14ac:dyDescent="0.25">
      <c r="D9574" s="6">
        <v>664.26049999999998</v>
      </c>
      <c r="E9574" s="6">
        <v>559.05259999999998</v>
      </c>
    </row>
    <row r="9575" spans="4:5" x14ac:dyDescent="0.25">
      <c r="D9575" s="6">
        <v>1057.9580000000001</v>
      </c>
      <c r="E9575" s="6">
        <v>1379.229</v>
      </c>
    </row>
    <row r="9576" spans="4:5" x14ac:dyDescent="0.25">
      <c r="D9576" s="6">
        <v>4922.3609999999999</v>
      </c>
      <c r="E9576" s="6">
        <v>3196.84</v>
      </c>
    </row>
    <row r="9577" spans="4:5" x14ac:dyDescent="0.25">
      <c r="D9577" s="6">
        <v>496.77589999999998</v>
      </c>
      <c r="E9577" s="6">
        <v>619.05250000000001</v>
      </c>
    </row>
    <row r="9578" spans="4:5" x14ac:dyDescent="0.25">
      <c r="D9578" s="6">
        <v>2531.1320000000001</v>
      </c>
      <c r="E9578" s="6">
        <v>2866.1770000000001</v>
      </c>
    </row>
    <row r="9579" spans="4:5" x14ac:dyDescent="0.25">
      <c r="D9579" s="6">
        <v>4226.8739999999998</v>
      </c>
      <c r="E9579" s="6">
        <v>834.32560000000001</v>
      </c>
    </row>
    <row r="9580" spans="4:5" x14ac:dyDescent="0.25">
      <c r="D9580" s="6">
        <v>587.88400000000001</v>
      </c>
      <c r="E9580" s="6">
        <v>4389.4930000000004</v>
      </c>
    </row>
    <row r="9581" spans="4:5" x14ac:dyDescent="0.25">
      <c r="D9581" s="6">
        <v>1388.684</v>
      </c>
      <c r="E9581" s="6">
        <v>645.72940000000006</v>
      </c>
    </row>
    <row r="9582" spans="4:5" x14ac:dyDescent="0.25">
      <c r="D9582" s="6">
        <v>809.07860000000005</v>
      </c>
      <c r="E9582" s="6">
        <v>742.96789999999999</v>
      </c>
    </row>
    <row r="9583" spans="4:5" x14ac:dyDescent="0.25">
      <c r="D9583" s="6">
        <v>3495.5079999999998</v>
      </c>
      <c r="E9583" s="6">
        <v>3476.6669999999999</v>
      </c>
    </row>
    <row r="9584" spans="4:5" x14ac:dyDescent="0.25">
      <c r="D9584" s="6">
        <v>630.24540000000002</v>
      </c>
      <c r="E9584" s="6">
        <v>606.25810000000001</v>
      </c>
    </row>
    <row r="9585" spans="4:5" x14ac:dyDescent="0.25">
      <c r="D9585" s="6">
        <v>1014.42</v>
      </c>
      <c r="E9585" s="6">
        <v>518.22540000000004</v>
      </c>
    </row>
    <row r="9586" spans="4:5" x14ac:dyDescent="0.25">
      <c r="D9586" s="6">
        <v>751.76750000000004</v>
      </c>
      <c r="E9586" s="6">
        <v>713.77229999999997</v>
      </c>
    </row>
    <row r="9587" spans="4:5" x14ac:dyDescent="0.25">
      <c r="D9587" s="6">
        <v>1740.8630000000001</v>
      </c>
      <c r="E9587" s="6">
        <v>548.58280000000002</v>
      </c>
    </row>
    <row r="9588" spans="4:5" x14ac:dyDescent="0.25">
      <c r="D9588" s="6">
        <v>855.86860000000001</v>
      </c>
      <c r="E9588" s="6">
        <v>624.61879999999996</v>
      </c>
    </row>
    <row r="9589" spans="4:5" x14ac:dyDescent="0.25">
      <c r="D9589" s="6">
        <v>1183.723</v>
      </c>
      <c r="E9589" s="6">
        <v>3725.4839999999999</v>
      </c>
    </row>
    <row r="9590" spans="4:5" x14ac:dyDescent="0.25">
      <c r="D9590" s="6">
        <v>1381.3720000000001</v>
      </c>
      <c r="E9590" s="6">
        <v>2996.8609999999999</v>
      </c>
    </row>
    <row r="9591" spans="4:5" x14ac:dyDescent="0.25">
      <c r="D9591" s="6">
        <v>653.29049999999995</v>
      </c>
      <c r="E9591" s="6">
        <v>976.15300000000002</v>
      </c>
    </row>
    <row r="9592" spans="4:5" x14ac:dyDescent="0.25">
      <c r="D9592" s="6">
        <v>4299.6459999999997</v>
      </c>
      <c r="E9592" s="6">
        <v>693.3759</v>
      </c>
    </row>
    <row r="9593" spans="4:5" x14ac:dyDescent="0.25">
      <c r="D9593" s="6">
        <v>4224.0950000000003</v>
      </c>
      <c r="E9593" s="6">
        <v>1069.4670000000001</v>
      </c>
    </row>
    <row r="9594" spans="4:5" x14ac:dyDescent="0.25">
      <c r="D9594" s="6">
        <v>569.33799999999997</v>
      </c>
      <c r="E9594" s="6">
        <v>1340.778</v>
      </c>
    </row>
    <row r="9595" spans="4:5" x14ac:dyDescent="0.25">
      <c r="D9595" s="6">
        <v>4882.1779999999999</v>
      </c>
      <c r="E9595" s="6">
        <v>1093.239</v>
      </c>
    </row>
    <row r="9596" spans="4:5" x14ac:dyDescent="0.25">
      <c r="D9596" s="6">
        <v>544.29179999999997</v>
      </c>
      <c r="E9596" s="6">
        <v>2870.03</v>
      </c>
    </row>
    <row r="9597" spans="4:5" x14ac:dyDescent="0.25">
      <c r="D9597" s="6">
        <v>5255.9989999999998</v>
      </c>
      <c r="E9597" s="6">
        <v>3103.1990000000001</v>
      </c>
    </row>
    <row r="9598" spans="4:5" x14ac:dyDescent="0.25">
      <c r="D9598" s="6">
        <v>475.58449999999999</v>
      </c>
      <c r="E9598" s="6">
        <v>3027.857</v>
      </c>
    </row>
    <row r="9599" spans="4:5" x14ac:dyDescent="0.25">
      <c r="D9599" s="6">
        <v>697.71990000000005</v>
      </c>
      <c r="E9599" s="6">
        <v>670.52919999999995</v>
      </c>
    </row>
    <row r="9600" spans="4:5" x14ac:dyDescent="0.25">
      <c r="D9600" s="6">
        <v>436.125</v>
      </c>
      <c r="E9600" s="6">
        <v>474.92689999999999</v>
      </c>
    </row>
    <row r="9601" spans="4:5" x14ac:dyDescent="0.25">
      <c r="D9601" s="6">
        <v>1143.69</v>
      </c>
      <c r="E9601" s="6">
        <v>496.19049999999999</v>
      </c>
    </row>
    <row r="9602" spans="4:5" x14ac:dyDescent="0.25">
      <c r="D9602" s="6">
        <v>1589.9090000000001</v>
      </c>
      <c r="E9602" s="6">
        <v>564.98140000000001</v>
      </c>
    </row>
    <row r="9603" spans="4:5" x14ac:dyDescent="0.25">
      <c r="D9603" s="6">
        <v>5136.3050000000003</v>
      </c>
      <c r="E9603" s="6">
        <v>558.33330000000001</v>
      </c>
    </row>
    <row r="9604" spans="4:5" x14ac:dyDescent="0.25">
      <c r="D9604" s="6">
        <v>534.44110000000001</v>
      </c>
      <c r="E9604" s="6">
        <v>617.38</v>
      </c>
    </row>
    <row r="9605" spans="4:5" x14ac:dyDescent="0.25">
      <c r="D9605" s="6">
        <v>1206.1079999999999</v>
      </c>
      <c r="E9605" s="6">
        <v>3564.5859999999998</v>
      </c>
    </row>
    <row r="9606" spans="4:5" x14ac:dyDescent="0.25">
      <c r="D9606" s="6">
        <v>689.68309999999997</v>
      </c>
      <c r="E9606" s="6">
        <v>597.49540000000002</v>
      </c>
    </row>
    <row r="9607" spans="4:5" x14ac:dyDescent="0.25">
      <c r="D9607" s="6">
        <v>626.0385</v>
      </c>
      <c r="E9607" s="6">
        <v>1112.385</v>
      </c>
    </row>
    <row r="9608" spans="4:5" x14ac:dyDescent="0.25">
      <c r="D9608" s="6">
        <v>658.14049999999997</v>
      </c>
      <c r="E9608" s="6">
        <v>1260.953</v>
      </c>
    </row>
    <row r="9609" spans="4:5" x14ac:dyDescent="0.25">
      <c r="D9609" s="6">
        <v>687.37509999999997</v>
      </c>
      <c r="E9609" s="6">
        <v>2418.6460000000002</v>
      </c>
    </row>
    <row r="9610" spans="4:5" x14ac:dyDescent="0.25">
      <c r="D9610" s="6">
        <v>629.58320000000003</v>
      </c>
      <c r="E9610" s="6">
        <v>450.57839999999999</v>
      </c>
    </row>
    <row r="9611" spans="4:5" x14ac:dyDescent="0.25">
      <c r="D9611" s="6">
        <v>1910.81</v>
      </c>
      <c r="E9611" s="6">
        <v>437.33049999999997</v>
      </c>
    </row>
    <row r="9612" spans="4:5" x14ac:dyDescent="0.25">
      <c r="D9612" s="6">
        <v>300</v>
      </c>
      <c r="E9612" s="6">
        <v>561.90620000000001</v>
      </c>
    </row>
    <row r="9613" spans="4:5" x14ac:dyDescent="0.25">
      <c r="D9613" s="6">
        <v>896.85649999999998</v>
      </c>
      <c r="E9613" s="6">
        <v>1158.201</v>
      </c>
    </row>
    <row r="9614" spans="4:5" x14ac:dyDescent="0.25">
      <c r="D9614" s="6">
        <v>778.03269999999998</v>
      </c>
      <c r="E9614" s="6">
        <v>2542.81</v>
      </c>
    </row>
    <row r="9615" spans="4:5" x14ac:dyDescent="0.25">
      <c r="D9615" s="6">
        <v>907.30600000000004</v>
      </c>
      <c r="E9615" s="6">
        <v>1163.0820000000001</v>
      </c>
    </row>
    <row r="9616" spans="4:5" x14ac:dyDescent="0.25">
      <c r="D9616" s="6">
        <v>1278.5930000000001</v>
      </c>
      <c r="E9616" s="6">
        <v>2375.1060000000002</v>
      </c>
    </row>
    <row r="9617" spans="4:5" x14ac:dyDescent="0.25">
      <c r="D9617" s="6">
        <v>420.7944</v>
      </c>
      <c r="E9617" s="6">
        <v>475.53370000000001</v>
      </c>
    </row>
    <row r="9618" spans="4:5" x14ac:dyDescent="0.25">
      <c r="D9618" s="6">
        <v>496.82040000000001</v>
      </c>
      <c r="E9618" s="6">
        <v>655.16880000000003</v>
      </c>
    </row>
    <row r="9619" spans="4:5" x14ac:dyDescent="0.25">
      <c r="D9619" s="6">
        <v>4911.3329999999996</v>
      </c>
      <c r="E9619" s="6">
        <v>485.7998</v>
      </c>
    </row>
    <row r="9620" spans="4:5" x14ac:dyDescent="0.25">
      <c r="D9620" s="6">
        <v>1781.165</v>
      </c>
      <c r="E9620" s="6">
        <v>2568.4969999999998</v>
      </c>
    </row>
    <row r="9621" spans="4:5" x14ac:dyDescent="0.25">
      <c r="D9621" s="6">
        <v>1478.9490000000001</v>
      </c>
      <c r="E9621" s="6">
        <v>997.05370000000005</v>
      </c>
    </row>
    <row r="9622" spans="4:5" x14ac:dyDescent="0.25">
      <c r="D9622" s="6">
        <v>657.21849999999995</v>
      </c>
      <c r="E9622" s="6">
        <v>1474.9069999999999</v>
      </c>
    </row>
    <row r="9623" spans="4:5" x14ac:dyDescent="0.25">
      <c r="D9623" s="6">
        <v>4155.4129999999996</v>
      </c>
      <c r="E9623" s="6">
        <v>793.75450000000001</v>
      </c>
    </row>
    <row r="9624" spans="4:5" x14ac:dyDescent="0.25">
      <c r="D9624" s="6">
        <v>948.37760000000003</v>
      </c>
      <c r="E9624" s="6">
        <v>2841.1880000000001</v>
      </c>
    </row>
    <row r="9625" spans="4:5" x14ac:dyDescent="0.25">
      <c r="D9625" s="6">
        <v>1192.96</v>
      </c>
      <c r="E9625" s="6">
        <v>3822.1129999999998</v>
      </c>
    </row>
    <row r="9626" spans="4:5" x14ac:dyDescent="0.25">
      <c r="D9626" s="6">
        <v>647.41570000000002</v>
      </c>
      <c r="E9626" s="6">
        <v>308.55309999999997</v>
      </c>
    </row>
    <row r="9627" spans="4:5" x14ac:dyDescent="0.25">
      <c r="D9627" s="6">
        <v>856.23410000000001</v>
      </c>
      <c r="E9627" s="6">
        <v>813.80470000000003</v>
      </c>
    </row>
    <row r="9628" spans="4:5" x14ac:dyDescent="0.25">
      <c r="D9628" s="6">
        <v>1471.3689999999999</v>
      </c>
      <c r="E9628" s="6">
        <v>2953.5889999999999</v>
      </c>
    </row>
    <row r="9629" spans="4:5" x14ac:dyDescent="0.25">
      <c r="D9629" s="6">
        <v>5172.4849999999997</v>
      </c>
      <c r="E9629" s="6">
        <v>723.38679999999999</v>
      </c>
    </row>
    <row r="9630" spans="4:5" x14ac:dyDescent="0.25">
      <c r="D9630" s="6">
        <v>560</v>
      </c>
      <c r="E9630" s="6">
        <v>438.35329999999999</v>
      </c>
    </row>
    <row r="9631" spans="4:5" x14ac:dyDescent="0.25">
      <c r="D9631" s="6">
        <v>1225.27</v>
      </c>
      <c r="E9631" s="6">
        <v>949.31219999999996</v>
      </c>
    </row>
    <row r="9632" spans="4:5" x14ac:dyDescent="0.25">
      <c r="D9632" s="6">
        <v>595.58920000000001</v>
      </c>
      <c r="E9632" s="6">
        <v>1269.702</v>
      </c>
    </row>
    <row r="9633" spans="4:5" x14ac:dyDescent="0.25">
      <c r="D9633" s="6">
        <v>3817.7730000000001</v>
      </c>
      <c r="E9633" s="6">
        <v>3317.683</v>
      </c>
    </row>
    <row r="9634" spans="4:5" x14ac:dyDescent="0.25">
      <c r="D9634" s="6">
        <v>540.22770000000003</v>
      </c>
      <c r="E9634" s="6">
        <v>2639.768</v>
      </c>
    </row>
    <row r="9635" spans="4:5" x14ac:dyDescent="0.25">
      <c r="D9635" s="6">
        <v>988.09900000000005</v>
      </c>
      <c r="E9635" s="6">
        <v>1477.528</v>
      </c>
    </row>
    <row r="9636" spans="4:5" x14ac:dyDescent="0.25">
      <c r="D9636" s="6">
        <v>467.76400000000001</v>
      </c>
      <c r="E9636" s="6">
        <v>2286.0320000000002</v>
      </c>
    </row>
    <row r="9637" spans="4:5" x14ac:dyDescent="0.25">
      <c r="D9637" s="6">
        <v>544.41369999999995</v>
      </c>
      <c r="E9637" s="6">
        <v>565.53679999999997</v>
      </c>
    </row>
    <row r="9638" spans="4:5" x14ac:dyDescent="0.25">
      <c r="D9638" s="6">
        <v>5979.7569999999996</v>
      </c>
      <c r="E9638" s="6">
        <v>3723.5309999999999</v>
      </c>
    </row>
    <row r="9639" spans="4:5" x14ac:dyDescent="0.25">
      <c r="D9639" s="6">
        <v>585.5575</v>
      </c>
      <c r="E9639" s="6">
        <v>724.06150000000002</v>
      </c>
    </row>
    <row r="9640" spans="4:5" x14ac:dyDescent="0.25">
      <c r="D9640" s="6">
        <v>731.88779999999997</v>
      </c>
      <c r="E9640" s="6">
        <v>5233.982</v>
      </c>
    </row>
    <row r="9641" spans="4:5" x14ac:dyDescent="0.25">
      <c r="D9641" s="6">
        <v>706.08500000000004</v>
      </c>
      <c r="E9641" s="6">
        <v>586.87909999999999</v>
      </c>
    </row>
    <row r="9642" spans="4:5" x14ac:dyDescent="0.25">
      <c r="D9642" s="6">
        <v>627.44910000000004</v>
      </c>
      <c r="E9642" s="6">
        <v>902.34299999999996</v>
      </c>
    </row>
    <row r="9643" spans="4:5" x14ac:dyDescent="0.25">
      <c r="D9643" s="6">
        <v>1046.231</v>
      </c>
      <c r="E9643" s="6">
        <v>505.57580000000002</v>
      </c>
    </row>
    <row r="9644" spans="4:5" x14ac:dyDescent="0.25">
      <c r="D9644" s="6">
        <v>1472.08</v>
      </c>
      <c r="E9644" s="6">
        <v>2282.7640000000001</v>
      </c>
    </row>
    <row r="9645" spans="4:5" x14ac:dyDescent="0.25">
      <c r="D9645" s="6">
        <v>1398.625</v>
      </c>
      <c r="E9645" s="6">
        <v>1259.1600000000001</v>
      </c>
    </row>
    <row r="9646" spans="4:5" x14ac:dyDescent="0.25">
      <c r="D9646" s="6">
        <v>5495.4709999999995</v>
      </c>
      <c r="E9646" s="6">
        <v>898.90880000000004</v>
      </c>
    </row>
    <row r="9647" spans="4:5" x14ac:dyDescent="0.25">
      <c r="D9647" s="6">
        <v>1199.729</v>
      </c>
      <c r="E9647" s="6">
        <v>538.81089999999995</v>
      </c>
    </row>
    <row r="9648" spans="4:5" x14ac:dyDescent="0.25">
      <c r="D9648" s="6">
        <v>1618.299</v>
      </c>
      <c r="E9648" s="6">
        <v>431.11919999999998</v>
      </c>
    </row>
    <row r="9649" spans="4:5" x14ac:dyDescent="0.25">
      <c r="D9649" s="6">
        <v>622.27449999999999</v>
      </c>
      <c r="E9649" s="6">
        <v>1720.7670000000001</v>
      </c>
    </row>
    <row r="9650" spans="4:5" x14ac:dyDescent="0.25">
      <c r="D9650" s="6">
        <v>1146.0909999999999</v>
      </c>
      <c r="E9650" s="6">
        <v>901.71889999999996</v>
      </c>
    </row>
    <row r="9651" spans="4:5" x14ac:dyDescent="0.25">
      <c r="D9651" s="6">
        <v>3378.9989999999998</v>
      </c>
      <c r="E9651" s="6">
        <v>1225.376</v>
      </c>
    </row>
    <row r="9652" spans="4:5" x14ac:dyDescent="0.25">
      <c r="D9652" s="6">
        <v>706.33219999999994</v>
      </c>
      <c r="E9652" s="6">
        <v>1105.7339999999999</v>
      </c>
    </row>
    <row r="9653" spans="4:5" x14ac:dyDescent="0.25">
      <c r="D9653" s="6">
        <v>586.28840000000002</v>
      </c>
      <c r="E9653" s="6">
        <v>581.19280000000003</v>
      </c>
    </row>
    <row r="9654" spans="4:5" x14ac:dyDescent="0.25">
      <c r="D9654" s="6">
        <v>8627.1679999999997</v>
      </c>
      <c r="E9654" s="6">
        <v>2482.364</v>
      </c>
    </row>
    <row r="9655" spans="4:5" x14ac:dyDescent="0.25">
      <c r="D9655" s="6">
        <v>1523.6189999999999</v>
      </c>
      <c r="E9655" s="6">
        <v>3244.145</v>
      </c>
    </row>
    <row r="9656" spans="4:5" x14ac:dyDescent="0.25">
      <c r="D9656" s="6">
        <v>1228.0309999999999</v>
      </c>
      <c r="E9656" s="6">
        <v>1125.8889999999999</v>
      </c>
    </row>
    <row r="9657" spans="4:5" x14ac:dyDescent="0.25">
      <c r="D9657" s="6">
        <v>3460.944</v>
      </c>
      <c r="E9657" s="6">
        <v>454.96789999999999</v>
      </c>
    </row>
    <row r="9658" spans="4:5" x14ac:dyDescent="0.25">
      <c r="D9658" s="6">
        <v>702.42139999999995</v>
      </c>
      <c r="E9658" s="6">
        <v>700.64570000000003</v>
      </c>
    </row>
    <row r="9659" spans="4:5" x14ac:dyDescent="0.25">
      <c r="D9659" s="6">
        <v>1821.6289999999999</v>
      </c>
      <c r="E9659" s="6">
        <v>683.63260000000002</v>
      </c>
    </row>
    <row r="9660" spans="4:5" x14ac:dyDescent="0.25">
      <c r="D9660" s="6">
        <v>3311.377</v>
      </c>
      <c r="E9660" s="6">
        <v>3415.5610000000001</v>
      </c>
    </row>
    <row r="9661" spans="4:5" x14ac:dyDescent="0.25">
      <c r="D9661" s="6">
        <v>1077.163</v>
      </c>
      <c r="E9661" s="6">
        <v>910.0566</v>
      </c>
    </row>
    <row r="9662" spans="4:5" x14ac:dyDescent="0.25">
      <c r="D9662" s="6">
        <v>724.41480000000001</v>
      </c>
      <c r="E9662" s="6">
        <v>1517.1659999999999</v>
      </c>
    </row>
    <row r="9663" spans="4:5" x14ac:dyDescent="0.25">
      <c r="D9663" s="6">
        <v>1744.193</v>
      </c>
      <c r="E9663" s="6">
        <v>967.23400000000004</v>
      </c>
    </row>
    <row r="9664" spans="4:5" x14ac:dyDescent="0.25">
      <c r="D9664" s="6">
        <v>589.38879999999995</v>
      </c>
      <c r="E9664" s="6">
        <v>2948.067</v>
      </c>
    </row>
    <row r="9665" spans="4:5" x14ac:dyDescent="0.25">
      <c r="D9665" s="6">
        <v>735.17790000000002</v>
      </c>
      <c r="E9665" s="6">
        <v>4501.9750000000004</v>
      </c>
    </row>
    <row r="9666" spans="4:5" x14ac:dyDescent="0.25">
      <c r="D9666" s="6">
        <v>5855.79</v>
      </c>
      <c r="E9666" s="6">
        <v>864.84439999999995</v>
      </c>
    </row>
    <row r="9667" spans="4:5" x14ac:dyDescent="0.25">
      <c r="D9667" s="6">
        <v>514.62220000000002</v>
      </c>
      <c r="E9667" s="6">
        <v>454.55360000000002</v>
      </c>
    </row>
    <row r="9668" spans="4:5" x14ac:dyDescent="0.25">
      <c r="D9668" s="6">
        <v>1718.366</v>
      </c>
      <c r="E9668" s="6">
        <v>773.65869999999995</v>
      </c>
    </row>
    <row r="9669" spans="4:5" x14ac:dyDescent="0.25">
      <c r="D9669" s="6">
        <v>646.38459999999998</v>
      </c>
      <c r="E9669" s="6">
        <v>1974.789</v>
      </c>
    </row>
    <row r="9670" spans="4:5" x14ac:dyDescent="0.25">
      <c r="D9670" s="6">
        <v>429.06259999999997</v>
      </c>
      <c r="E9670" s="6">
        <v>901.0077</v>
      </c>
    </row>
    <row r="9671" spans="4:5" x14ac:dyDescent="0.25">
      <c r="D9671" s="6">
        <v>1099.4929999999999</v>
      </c>
      <c r="E9671" s="6">
        <v>1643.655</v>
      </c>
    </row>
    <row r="9672" spans="4:5" x14ac:dyDescent="0.25">
      <c r="D9672" s="6">
        <v>911.45039999999995</v>
      </c>
      <c r="E9672" s="6">
        <v>1570.085</v>
      </c>
    </row>
    <row r="9673" spans="4:5" x14ac:dyDescent="0.25">
      <c r="D9673" s="6">
        <v>3843.1950000000002</v>
      </c>
      <c r="E9673" s="6">
        <v>889.32579999999996</v>
      </c>
    </row>
    <row r="9674" spans="4:5" x14ac:dyDescent="0.25">
      <c r="D9674" s="6">
        <v>636.54160000000002</v>
      </c>
      <c r="E9674" s="6">
        <v>3355.4470000000001</v>
      </c>
    </row>
    <row r="9675" spans="4:5" x14ac:dyDescent="0.25">
      <c r="D9675" s="6">
        <v>3537.953</v>
      </c>
      <c r="E9675" s="6">
        <v>2014.8409999999999</v>
      </c>
    </row>
    <row r="9676" spans="4:5" x14ac:dyDescent="0.25">
      <c r="D9676" s="6">
        <v>506.32830000000001</v>
      </c>
      <c r="E9676" s="6">
        <v>2775.4839999999999</v>
      </c>
    </row>
    <row r="9677" spans="4:5" x14ac:dyDescent="0.25">
      <c r="D9677" s="6">
        <v>871.23009999999999</v>
      </c>
      <c r="E9677" s="6">
        <v>1309.251</v>
      </c>
    </row>
    <row r="9678" spans="4:5" x14ac:dyDescent="0.25">
      <c r="D9678" s="6">
        <v>638.29229999999995</v>
      </c>
      <c r="E9678" s="6">
        <v>506.25439999999998</v>
      </c>
    </row>
    <row r="9679" spans="4:5" x14ac:dyDescent="0.25">
      <c r="D9679" s="6">
        <v>3243.2660000000001</v>
      </c>
      <c r="E9679" s="6">
        <v>1267.796</v>
      </c>
    </row>
    <row r="9680" spans="4:5" x14ac:dyDescent="0.25">
      <c r="D9680" s="6">
        <v>899</v>
      </c>
      <c r="E9680" s="6">
        <v>539.1404</v>
      </c>
    </row>
    <row r="9681" spans="4:5" x14ac:dyDescent="0.25">
      <c r="D9681" s="6">
        <v>873.10569999999996</v>
      </c>
      <c r="E9681" s="6">
        <v>1012.663</v>
      </c>
    </row>
    <row r="9682" spans="4:5" x14ac:dyDescent="0.25">
      <c r="D9682" s="6">
        <v>421.30239999999998</v>
      </c>
      <c r="E9682" s="6">
        <v>2630.5</v>
      </c>
    </row>
    <row r="9683" spans="4:5" x14ac:dyDescent="0.25">
      <c r="D9683" s="6">
        <v>953.26990000000001</v>
      </c>
      <c r="E9683" s="6">
        <v>705.91369999999995</v>
      </c>
    </row>
    <row r="9684" spans="4:5" x14ac:dyDescent="0.25">
      <c r="D9684" s="6">
        <v>1101.259</v>
      </c>
      <c r="E9684" s="6">
        <v>907.47630000000004</v>
      </c>
    </row>
    <row r="9685" spans="4:5" x14ac:dyDescent="0.25">
      <c r="D9685" s="6">
        <v>817.47450000000003</v>
      </c>
      <c r="E9685" s="6">
        <v>527.20650000000001</v>
      </c>
    </row>
    <row r="9686" spans="4:5" x14ac:dyDescent="0.25">
      <c r="D9686" s="6">
        <v>1258.2860000000001</v>
      </c>
      <c r="E9686" s="6">
        <v>717.26880000000006</v>
      </c>
    </row>
    <row r="9687" spans="4:5" x14ac:dyDescent="0.25">
      <c r="D9687" s="6">
        <v>1558.337</v>
      </c>
      <c r="E9687" s="6">
        <v>4365.5209999999997</v>
      </c>
    </row>
    <row r="9688" spans="4:5" x14ac:dyDescent="0.25">
      <c r="D9688" s="6">
        <v>799.54290000000003</v>
      </c>
      <c r="E9688" s="6">
        <v>6257.77</v>
      </c>
    </row>
    <row r="9689" spans="4:5" x14ac:dyDescent="0.25">
      <c r="D9689" s="6">
        <v>1121.0909999999999</v>
      </c>
      <c r="E9689" s="6">
        <v>1201.5150000000001</v>
      </c>
    </row>
    <row r="9690" spans="4:5" x14ac:dyDescent="0.25">
      <c r="D9690" s="6">
        <v>1716.663</v>
      </c>
      <c r="E9690" s="6">
        <v>2237.739</v>
      </c>
    </row>
    <row r="9691" spans="4:5" x14ac:dyDescent="0.25">
      <c r="D9691" s="6">
        <v>1407.646</v>
      </c>
      <c r="E9691" s="6">
        <v>1329.1579999999999</v>
      </c>
    </row>
    <row r="9692" spans="4:5" x14ac:dyDescent="0.25">
      <c r="D9692" s="6">
        <v>732.94470000000001</v>
      </c>
      <c r="E9692" s="6">
        <v>444.03989999999999</v>
      </c>
    </row>
    <row r="9693" spans="4:5" x14ac:dyDescent="0.25">
      <c r="D9693" s="6">
        <v>4199.223</v>
      </c>
      <c r="E9693" s="6">
        <v>574.899</v>
      </c>
    </row>
    <row r="9694" spans="4:5" x14ac:dyDescent="0.25">
      <c r="D9694" s="6">
        <v>497.87819999999999</v>
      </c>
      <c r="E9694" s="6">
        <v>3138.8470000000002</v>
      </c>
    </row>
    <row r="9695" spans="4:5" x14ac:dyDescent="0.25">
      <c r="D9695" s="6">
        <v>5092.5990000000002</v>
      </c>
      <c r="E9695" s="6">
        <v>1450.038</v>
      </c>
    </row>
    <row r="9696" spans="4:5" x14ac:dyDescent="0.25">
      <c r="D9696" s="6">
        <v>727.12710000000004</v>
      </c>
      <c r="E9696" s="6">
        <v>1301.8309999999999</v>
      </c>
    </row>
    <row r="9697" spans="4:5" x14ac:dyDescent="0.25">
      <c r="D9697" s="6">
        <v>5898.7370000000001</v>
      </c>
      <c r="E9697" s="6">
        <v>2895.6410000000001</v>
      </c>
    </row>
    <row r="9698" spans="4:5" x14ac:dyDescent="0.25">
      <c r="D9698" s="6">
        <v>558.97940000000006</v>
      </c>
      <c r="E9698" s="6">
        <v>493.36439999999999</v>
      </c>
    </row>
    <row r="9699" spans="4:5" x14ac:dyDescent="0.25">
      <c r="D9699" s="6">
        <v>544.97040000000004</v>
      </c>
      <c r="E9699" s="6">
        <v>1007.5940000000001</v>
      </c>
    </row>
    <row r="9700" spans="4:5" x14ac:dyDescent="0.25">
      <c r="D9700" s="6">
        <v>658.45270000000005</v>
      </c>
      <c r="E9700" s="6">
        <v>435.44639999999998</v>
      </c>
    </row>
    <row r="9701" spans="4:5" x14ac:dyDescent="0.25">
      <c r="D9701" s="6">
        <v>627.43320000000006</v>
      </c>
      <c r="E9701" s="6">
        <v>994.58669999999995</v>
      </c>
    </row>
    <row r="9702" spans="4:5" x14ac:dyDescent="0.25">
      <c r="D9702" s="6">
        <v>5380.3329999999996</v>
      </c>
      <c r="E9702" s="6">
        <v>700.03629999999998</v>
      </c>
    </row>
    <row r="9703" spans="4:5" x14ac:dyDescent="0.25">
      <c r="D9703" s="6">
        <v>496.32420000000002</v>
      </c>
      <c r="E9703" s="6">
        <v>614.14250000000004</v>
      </c>
    </row>
    <row r="9704" spans="4:5" x14ac:dyDescent="0.25">
      <c r="D9704" s="6">
        <v>1556.3230000000001</v>
      </c>
      <c r="E9704" s="6">
        <v>567.39840000000004</v>
      </c>
    </row>
    <row r="9705" spans="4:5" x14ac:dyDescent="0.25">
      <c r="D9705" s="6">
        <v>4404.5140000000001</v>
      </c>
      <c r="E9705" s="6">
        <v>1092.894</v>
      </c>
    </row>
    <row r="9706" spans="4:5" x14ac:dyDescent="0.25">
      <c r="D9706" s="6">
        <v>3049.9</v>
      </c>
      <c r="E9706" s="6">
        <v>835.10530000000006</v>
      </c>
    </row>
    <row r="9707" spans="4:5" x14ac:dyDescent="0.25">
      <c r="D9707" s="6">
        <v>2617.5210000000002</v>
      </c>
      <c r="E9707" s="6">
        <v>1659.8610000000001</v>
      </c>
    </row>
    <row r="9708" spans="4:5" x14ac:dyDescent="0.25">
      <c r="D9708" s="6">
        <v>565.95550000000003</v>
      </c>
      <c r="E9708" s="6">
        <v>562.48199999999997</v>
      </c>
    </row>
    <row r="9709" spans="4:5" x14ac:dyDescent="0.25">
      <c r="D9709" s="6">
        <v>510.19959999999998</v>
      </c>
      <c r="E9709" s="6">
        <v>1220.99</v>
      </c>
    </row>
    <row r="9710" spans="4:5" x14ac:dyDescent="0.25">
      <c r="D9710" s="6">
        <v>2736.4119999999998</v>
      </c>
      <c r="E9710" s="6">
        <v>1325.5840000000001</v>
      </c>
    </row>
    <row r="9711" spans="4:5" x14ac:dyDescent="0.25">
      <c r="D9711" s="6">
        <v>545.24710000000005</v>
      </c>
      <c r="E9711" s="6">
        <v>4111.7420000000002</v>
      </c>
    </row>
    <row r="9712" spans="4:5" x14ac:dyDescent="0.25">
      <c r="D9712" s="6">
        <v>2612.0360000000001</v>
      </c>
      <c r="E9712" s="6">
        <v>3350</v>
      </c>
    </row>
    <row r="9713" spans="4:5" x14ac:dyDescent="0.25">
      <c r="D9713" s="6">
        <v>889.65639999999996</v>
      </c>
      <c r="E9713" s="6">
        <v>885.37429999999995</v>
      </c>
    </row>
    <row r="9714" spans="4:5" x14ac:dyDescent="0.25">
      <c r="D9714" s="6">
        <v>504.54140000000001</v>
      </c>
      <c r="E9714" s="6">
        <v>2706.7660000000001</v>
      </c>
    </row>
    <row r="9715" spans="4:5" x14ac:dyDescent="0.25">
      <c r="D9715" s="6">
        <v>525.74549999999999</v>
      </c>
      <c r="E9715" s="6">
        <v>1082.4949999999999</v>
      </c>
    </row>
    <row r="9716" spans="4:5" x14ac:dyDescent="0.25">
      <c r="D9716" s="6">
        <v>780.5806</v>
      </c>
      <c r="E9716" s="6">
        <v>1833.673</v>
      </c>
    </row>
    <row r="9717" spans="4:5" x14ac:dyDescent="0.25">
      <c r="D9717" s="6">
        <v>941.01959999999997</v>
      </c>
      <c r="E9717" s="6">
        <v>554.87360000000001</v>
      </c>
    </row>
    <row r="9718" spans="4:5" x14ac:dyDescent="0.25">
      <c r="D9718" s="6">
        <v>599.76189999999997</v>
      </c>
      <c r="E9718" s="6">
        <v>1097.0830000000001</v>
      </c>
    </row>
    <row r="9719" spans="4:5" x14ac:dyDescent="0.25">
      <c r="D9719" s="6">
        <v>2089.1790000000001</v>
      </c>
      <c r="E9719" s="6">
        <v>1446.0509999999999</v>
      </c>
    </row>
    <row r="9720" spans="4:5" x14ac:dyDescent="0.25">
      <c r="D9720" s="6">
        <v>574.85649999999998</v>
      </c>
      <c r="E9720" s="6">
        <v>1056.4870000000001</v>
      </c>
    </row>
    <row r="9721" spans="4:5" x14ac:dyDescent="0.25">
      <c r="D9721" s="6">
        <v>1303.76</v>
      </c>
      <c r="E9721" s="6">
        <v>1196.5889999999999</v>
      </c>
    </row>
    <row r="9722" spans="4:5" x14ac:dyDescent="0.25">
      <c r="D9722" s="6">
        <v>494.00580000000002</v>
      </c>
      <c r="E9722" s="6">
        <v>508.32069999999999</v>
      </c>
    </row>
    <row r="9723" spans="4:5" x14ac:dyDescent="0.25">
      <c r="D9723" s="6">
        <v>1316.6590000000001</v>
      </c>
      <c r="E9723" s="6">
        <v>914.12850000000003</v>
      </c>
    </row>
    <row r="9724" spans="4:5" x14ac:dyDescent="0.25">
      <c r="D9724" s="6">
        <v>735.55909999999994</v>
      </c>
      <c r="E9724" s="6">
        <v>545.71889999999996</v>
      </c>
    </row>
    <row r="9725" spans="4:5" x14ac:dyDescent="0.25">
      <c r="D9725" s="6">
        <v>503.90260000000001</v>
      </c>
      <c r="E9725" s="6">
        <v>1079.749</v>
      </c>
    </row>
    <row r="9726" spans="4:5" x14ac:dyDescent="0.25">
      <c r="D9726" s="6">
        <v>1315.586</v>
      </c>
      <c r="E9726" s="6">
        <v>2157.482</v>
      </c>
    </row>
    <row r="9727" spans="4:5" x14ac:dyDescent="0.25">
      <c r="D9727" s="6">
        <v>1622.1320000000001</v>
      </c>
      <c r="E9727" s="6">
        <v>700.36890000000005</v>
      </c>
    </row>
    <row r="9728" spans="4:5" x14ac:dyDescent="0.25">
      <c r="D9728" s="6">
        <v>879.36239999999998</v>
      </c>
      <c r="E9728" s="6">
        <v>5341.7560000000003</v>
      </c>
    </row>
    <row r="9729" spans="4:5" x14ac:dyDescent="0.25">
      <c r="D9729" s="6">
        <v>960.63829999999996</v>
      </c>
      <c r="E9729" s="6">
        <v>2996.0030000000002</v>
      </c>
    </row>
    <row r="9730" spans="4:5" x14ac:dyDescent="0.25">
      <c r="D9730" s="6">
        <v>4250.5640000000003</v>
      </c>
      <c r="E9730" s="6">
        <v>2785.51</v>
      </c>
    </row>
    <row r="9731" spans="4:5" x14ac:dyDescent="0.25">
      <c r="D9731" s="6">
        <v>1135.97</v>
      </c>
      <c r="E9731" s="6">
        <v>1432.8320000000001</v>
      </c>
    </row>
    <row r="9732" spans="4:5" x14ac:dyDescent="0.25">
      <c r="D9732" s="6">
        <v>1192.5060000000001</v>
      </c>
      <c r="E9732" s="6">
        <v>3393.4740000000002</v>
      </c>
    </row>
    <row r="9733" spans="4:5" x14ac:dyDescent="0.25">
      <c r="D9733" s="6">
        <v>1080.3309999999999</v>
      </c>
      <c r="E9733" s="6">
        <v>2720.7939999999999</v>
      </c>
    </row>
    <row r="9734" spans="4:5" x14ac:dyDescent="0.25">
      <c r="D9734" s="6">
        <v>866.64459999999997</v>
      </c>
      <c r="E9734" s="6">
        <v>734.76599999999996</v>
      </c>
    </row>
    <row r="9735" spans="4:5" x14ac:dyDescent="0.25">
      <c r="D9735" s="6">
        <v>3398.0830000000001</v>
      </c>
      <c r="E9735" s="6">
        <v>1042.96</v>
      </c>
    </row>
    <row r="9736" spans="4:5" x14ac:dyDescent="0.25">
      <c r="D9736" s="6">
        <v>2723.45</v>
      </c>
      <c r="E9736" s="6">
        <v>883.11410000000001</v>
      </c>
    </row>
    <row r="9737" spans="4:5" x14ac:dyDescent="0.25">
      <c r="D9737" s="6">
        <v>1958.221</v>
      </c>
      <c r="E9737" s="6">
        <v>614.8777</v>
      </c>
    </row>
    <row r="9738" spans="4:5" x14ac:dyDescent="0.25">
      <c r="D9738" s="6">
        <v>541.19119999999998</v>
      </c>
      <c r="E9738" s="6">
        <v>1941.2629999999999</v>
      </c>
    </row>
    <row r="9739" spans="4:5" x14ac:dyDescent="0.25">
      <c r="D9739" s="6">
        <v>1315.646</v>
      </c>
      <c r="E9739" s="6">
        <v>2531.221</v>
      </c>
    </row>
    <row r="9740" spans="4:5" x14ac:dyDescent="0.25">
      <c r="D9740" s="6">
        <v>7123.5910000000003</v>
      </c>
      <c r="E9740" s="6">
        <v>2978.33</v>
      </c>
    </row>
    <row r="9741" spans="4:5" x14ac:dyDescent="0.25">
      <c r="D9741" s="6">
        <v>669.00570000000005</v>
      </c>
      <c r="E9741" s="6">
        <v>1181.202</v>
      </c>
    </row>
    <row r="9742" spans="4:5" x14ac:dyDescent="0.25">
      <c r="D9742" s="6">
        <v>472.4332</v>
      </c>
      <c r="E9742" s="6">
        <v>1554.9639999999999</v>
      </c>
    </row>
    <row r="9743" spans="4:5" x14ac:dyDescent="0.25">
      <c r="D9743" s="6">
        <v>3318.6149999999998</v>
      </c>
      <c r="E9743" s="6">
        <v>1013.952</v>
      </c>
    </row>
    <row r="9744" spans="4:5" x14ac:dyDescent="0.25">
      <c r="D9744" s="6">
        <v>2616.1039999999998</v>
      </c>
      <c r="E9744" s="6">
        <v>1448.643</v>
      </c>
    </row>
    <row r="9745" spans="4:5" x14ac:dyDescent="0.25">
      <c r="D9745" s="6">
        <v>1547.3610000000001</v>
      </c>
      <c r="E9745" s="6">
        <v>979.15110000000004</v>
      </c>
    </row>
    <row r="9746" spans="4:5" x14ac:dyDescent="0.25">
      <c r="D9746" s="6">
        <v>604.94770000000005</v>
      </c>
      <c r="E9746" s="6">
        <v>1592.896</v>
      </c>
    </row>
    <row r="9747" spans="4:5" x14ac:dyDescent="0.25">
      <c r="D9747" s="6">
        <v>2627.8009999999999</v>
      </c>
      <c r="E9747" s="6">
        <v>2078.1010000000001</v>
      </c>
    </row>
    <row r="9748" spans="4:5" x14ac:dyDescent="0.25">
      <c r="D9748" s="6">
        <v>487.15320000000003</v>
      </c>
      <c r="E9748" s="6">
        <v>732.15880000000004</v>
      </c>
    </row>
    <row r="9749" spans="4:5" x14ac:dyDescent="0.25">
      <c r="D9749" s="6">
        <v>569.42449999999997</v>
      </c>
      <c r="E9749" s="6">
        <v>653.93960000000004</v>
      </c>
    </row>
    <row r="9750" spans="4:5" x14ac:dyDescent="0.25">
      <c r="D9750" s="6">
        <v>4384.4399999999996</v>
      </c>
      <c r="E9750" s="6">
        <v>891.9837</v>
      </c>
    </row>
    <row r="9751" spans="4:5" x14ac:dyDescent="0.25">
      <c r="D9751" s="6">
        <v>4558.4350000000004</v>
      </c>
      <c r="E9751" s="6">
        <v>877.61869999999999</v>
      </c>
    </row>
    <row r="9752" spans="4:5" x14ac:dyDescent="0.25">
      <c r="D9752" s="6">
        <v>4665</v>
      </c>
      <c r="E9752" s="6">
        <v>739.13610000000006</v>
      </c>
    </row>
    <row r="9753" spans="4:5" x14ac:dyDescent="0.25">
      <c r="D9753" s="6">
        <v>710.10450000000003</v>
      </c>
      <c r="E9753" s="6">
        <v>4615.5609999999997</v>
      </c>
    </row>
    <row r="9754" spans="4:5" x14ac:dyDescent="0.25">
      <c r="D9754" s="6">
        <v>3630.1930000000002</v>
      </c>
      <c r="E9754" s="6">
        <v>443.839</v>
      </c>
    </row>
    <row r="9755" spans="4:5" x14ac:dyDescent="0.25">
      <c r="D9755" s="6">
        <v>470.78769999999997</v>
      </c>
      <c r="E9755" s="6">
        <v>1012.13</v>
      </c>
    </row>
    <row r="9756" spans="4:5" x14ac:dyDescent="0.25">
      <c r="D9756" s="6">
        <v>5147.8869999999997</v>
      </c>
      <c r="E9756" s="6">
        <v>513.5</v>
      </c>
    </row>
    <row r="9757" spans="4:5" x14ac:dyDescent="0.25">
      <c r="D9757" s="6">
        <v>904.00750000000005</v>
      </c>
      <c r="E9757" s="6">
        <v>1025.4459999999999</v>
      </c>
    </row>
    <row r="9758" spans="4:5" x14ac:dyDescent="0.25">
      <c r="D9758" s="6">
        <v>4267.95</v>
      </c>
      <c r="E9758" s="6">
        <v>2717.5239999999999</v>
      </c>
    </row>
    <row r="9759" spans="4:5" x14ac:dyDescent="0.25">
      <c r="D9759" s="6">
        <v>4506.3159999999998</v>
      </c>
      <c r="E9759" s="6">
        <v>1794.877</v>
      </c>
    </row>
    <row r="9760" spans="4:5" x14ac:dyDescent="0.25">
      <c r="D9760" s="6">
        <v>1114.7439999999999</v>
      </c>
      <c r="E9760" s="6">
        <v>1385.973</v>
      </c>
    </row>
    <row r="9761" spans="4:5" x14ac:dyDescent="0.25">
      <c r="D9761" s="6">
        <v>1245.77</v>
      </c>
      <c r="E9761" s="6">
        <v>1029.732</v>
      </c>
    </row>
    <row r="9762" spans="4:5" x14ac:dyDescent="0.25">
      <c r="D9762" s="6">
        <v>5539.8270000000002</v>
      </c>
      <c r="E9762" s="6">
        <v>635.33140000000003</v>
      </c>
    </row>
    <row r="9763" spans="4:5" x14ac:dyDescent="0.25">
      <c r="D9763" s="6">
        <v>1141.6110000000001</v>
      </c>
      <c r="E9763" s="6">
        <v>2278.7069999999999</v>
      </c>
    </row>
    <row r="9764" spans="4:5" x14ac:dyDescent="0.25">
      <c r="D9764" s="6">
        <v>801.68309999999997</v>
      </c>
      <c r="E9764" s="6">
        <v>3157.9789999999998</v>
      </c>
    </row>
    <row r="9765" spans="4:5" x14ac:dyDescent="0.25">
      <c r="D9765" s="6">
        <v>998.92499999999995</v>
      </c>
      <c r="E9765" s="6">
        <v>550.29700000000003</v>
      </c>
    </row>
    <row r="9766" spans="4:5" x14ac:dyDescent="0.25">
      <c r="D9766" s="6">
        <v>819.56659999999999</v>
      </c>
      <c r="E9766" s="6">
        <v>856.54549999999995</v>
      </c>
    </row>
    <row r="9767" spans="4:5" x14ac:dyDescent="0.25">
      <c r="D9767" s="6">
        <v>3638.9650000000001</v>
      </c>
      <c r="E9767" s="6">
        <v>2464.6590000000001</v>
      </c>
    </row>
    <row r="9768" spans="4:5" x14ac:dyDescent="0.25">
      <c r="D9768" s="6">
        <v>795.50409999999999</v>
      </c>
      <c r="E9768" s="6">
        <v>606.65290000000005</v>
      </c>
    </row>
    <row r="9769" spans="4:5" x14ac:dyDescent="0.25">
      <c r="D9769" s="6">
        <v>4041.8560000000002</v>
      </c>
      <c r="E9769" s="6">
        <v>4220.9750000000004</v>
      </c>
    </row>
    <row r="9770" spans="4:5" x14ac:dyDescent="0.25">
      <c r="D9770" s="6">
        <v>455.45549999999997</v>
      </c>
      <c r="E9770" s="6">
        <v>441.2396</v>
      </c>
    </row>
    <row r="9771" spans="4:5" x14ac:dyDescent="0.25">
      <c r="D9771" s="6">
        <v>478.72190000000001</v>
      </c>
      <c r="E9771" s="6">
        <v>652.84370000000001</v>
      </c>
    </row>
    <row r="9772" spans="4:5" x14ac:dyDescent="0.25">
      <c r="D9772" s="6">
        <v>5017.4170000000004</v>
      </c>
      <c r="E9772" s="6">
        <v>1101.7629999999999</v>
      </c>
    </row>
    <row r="9773" spans="4:5" x14ac:dyDescent="0.25">
      <c r="D9773" s="6">
        <v>689.84540000000004</v>
      </c>
      <c r="E9773" s="6">
        <v>1156.19</v>
      </c>
    </row>
    <row r="9774" spans="4:5" x14ac:dyDescent="0.25">
      <c r="D9774" s="6">
        <v>832.07429999999999</v>
      </c>
      <c r="E9774" s="6">
        <v>944.78489999999999</v>
      </c>
    </row>
    <row r="9775" spans="4:5" x14ac:dyDescent="0.25">
      <c r="D9775" s="6">
        <v>3470.9250000000002</v>
      </c>
      <c r="E9775" s="6">
        <v>512.02930000000003</v>
      </c>
    </row>
    <row r="9776" spans="4:5" x14ac:dyDescent="0.25">
      <c r="D9776" s="6">
        <v>484.33530000000002</v>
      </c>
      <c r="E9776" s="6">
        <v>1959.6189999999999</v>
      </c>
    </row>
    <row r="9777" spans="4:5" x14ac:dyDescent="0.25">
      <c r="D9777" s="6">
        <v>1163.01</v>
      </c>
      <c r="E9777" s="6">
        <v>2949.7689999999998</v>
      </c>
    </row>
    <row r="9778" spans="4:5" x14ac:dyDescent="0.25">
      <c r="D9778" s="6">
        <v>1434.069</v>
      </c>
      <c r="E9778" s="6">
        <v>586.50800000000004</v>
      </c>
    </row>
    <row r="9779" spans="4:5" x14ac:dyDescent="0.25">
      <c r="D9779" s="6">
        <v>1262.2660000000001</v>
      </c>
      <c r="E9779" s="6">
        <v>2973.43</v>
      </c>
    </row>
    <row r="9780" spans="4:5" x14ac:dyDescent="0.25">
      <c r="D9780" s="6">
        <v>1133.181</v>
      </c>
      <c r="E9780" s="6">
        <v>828.86</v>
      </c>
    </row>
    <row r="9781" spans="4:5" x14ac:dyDescent="0.25">
      <c r="D9781" s="6">
        <v>556.92049999999995</v>
      </c>
      <c r="E9781" s="6">
        <v>1756.3330000000001</v>
      </c>
    </row>
    <row r="9782" spans="4:5" x14ac:dyDescent="0.25">
      <c r="D9782" s="6">
        <v>1033.5889999999999</v>
      </c>
      <c r="E9782" s="6">
        <v>879.07249999999999</v>
      </c>
    </row>
    <row r="9783" spans="4:5" x14ac:dyDescent="0.25">
      <c r="D9783" s="6">
        <v>693.66840000000002</v>
      </c>
      <c r="E9783" s="6">
        <v>3919.8359999999998</v>
      </c>
    </row>
    <row r="9784" spans="4:5" x14ac:dyDescent="0.25">
      <c r="D9784" s="6">
        <v>1908.7729999999999</v>
      </c>
      <c r="E9784" s="6">
        <v>1391.7080000000001</v>
      </c>
    </row>
    <row r="9785" spans="4:5" x14ac:dyDescent="0.25">
      <c r="D9785" s="6">
        <v>1294.3409999999999</v>
      </c>
      <c r="E9785" s="6">
        <v>2290.21</v>
      </c>
    </row>
    <row r="9786" spans="4:5" x14ac:dyDescent="0.25">
      <c r="D9786" s="6">
        <v>1079.877</v>
      </c>
      <c r="E9786" s="6">
        <v>3828.7869999999998</v>
      </c>
    </row>
    <row r="9787" spans="4:5" x14ac:dyDescent="0.25">
      <c r="D9787" s="6">
        <v>695.22789999999998</v>
      </c>
      <c r="E9787" s="6">
        <v>1097.354</v>
      </c>
    </row>
    <row r="9788" spans="4:5" x14ac:dyDescent="0.25">
      <c r="D9788" s="6">
        <v>611.83929999999998</v>
      </c>
      <c r="E9788" s="6">
        <v>643.70140000000004</v>
      </c>
    </row>
    <row r="9789" spans="4:5" x14ac:dyDescent="0.25">
      <c r="D9789" s="6">
        <v>1028.326</v>
      </c>
      <c r="E9789" s="6">
        <v>884.74549999999999</v>
      </c>
    </row>
    <row r="9790" spans="4:5" x14ac:dyDescent="0.25">
      <c r="D9790" s="6">
        <v>647.33330000000001</v>
      </c>
      <c r="E9790" s="6">
        <v>3672.0189999999998</v>
      </c>
    </row>
    <row r="9791" spans="4:5" x14ac:dyDescent="0.25">
      <c r="D9791" s="6">
        <v>1759.1859999999999</v>
      </c>
      <c r="E9791" s="6">
        <v>515.07249999999999</v>
      </c>
    </row>
    <row r="9792" spans="4:5" x14ac:dyDescent="0.25">
      <c r="D9792" s="6">
        <v>1457</v>
      </c>
      <c r="E9792" s="6">
        <v>1469.55</v>
      </c>
    </row>
    <row r="9793" spans="4:5" x14ac:dyDescent="0.25">
      <c r="D9793" s="6">
        <v>532.94600000000003</v>
      </c>
      <c r="E9793" s="6">
        <v>2919.65</v>
      </c>
    </row>
    <row r="9794" spans="4:5" x14ac:dyDescent="0.25">
      <c r="D9794" s="6">
        <v>3272.819</v>
      </c>
      <c r="E9794" s="6">
        <v>3005.116</v>
      </c>
    </row>
    <row r="9795" spans="4:5" x14ac:dyDescent="0.25">
      <c r="D9795" s="6">
        <v>5419.1009999999997</v>
      </c>
      <c r="E9795" s="6">
        <v>2585.2579999999998</v>
      </c>
    </row>
    <row r="9796" spans="4:5" x14ac:dyDescent="0.25">
      <c r="D9796" s="6">
        <v>681.03399999999999</v>
      </c>
      <c r="E9796" s="6">
        <v>587.048</v>
      </c>
    </row>
    <row r="9797" spans="4:5" x14ac:dyDescent="0.25">
      <c r="D9797" s="6">
        <v>1370.5809999999999</v>
      </c>
      <c r="E9797" s="6">
        <v>1007.82</v>
      </c>
    </row>
    <row r="9798" spans="4:5" x14ac:dyDescent="0.25">
      <c r="D9798" s="6">
        <v>672.78970000000004</v>
      </c>
      <c r="E9798" s="6">
        <v>3695.3850000000002</v>
      </c>
    </row>
    <row r="9799" spans="4:5" x14ac:dyDescent="0.25">
      <c r="D9799" s="6">
        <v>512.29250000000002</v>
      </c>
      <c r="E9799" s="6">
        <v>514.72919999999999</v>
      </c>
    </row>
    <row r="9800" spans="4:5" x14ac:dyDescent="0.25">
      <c r="D9800" s="6">
        <v>3852.6669999999999</v>
      </c>
      <c r="E9800" s="6">
        <v>488.15719999999999</v>
      </c>
    </row>
    <row r="9801" spans="4:5" x14ac:dyDescent="0.25">
      <c r="D9801" s="6">
        <v>996.74680000000001</v>
      </c>
      <c r="E9801" s="6">
        <v>949.81150000000002</v>
      </c>
    </row>
    <row r="9802" spans="4:5" x14ac:dyDescent="0.25">
      <c r="D9802" s="6">
        <v>728.3655</v>
      </c>
      <c r="E9802" s="6">
        <v>541.25729999999999</v>
      </c>
    </row>
    <row r="9803" spans="4:5" x14ac:dyDescent="0.25">
      <c r="D9803" s="6">
        <v>2834.1260000000002</v>
      </c>
      <c r="E9803" s="6">
        <v>625.15819999999997</v>
      </c>
    </row>
    <row r="9804" spans="4:5" x14ac:dyDescent="0.25">
      <c r="D9804" s="6">
        <v>3904.373</v>
      </c>
      <c r="E9804" s="6">
        <v>1783.2950000000001</v>
      </c>
    </row>
    <row r="9805" spans="4:5" x14ac:dyDescent="0.25">
      <c r="D9805" s="6">
        <v>4936.915</v>
      </c>
      <c r="E9805" s="6">
        <v>794.24630000000002</v>
      </c>
    </row>
    <row r="9806" spans="4:5" x14ac:dyDescent="0.25">
      <c r="D9806" s="6">
        <v>2124.2330000000002</v>
      </c>
      <c r="E9806" s="6">
        <v>872.44870000000003</v>
      </c>
    </row>
    <row r="9807" spans="4:5" x14ac:dyDescent="0.25">
      <c r="D9807" s="6">
        <v>1226.7919999999999</v>
      </c>
      <c r="E9807" s="6">
        <v>1640.3610000000001</v>
      </c>
    </row>
    <row r="9808" spans="4:5" x14ac:dyDescent="0.25">
      <c r="D9808" s="6">
        <v>4595.9089999999997</v>
      </c>
      <c r="E9808" s="6">
        <v>3296.89</v>
      </c>
    </row>
    <row r="9809" spans="4:5" x14ac:dyDescent="0.25">
      <c r="D9809" s="6">
        <v>1315.529</v>
      </c>
      <c r="E9809" s="6">
        <v>952.8</v>
      </c>
    </row>
    <row r="9810" spans="4:5" x14ac:dyDescent="0.25">
      <c r="D9810" s="6">
        <v>1682.395</v>
      </c>
      <c r="E9810" s="6">
        <v>3867.05</v>
      </c>
    </row>
    <row r="9811" spans="4:5" x14ac:dyDescent="0.25">
      <c r="D9811" s="6">
        <v>1040.6279999999999</v>
      </c>
      <c r="E9811" s="6">
        <v>825.35550000000001</v>
      </c>
    </row>
    <row r="9812" spans="4:5" x14ac:dyDescent="0.25">
      <c r="D9812" s="6">
        <v>638.99680000000001</v>
      </c>
      <c r="E9812" s="6">
        <v>1099.9459999999999</v>
      </c>
    </row>
    <row r="9813" spans="4:5" x14ac:dyDescent="0.25">
      <c r="D9813" s="6">
        <v>3074.1790000000001</v>
      </c>
      <c r="E9813" s="6">
        <v>3039.491</v>
      </c>
    </row>
    <row r="9814" spans="4:5" x14ac:dyDescent="0.25">
      <c r="D9814" s="6">
        <v>10128.02</v>
      </c>
      <c r="E9814" s="6">
        <v>468.56279999999998</v>
      </c>
    </row>
    <row r="9815" spans="4:5" x14ac:dyDescent="0.25">
      <c r="D9815" s="6">
        <v>1777.105</v>
      </c>
      <c r="E9815" s="6">
        <v>741.15729999999996</v>
      </c>
    </row>
    <row r="9816" spans="4:5" x14ac:dyDescent="0.25">
      <c r="D9816" s="6">
        <v>595.04999999999995</v>
      </c>
      <c r="E9816" s="6">
        <v>2365.5070000000001</v>
      </c>
    </row>
    <row r="9817" spans="4:5" x14ac:dyDescent="0.25">
      <c r="D9817" s="6">
        <v>1475.5029999999999</v>
      </c>
      <c r="E9817" s="6">
        <v>642.50530000000003</v>
      </c>
    </row>
    <row r="9818" spans="4:5" x14ac:dyDescent="0.25">
      <c r="D9818" s="6">
        <v>451.49259999999998</v>
      </c>
      <c r="E9818" s="6">
        <v>948.48900000000003</v>
      </c>
    </row>
    <row r="9819" spans="4:5" x14ac:dyDescent="0.25">
      <c r="D9819" s="6">
        <v>3132.3440000000001</v>
      </c>
      <c r="E9819" s="6">
        <v>3673.3490000000002</v>
      </c>
    </row>
    <row r="9820" spans="4:5" x14ac:dyDescent="0.25">
      <c r="D9820" s="6">
        <v>5883.1459999999997</v>
      </c>
      <c r="E9820" s="6">
        <v>508.77699999999999</v>
      </c>
    </row>
    <row r="9821" spans="4:5" x14ac:dyDescent="0.25">
      <c r="D9821" s="6">
        <v>3550.7710000000002</v>
      </c>
      <c r="E9821" s="6">
        <v>1230.672</v>
      </c>
    </row>
    <row r="9822" spans="4:5" x14ac:dyDescent="0.25">
      <c r="D9822" s="6">
        <v>476.42180000000002</v>
      </c>
      <c r="E9822" s="6">
        <v>769.8981</v>
      </c>
    </row>
    <row r="9823" spans="4:5" x14ac:dyDescent="0.25">
      <c r="D9823" s="6">
        <v>4159.7219999999998</v>
      </c>
      <c r="E9823" s="6">
        <v>615.4153</v>
      </c>
    </row>
    <row r="9824" spans="4:5" x14ac:dyDescent="0.25">
      <c r="D9824" s="6">
        <v>1458.181</v>
      </c>
      <c r="E9824" s="6">
        <v>5573.7870000000003</v>
      </c>
    </row>
    <row r="9825" spans="4:5" x14ac:dyDescent="0.25">
      <c r="D9825" s="6">
        <v>1248.03</v>
      </c>
      <c r="E9825" s="6">
        <v>918.47429999999997</v>
      </c>
    </row>
    <row r="9826" spans="4:5" x14ac:dyDescent="0.25">
      <c r="D9826" s="6">
        <v>916.85559999999998</v>
      </c>
      <c r="E9826" s="6">
        <v>1235.7239999999999</v>
      </c>
    </row>
    <row r="9827" spans="4:5" x14ac:dyDescent="0.25">
      <c r="D9827" s="6">
        <v>2330.6039999999998</v>
      </c>
      <c r="E9827" s="6">
        <v>1234.2929999999999</v>
      </c>
    </row>
    <row r="9828" spans="4:5" x14ac:dyDescent="0.25">
      <c r="D9828" s="6">
        <v>575.971</v>
      </c>
      <c r="E9828" s="6">
        <v>447.35</v>
      </c>
    </row>
    <row r="9829" spans="4:5" x14ac:dyDescent="0.25">
      <c r="D9829" s="6">
        <v>657.91480000000001</v>
      </c>
      <c r="E9829" s="6">
        <v>3390.9769999999999</v>
      </c>
    </row>
    <row r="9830" spans="4:5" x14ac:dyDescent="0.25">
      <c r="D9830" s="6">
        <v>663.79470000000003</v>
      </c>
      <c r="E9830" s="6">
        <v>939.41980000000001</v>
      </c>
    </row>
    <row r="9831" spans="4:5" x14ac:dyDescent="0.25">
      <c r="D9831" s="6">
        <v>1414.5820000000001</v>
      </c>
      <c r="E9831" s="6">
        <v>1290.4639999999999</v>
      </c>
    </row>
    <row r="9832" spans="4:5" x14ac:dyDescent="0.25">
      <c r="D9832" s="6">
        <v>1789.5650000000001</v>
      </c>
      <c r="E9832" s="6">
        <v>758.45410000000004</v>
      </c>
    </row>
    <row r="9833" spans="4:5" x14ac:dyDescent="0.25">
      <c r="D9833" s="6">
        <v>1367.249</v>
      </c>
      <c r="E9833" s="6">
        <v>3664.12</v>
      </c>
    </row>
    <row r="9834" spans="4:5" x14ac:dyDescent="0.25">
      <c r="D9834" s="6">
        <v>790.78959999999995</v>
      </c>
      <c r="E9834" s="6">
        <v>603.27419999999995</v>
      </c>
    </row>
    <row r="9835" spans="4:5" x14ac:dyDescent="0.25">
      <c r="D9835" s="6">
        <v>1244.6410000000001</v>
      </c>
      <c r="E9835" s="6">
        <v>9584.0509999999995</v>
      </c>
    </row>
    <row r="9836" spans="4:5" x14ac:dyDescent="0.25">
      <c r="D9836" s="6">
        <v>1423.2460000000001</v>
      </c>
      <c r="E9836" s="6">
        <v>2988.15</v>
      </c>
    </row>
    <row r="9837" spans="4:5" x14ac:dyDescent="0.25">
      <c r="D9837" s="6">
        <v>1242.9280000000001</v>
      </c>
      <c r="E9837" s="6">
        <v>3125.982</v>
      </c>
    </row>
    <row r="9838" spans="4:5" x14ac:dyDescent="0.25">
      <c r="D9838" s="6">
        <v>2271.328</v>
      </c>
      <c r="E9838" s="6">
        <v>1031.1569999999999</v>
      </c>
    </row>
    <row r="9839" spans="4:5" x14ac:dyDescent="0.25">
      <c r="D9839" s="6">
        <v>1512.393</v>
      </c>
      <c r="E9839" s="6">
        <v>1547.1510000000001</v>
      </c>
    </row>
    <row r="9840" spans="4:5" x14ac:dyDescent="0.25">
      <c r="D9840" s="6">
        <v>7704.1180000000004</v>
      </c>
      <c r="E9840" s="6">
        <v>560.64980000000003</v>
      </c>
    </row>
    <row r="9841" spans="4:5" x14ac:dyDescent="0.25">
      <c r="D9841" s="6">
        <v>1238.4059999999999</v>
      </c>
      <c r="E9841" s="6">
        <v>691.34630000000004</v>
      </c>
    </row>
    <row r="9842" spans="4:5" x14ac:dyDescent="0.25">
      <c r="D9842" s="6">
        <v>558.4135</v>
      </c>
      <c r="E9842" s="6">
        <v>1953.2059999999999</v>
      </c>
    </row>
    <row r="9843" spans="4:5" x14ac:dyDescent="0.25">
      <c r="D9843" s="6">
        <v>1266.8589999999999</v>
      </c>
      <c r="E9843" s="6">
        <v>1093.5630000000001</v>
      </c>
    </row>
    <row r="9844" spans="4:5" x14ac:dyDescent="0.25">
      <c r="D9844" s="6">
        <v>3570.3710000000001</v>
      </c>
      <c r="E9844" s="6">
        <v>1044.135</v>
      </c>
    </row>
    <row r="9845" spans="4:5" x14ac:dyDescent="0.25">
      <c r="D9845" s="6">
        <v>2047.097</v>
      </c>
      <c r="E9845" s="6">
        <v>1104.7829999999999</v>
      </c>
    </row>
    <row r="9846" spans="4:5" x14ac:dyDescent="0.25">
      <c r="D9846" s="6">
        <v>1435.2950000000001</v>
      </c>
      <c r="E9846" s="6">
        <v>888.21889999999996</v>
      </c>
    </row>
    <row r="9847" spans="4:5" x14ac:dyDescent="0.25">
      <c r="D9847" s="6">
        <v>5039.6059999999998</v>
      </c>
      <c r="E9847" s="6">
        <v>1307.4749999999999</v>
      </c>
    </row>
    <row r="9848" spans="4:5" x14ac:dyDescent="0.25">
      <c r="D9848" s="6">
        <v>919.48500000000001</v>
      </c>
      <c r="E9848" s="6">
        <v>838.31089999999995</v>
      </c>
    </row>
    <row r="9849" spans="4:5" x14ac:dyDescent="0.25">
      <c r="D9849" s="6">
        <v>632.67989999999998</v>
      </c>
      <c r="E9849" s="6">
        <v>1088.9169999999999</v>
      </c>
    </row>
    <row r="9850" spans="4:5" x14ac:dyDescent="0.25">
      <c r="D9850" s="6">
        <v>503.95670000000001</v>
      </c>
      <c r="E9850" s="6">
        <v>411.88959999999997</v>
      </c>
    </row>
    <row r="9851" spans="4:5" x14ac:dyDescent="0.25">
      <c r="D9851" s="6">
        <v>1432.162</v>
      </c>
      <c r="E9851" s="6">
        <v>862.83979999999997</v>
      </c>
    </row>
    <row r="9852" spans="4:5" x14ac:dyDescent="0.25">
      <c r="D9852" s="6">
        <v>1366.7380000000001</v>
      </c>
      <c r="E9852" s="6">
        <v>556.28240000000005</v>
      </c>
    </row>
    <row r="9853" spans="4:5" x14ac:dyDescent="0.25">
      <c r="D9853" s="6">
        <v>562.75279999999998</v>
      </c>
      <c r="E9853" s="6">
        <v>1004.9160000000001</v>
      </c>
    </row>
    <row r="9854" spans="4:5" x14ac:dyDescent="0.25">
      <c r="D9854" s="6">
        <v>1755.7139999999999</v>
      </c>
      <c r="E9854" s="6">
        <v>1393.9110000000001</v>
      </c>
    </row>
    <row r="9855" spans="4:5" x14ac:dyDescent="0.25">
      <c r="D9855" s="6">
        <v>382.6771</v>
      </c>
      <c r="E9855" s="6">
        <v>1314.0540000000001</v>
      </c>
    </row>
    <row r="9856" spans="4:5" x14ac:dyDescent="0.25">
      <c r="D9856" s="6">
        <v>2626.31</v>
      </c>
      <c r="E9856" s="6">
        <v>1357.7729999999999</v>
      </c>
    </row>
    <row r="9857" spans="4:5" x14ac:dyDescent="0.25">
      <c r="D9857" s="6">
        <v>702.51319999999998</v>
      </c>
      <c r="E9857" s="6">
        <v>2514.308</v>
      </c>
    </row>
    <row r="9858" spans="4:5" x14ac:dyDescent="0.25">
      <c r="D9858" s="6">
        <v>1613.0450000000001</v>
      </c>
      <c r="E9858" s="6">
        <v>714.4624</v>
      </c>
    </row>
    <row r="9859" spans="4:5" x14ac:dyDescent="0.25">
      <c r="D9859" s="6">
        <v>681.79859999999996</v>
      </c>
      <c r="E9859" s="6">
        <v>567</v>
      </c>
    </row>
    <row r="9860" spans="4:5" x14ac:dyDescent="0.25">
      <c r="D9860" s="6">
        <v>786.21270000000004</v>
      </c>
      <c r="E9860" s="6">
        <v>575.58360000000005</v>
      </c>
    </row>
    <row r="9861" spans="4:5" x14ac:dyDescent="0.25">
      <c r="D9861" s="6">
        <v>1575.5350000000001</v>
      </c>
      <c r="E9861" s="6">
        <v>1535.508</v>
      </c>
    </row>
    <row r="9862" spans="4:5" x14ac:dyDescent="0.25">
      <c r="D9862" s="6">
        <v>997.6857</v>
      </c>
      <c r="E9862" s="6">
        <v>2194.4650000000001</v>
      </c>
    </row>
    <row r="9863" spans="4:5" x14ac:dyDescent="0.25">
      <c r="D9863" s="6">
        <v>698.5</v>
      </c>
      <c r="E9863" s="6">
        <v>2832.0279999999998</v>
      </c>
    </row>
    <row r="9864" spans="4:5" x14ac:dyDescent="0.25">
      <c r="D9864" s="6">
        <v>1145.4580000000001</v>
      </c>
      <c r="E9864" s="6">
        <v>2928.0569999999998</v>
      </c>
    </row>
    <row r="9865" spans="4:5" x14ac:dyDescent="0.25">
      <c r="D9865" s="6">
        <v>1596.7829999999999</v>
      </c>
      <c r="E9865" s="6">
        <v>343.66669999999999</v>
      </c>
    </row>
    <row r="9866" spans="4:5" x14ac:dyDescent="0.25">
      <c r="D9866" s="6">
        <v>1307.53</v>
      </c>
      <c r="E9866" s="6">
        <v>3583.8090000000002</v>
      </c>
    </row>
    <row r="9867" spans="4:5" x14ac:dyDescent="0.25">
      <c r="D9867" s="6">
        <v>937.49210000000005</v>
      </c>
      <c r="E9867" s="6">
        <v>833.61800000000005</v>
      </c>
    </row>
    <row r="9868" spans="4:5" x14ac:dyDescent="0.25">
      <c r="D9868" s="6">
        <v>1452.598</v>
      </c>
      <c r="E9868" s="6">
        <v>1043.8510000000001</v>
      </c>
    </row>
    <row r="9869" spans="4:5" x14ac:dyDescent="0.25">
      <c r="D9869" s="6">
        <v>2061.027</v>
      </c>
      <c r="E9869" s="6">
        <v>1223.739</v>
      </c>
    </row>
    <row r="9870" spans="4:5" x14ac:dyDescent="0.25">
      <c r="D9870" s="6">
        <v>1597.3409999999999</v>
      </c>
      <c r="E9870" s="6">
        <v>579.55319999999995</v>
      </c>
    </row>
    <row r="9871" spans="4:5" x14ac:dyDescent="0.25">
      <c r="D9871" s="6">
        <v>2880.0540000000001</v>
      </c>
      <c r="E9871" s="6">
        <v>1314.2550000000001</v>
      </c>
    </row>
    <row r="9872" spans="4:5" x14ac:dyDescent="0.25">
      <c r="D9872" s="6">
        <v>594.01969999999994</v>
      </c>
      <c r="E9872" s="6">
        <v>1249.6099999999999</v>
      </c>
    </row>
    <row r="9873" spans="4:5" x14ac:dyDescent="0.25">
      <c r="D9873" s="6">
        <v>5642.165</v>
      </c>
      <c r="E9873" s="6">
        <v>573.43899999999996</v>
      </c>
    </row>
    <row r="9874" spans="4:5" x14ac:dyDescent="0.25">
      <c r="D9874" s="6">
        <v>735.48820000000001</v>
      </c>
      <c r="E9874" s="6">
        <v>334.25</v>
      </c>
    </row>
    <row r="9875" spans="4:5" x14ac:dyDescent="0.25">
      <c r="D9875" s="6">
        <v>1051.4670000000001</v>
      </c>
      <c r="E9875" s="6">
        <v>559.98360000000002</v>
      </c>
    </row>
    <row r="9876" spans="4:5" x14ac:dyDescent="0.25">
      <c r="D9876" s="6">
        <v>1676.3620000000001</v>
      </c>
      <c r="E9876" s="6">
        <v>829.19320000000005</v>
      </c>
    </row>
    <row r="9877" spans="4:5" x14ac:dyDescent="0.25">
      <c r="D9877" s="6">
        <v>702.42269999999996</v>
      </c>
      <c r="E9877" s="6">
        <v>469.56810000000002</v>
      </c>
    </row>
    <row r="9878" spans="4:5" x14ac:dyDescent="0.25">
      <c r="D9878" s="6">
        <v>461.71390000000002</v>
      </c>
      <c r="E9878" s="6">
        <v>2903.239</v>
      </c>
    </row>
    <row r="9879" spans="4:5" x14ac:dyDescent="0.25">
      <c r="D9879" s="6">
        <v>742.60230000000001</v>
      </c>
      <c r="E9879" s="6">
        <v>908.75040000000001</v>
      </c>
    </row>
    <row r="9880" spans="4:5" x14ac:dyDescent="0.25">
      <c r="D9880" s="6">
        <v>992.28</v>
      </c>
      <c r="E9880" s="6">
        <v>498.21690000000001</v>
      </c>
    </row>
    <row r="9881" spans="4:5" x14ac:dyDescent="0.25">
      <c r="D9881" s="6">
        <v>747.98699999999997</v>
      </c>
      <c r="E9881" s="6">
        <v>2930.2280000000001</v>
      </c>
    </row>
    <row r="9882" spans="4:5" x14ac:dyDescent="0.25">
      <c r="D9882" s="6">
        <v>1204.3009999999999</v>
      </c>
      <c r="E9882" s="6">
        <v>1828.883</v>
      </c>
    </row>
    <row r="9883" spans="4:5" x14ac:dyDescent="0.25">
      <c r="D9883" s="6">
        <v>663.74490000000003</v>
      </c>
      <c r="E9883" s="6">
        <v>2455.9879999999998</v>
      </c>
    </row>
    <row r="9884" spans="4:5" x14ac:dyDescent="0.25">
      <c r="D9884" s="6">
        <v>1508.723</v>
      </c>
      <c r="E9884" s="6">
        <v>1309.8630000000001</v>
      </c>
    </row>
    <row r="9885" spans="4:5" x14ac:dyDescent="0.25">
      <c r="D9885" s="6">
        <v>607.875</v>
      </c>
      <c r="E9885" s="6">
        <v>1356.2940000000001</v>
      </c>
    </row>
    <row r="9886" spans="4:5" x14ac:dyDescent="0.25">
      <c r="D9886" s="6">
        <v>1431.8969999999999</v>
      </c>
      <c r="E9886" s="6">
        <v>1210.134</v>
      </c>
    </row>
    <row r="9887" spans="4:5" x14ac:dyDescent="0.25">
      <c r="D9887" s="6">
        <v>964.65380000000005</v>
      </c>
      <c r="E9887" s="6">
        <v>765.69169999999997</v>
      </c>
    </row>
    <row r="9888" spans="4:5" x14ac:dyDescent="0.25">
      <c r="D9888" s="6">
        <v>1103.123</v>
      </c>
      <c r="E9888" s="6">
        <v>2986.8980000000001</v>
      </c>
    </row>
    <row r="9889" spans="4:5" x14ac:dyDescent="0.25">
      <c r="D9889" s="6">
        <v>680.91150000000005</v>
      </c>
      <c r="E9889" s="6">
        <v>968.74459999999999</v>
      </c>
    </row>
    <row r="9890" spans="4:5" x14ac:dyDescent="0.25">
      <c r="D9890" s="6">
        <v>1077.6590000000001</v>
      </c>
      <c r="E9890" s="6">
        <v>4145.62</v>
      </c>
    </row>
    <row r="9891" spans="4:5" x14ac:dyDescent="0.25">
      <c r="D9891" s="6">
        <v>541.24900000000002</v>
      </c>
      <c r="E9891" s="6">
        <v>2487.9870000000001</v>
      </c>
    </row>
    <row r="9892" spans="4:5" x14ac:dyDescent="0.25">
      <c r="D9892" s="6">
        <v>571.6463</v>
      </c>
      <c r="E9892" s="6">
        <v>715.12959999999998</v>
      </c>
    </row>
    <row r="9893" spans="4:5" x14ac:dyDescent="0.25">
      <c r="D9893" s="6">
        <v>457.77839999999998</v>
      </c>
      <c r="E9893" s="6">
        <v>2352.7869999999998</v>
      </c>
    </row>
    <row r="9894" spans="4:5" x14ac:dyDescent="0.25">
      <c r="D9894" s="6">
        <v>1353.576</v>
      </c>
      <c r="E9894" s="6">
        <v>1112.4770000000001</v>
      </c>
    </row>
    <row r="9895" spans="4:5" x14ac:dyDescent="0.25">
      <c r="D9895" s="6">
        <v>1159.6089999999999</v>
      </c>
      <c r="E9895" s="6">
        <v>831.33939999999996</v>
      </c>
    </row>
    <row r="9896" spans="4:5" x14ac:dyDescent="0.25">
      <c r="D9896" s="6">
        <v>680.9579</v>
      </c>
      <c r="E9896" s="6">
        <v>1219.1079999999999</v>
      </c>
    </row>
    <row r="9897" spans="4:5" x14ac:dyDescent="0.25">
      <c r="D9897" s="6">
        <v>1031.9059999999999</v>
      </c>
      <c r="E9897" s="6">
        <v>761.03499999999997</v>
      </c>
    </row>
    <row r="9898" spans="4:5" x14ac:dyDescent="0.25">
      <c r="D9898" s="6">
        <v>3593.482</v>
      </c>
      <c r="E9898" s="6">
        <v>566.19190000000003</v>
      </c>
    </row>
    <row r="9899" spans="4:5" x14ac:dyDescent="0.25">
      <c r="D9899" s="6">
        <v>640.21040000000005</v>
      </c>
      <c r="E9899" s="6">
        <v>631.6671</v>
      </c>
    </row>
    <row r="9900" spans="4:5" x14ac:dyDescent="0.25">
      <c r="D9900" s="6">
        <v>3044.998</v>
      </c>
      <c r="E9900" s="6">
        <v>1176.6420000000001</v>
      </c>
    </row>
    <row r="9901" spans="4:5" x14ac:dyDescent="0.25">
      <c r="D9901" s="6">
        <v>978.72590000000002</v>
      </c>
      <c r="E9901" s="6">
        <v>7189.7910000000002</v>
      </c>
    </row>
    <row r="9902" spans="4:5" x14ac:dyDescent="0.25">
      <c r="D9902" s="6">
        <v>1430.4490000000001</v>
      </c>
      <c r="E9902" s="6">
        <v>2360.5639999999999</v>
      </c>
    </row>
    <row r="9903" spans="4:5" x14ac:dyDescent="0.25">
      <c r="D9903" s="6">
        <v>2391.5790000000002</v>
      </c>
      <c r="E9903" s="6">
        <v>1127.3499999999999</v>
      </c>
    </row>
    <row r="9904" spans="4:5" x14ac:dyDescent="0.25">
      <c r="D9904" s="6">
        <v>1145.431</v>
      </c>
      <c r="E9904" s="6">
        <v>1120.761</v>
      </c>
    </row>
    <row r="9905" spans="4:5" x14ac:dyDescent="0.25">
      <c r="D9905" s="6">
        <v>4503.7309999999998</v>
      </c>
      <c r="E9905" s="6">
        <v>450.44549999999998</v>
      </c>
    </row>
    <row r="9906" spans="4:5" x14ac:dyDescent="0.25">
      <c r="D9906" s="6">
        <v>3730.4560000000001</v>
      </c>
      <c r="E9906" s="6">
        <v>3135.4349999999999</v>
      </c>
    </row>
    <row r="9907" spans="4:5" x14ac:dyDescent="0.25">
      <c r="D9907" s="6">
        <v>1717.8879999999999</v>
      </c>
      <c r="E9907" s="6">
        <v>1006.045</v>
      </c>
    </row>
    <row r="9908" spans="4:5" x14ac:dyDescent="0.25">
      <c r="D9908" s="6">
        <v>837.3252</v>
      </c>
      <c r="E9908" s="6">
        <v>1037.7660000000001</v>
      </c>
    </row>
    <row r="9909" spans="4:5" x14ac:dyDescent="0.25">
      <c r="D9909" s="6">
        <v>595.55560000000003</v>
      </c>
      <c r="E9909" s="6">
        <v>1300.297</v>
      </c>
    </row>
    <row r="9910" spans="4:5" x14ac:dyDescent="0.25">
      <c r="D9910" s="6">
        <v>1284.0360000000001</v>
      </c>
      <c r="E9910" s="6">
        <v>932.38220000000001</v>
      </c>
    </row>
    <row r="9911" spans="4:5" x14ac:dyDescent="0.25">
      <c r="D9911" s="6">
        <v>580.11180000000002</v>
      </c>
      <c r="E9911" s="6">
        <v>603.69479999999999</v>
      </c>
    </row>
    <row r="9912" spans="4:5" x14ac:dyDescent="0.25">
      <c r="D9912" s="6">
        <v>806.76130000000001</v>
      </c>
      <c r="E9912" s="6">
        <v>2950.2660000000001</v>
      </c>
    </row>
    <row r="9913" spans="4:5" x14ac:dyDescent="0.25">
      <c r="D9913" s="6">
        <v>3619.65</v>
      </c>
      <c r="E9913" s="6">
        <v>752.03430000000003</v>
      </c>
    </row>
    <row r="9914" spans="4:5" x14ac:dyDescent="0.25">
      <c r="D9914" s="6">
        <v>2090.326</v>
      </c>
      <c r="E9914" s="6">
        <v>1194.846</v>
      </c>
    </row>
    <row r="9915" spans="4:5" x14ac:dyDescent="0.25">
      <c r="D9915" s="6">
        <v>593.55380000000002</v>
      </c>
      <c r="E9915" s="6">
        <v>704.25699999999995</v>
      </c>
    </row>
    <row r="9916" spans="4:5" x14ac:dyDescent="0.25">
      <c r="D9916" s="6">
        <v>3373.1190000000001</v>
      </c>
      <c r="E9916" s="6">
        <v>2162.5309999999999</v>
      </c>
    </row>
    <row r="9917" spans="4:5" x14ac:dyDescent="0.25">
      <c r="D9917" s="6">
        <v>1260.2529999999999</v>
      </c>
      <c r="E9917" s="6">
        <v>881.31489999999997</v>
      </c>
    </row>
    <row r="9918" spans="4:5" x14ac:dyDescent="0.25">
      <c r="D9918" s="6">
        <v>752.48900000000003</v>
      </c>
      <c r="E9918" s="6">
        <v>1792.806</v>
      </c>
    </row>
    <row r="9919" spans="4:5" x14ac:dyDescent="0.25">
      <c r="D9919" s="6">
        <v>9257.0540000000001</v>
      </c>
      <c r="E9919" s="6">
        <v>1311.125</v>
      </c>
    </row>
    <row r="9920" spans="4:5" x14ac:dyDescent="0.25">
      <c r="D9920" s="6">
        <v>599.98050000000001</v>
      </c>
      <c r="E9920" s="6">
        <v>2788.42</v>
      </c>
    </row>
    <row r="9921" spans="4:5" x14ac:dyDescent="0.25">
      <c r="D9921" s="6">
        <v>705.99249999999995</v>
      </c>
      <c r="E9921" s="6">
        <v>1621.7080000000001</v>
      </c>
    </row>
    <row r="9922" spans="4:5" x14ac:dyDescent="0.25">
      <c r="D9922" s="6">
        <v>1143.3309999999999</v>
      </c>
      <c r="E9922" s="6">
        <v>428.64019999999999</v>
      </c>
    </row>
    <row r="9923" spans="4:5" x14ac:dyDescent="0.25">
      <c r="D9923" s="6">
        <v>564.89729999999997</v>
      </c>
      <c r="E9923" s="6">
        <v>534.01009999999997</v>
      </c>
    </row>
    <row r="9924" spans="4:5" x14ac:dyDescent="0.25">
      <c r="D9924" s="6">
        <v>578.83600000000001</v>
      </c>
      <c r="E9924" s="6">
        <v>3615.3449999999998</v>
      </c>
    </row>
    <row r="9925" spans="4:5" x14ac:dyDescent="0.25">
      <c r="D9925" s="6">
        <v>4021.4090000000001</v>
      </c>
      <c r="E9925" s="6">
        <v>2375.3229999999999</v>
      </c>
    </row>
    <row r="9926" spans="4:5" x14ac:dyDescent="0.25">
      <c r="D9926" s="6">
        <v>3577.348</v>
      </c>
      <c r="E9926" s="6">
        <v>975.56569999999999</v>
      </c>
    </row>
    <row r="9927" spans="4:5" x14ac:dyDescent="0.25">
      <c r="D9927" s="6">
        <v>708.29330000000004</v>
      </c>
      <c r="E9927" s="6">
        <v>2724.3389999999999</v>
      </c>
    </row>
    <row r="9928" spans="4:5" x14ac:dyDescent="0.25">
      <c r="D9928" s="6">
        <v>4067.3069999999998</v>
      </c>
      <c r="E9928" s="6">
        <v>2451.8560000000002</v>
      </c>
    </row>
    <row r="9929" spans="4:5" x14ac:dyDescent="0.25">
      <c r="D9929" s="6">
        <v>633.99329999999998</v>
      </c>
      <c r="E9929" s="6">
        <v>970.62</v>
      </c>
    </row>
    <row r="9930" spans="4:5" x14ac:dyDescent="0.25">
      <c r="D9930" s="6">
        <v>975.81690000000003</v>
      </c>
      <c r="E9930" s="6">
        <v>248.5061</v>
      </c>
    </row>
    <row r="9931" spans="4:5" x14ac:dyDescent="0.25">
      <c r="D9931" s="6">
        <v>2062.5430000000001</v>
      </c>
      <c r="E9931" s="6">
        <v>959.05669999999998</v>
      </c>
    </row>
    <row r="9932" spans="4:5" x14ac:dyDescent="0.25">
      <c r="D9932" s="6">
        <v>541.9479</v>
      </c>
      <c r="E9932" s="6">
        <v>1015.991</v>
      </c>
    </row>
    <row r="9933" spans="4:5" x14ac:dyDescent="0.25">
      <c r="D9933" s="6">
        <v>2111.1149999999998</v>
      </c>
      <c r="E9933" s="6">
        <v>1880.518</v>
      </c>
    </row>
    <row r="9934" spans="4:5" x14ac:dyDescent="0.25">
      <c r="D9934" s="6">
        <v>929.30769999999995</v>
      </c>
      <c r="E9934" s="6">
        <v>731.20770000000005</v>
      </c>
    </row>
    <row r="9935" spans="4:5" x14ac:dyDescent="0.25">
      <c r="D9935" s="6">
        <v>1045.9000000000001</v>
      </c>
      <c r="E9935" s="6">
        <v>1798.8219999999999</v>
      </c>
    </row>
    <row r="9936" spans="4:5" x14ac:dyDescent="0.25">
      <c r="D9936" s="6">
        <v>512.5</v>
      </c>
      <c r="E9936" s="6">
        <v>420.89179999999999</v>
      </c>
    </row>
    <row r="9937" spans="4:5" x14ac:dyDescent="0.25">
      <c r="D9937" s="6">
        <v>4021.0770000000002</v>
      </c>
      <c r="E9937" s="6">
        <v>3241.6320000000001</v>
      </c>
    </row>
    <row r="9938" spans="4:5" x14ac:dyDescent="0.25">
      <c r="D9938" s="6">
        <v>580.28459999999995</v>
      </c>
      <c r="E9938" s="6">
        <v>1199.471</v>
      </c>
    </row>
    <row r="9939" spans="4:5" x14ac:dyDescent="0.25">
      <c r="D9939" s="6">
        <v>1683.078</v>
      </c>
      <c r="E9939" s="6">
        <v>1051.3820000000001</v>
      </c>
    </row>
    <row r="9940" spans="4:5" x14ac:dyDescent="0.25">
      <c r="D9940" s="6">
        <v>369.28530000000001</v>
      </c>
      <c r="E9940" s="6">
        <v>700.73530000000005</v>
      </c>
    </row>
    <row r="9941" spans="4:5" x14ac:dyDescent="0.25">
      <c r="D9941" s="6">
        <v>1101.384</v>
      </c>
      <c r="E9941" s="6">
        <v>1092.482</v>
      </c>
    </row>
    <row r="9942" spans="4:5" x14ac:dyDescent="0.25">
      <c r="D9942" s="6">
        <v>1995.6110000000001</v>
      </c>
      <c r="E9942" s="6">
        <v>2542.2379999999998</v>
      </c>
    </row>
    <row r="9943" spans="4:5" x14ac:dyDescent="0.25">
      <c r="D9943" s="6">
        <v>732.04399999999998</v>
      </c>
      <c r="E9943" s="6">
        <v>990.23760000000004</v>
      </c>
    </row>
    <row r="9944" spans="4:5" x14ac:dyDescent="0.25">
      <c r="D9944" s="6">
        <v>1169.5450000000001</v>
      </c>
      <c r="E9944" s="6">
        <v>2938.6559999999999</v>
      </c>
    </row>
    <row r="9945" spans="4:5" x14ac:dyDescent="0.25">
      <c r="D9945" s="6">
        <v>511.06830000000002</v>
      </c>
      <c r="E9945" s="6">
        <v>984.7713</v>
      </c>
    </row>
    <row r="9946" spans="4:5" x14ac:dyDescent="0.25">
      <c r="D9946" s="6">
        <v>640.31259999999997</v>
      </c>
      <c r="E9946" s="6">
        <v>2802.0320000000002</v>
      </c>
    </row>
    <row r="9947" spans="4:5" x14ac:dyDescent="0.25">
      <c r="D9947" s="6">
        <v>1533.94</v>
      </c>
      <c r="E9947" s="6">
        <v>642.28930000000003</v>
      </c>
    </row>
    <row r="9948" spans="4:5" x14ac:dyDescent="0.25">
      <c r="D9948" s="6">
        <v>1382.0239999999999</v>
      </c>
      <c r="E9948" s="6">
        <v>3165.623</v>
      </c>
    </row>
    <row r="9949" spans="4:5" x14ac:dyDescent="0.25">
      <c r="D9949" s="6">
        <v>2786.2510000000002</v>
      </c>
      <c r="E9949" s="6">
        <v>1126.7180000000001</v>
      </c>
    </row>
    <row r="9950" spans="4:5" x14ac:dyDescent="0.25">
      <c r="D9950" s="6">
        <v>4633.665</v>
      </c>
      <c r="E9950" s="6">
        <v>813.86749999999995</v>
      </c>
    </row>
    <row r="9951" spans="4:5" x14ac:dyDescent="0.25">
      <c r="D9951" s="6">
        <v>5533.7479999999996</v>
      </c>
      <c r="E9951" s="6">
        <v>1025.9069999999999</v>
      </c>
    </row>
    <row r="9952" spans="4:5" x14ac:dyDescent="0.25">
      <c r="D9952" s="6">
        <v>524.04880000000003</v>
      </c>
      <c r="E9952" s="6">
        <v>1015.412</v>
      </c>
    </row>
    <row r="9953" spans="4:5" x14ac:dyDescent="0.25">
      <c r="D9953" s="6">
        <v>555.08019999999999</v>
      </c>
      <c r="E9953" s="6">
        <v>883.58309999999994</v>
      </c>
    </row>
    <row r="9954" spans="4:5" x14ac:dyDescent="0.25">
      <c r="D9954" s="6">
        <v>4220.357</v>
      </c>
      <c r="E9954" s="6">
        <v>2234.7849999999999</v>
      </c>
    </row>
    <row r="9955" spans="4:5" x14ac:dyDescent="0.25">
      <c r="D9955" s="6">
        <v>575.43029999999999</v>
      </c>
      <c r="E9955" s="6">
        <v>2611.1559999999999</v>
      </c>
    </row>
    <row r="9956" spans="4:5" x14ac:dyDescent="0.25">
      <c r="D9956" s="6">
        <v>1882.4870000000001</v>
      </c>
      <c r="E9956" s="6">
        <v>636.61189999999999</v>
      </c>
    </row>
    <row r="9957" spans="4:5" x14ac:dyDescent="0.25">
      <c r="D9957" s="6">
        <v>997.10730000000001</v>
      </c>
      <c r="E9957" s="6">
        <v>541.40599999999995</v>
      </c>
    </row>
    <row r="9958" spans="4:5" x14ac:dyDescent="0.25">
      <c r="D9958" s="6">
        <v>2033.6379999999999</v>
      </c>
      <c r="E9958" s="6">
        <v>528.2088</v>
      </c>
    </row>
    <row r="9959" spans="4:5" x14ac:dyDescent="0.25">
      <c r="D9959" s="6">
        <v>3120.1019999999999</v>
      </c>
      <c r="E9959" s="6">
        <v>2061.0410000000002</v>
      </c>
    </row>
    <row r="9960" spans="4:5" x14ac:dyDescent="0.25">
      <c r="D9960" s="6">
        <v>1108.4469999999999</v>
      </c>
      <c r="E9960" s="6">
        <v>709.51379999999995</v>
      </c>
    </row>
    <row r="9961" spans="4:5" x14ac:dyDescent="0.25">
      <c r="D9961" s="6">
        <v>1639.902</v>
      </c>
      <c r="E9961" s="6">
        <v>851.36</v>
      </c>
    </row>
    <row r="9962" spans="4:5" x14ac:dyDescent="0.25">
      <c r="D9962" s="6">
        <v>2553.9360000000001</v>
      </c>
      <c r="E9962" s="6">
        <v>540.61699999999996</v>
      </c>
    </row>
    <row r="9963" spans="4:5" x14ac:dyDescent="0.25">
      <c r="D9963" s="6">
        <v>1575.298</v>
      </c>
      <c r="E9963" s="6">
        <v>2964.4760000000001</v>
      </c>
    </row>
    <row r="9964" spans="4:5" x14ac:dyDescent="0.25">
      <c r="D9964" s="6">
        <v>4000.8150000000001</v>
      </c>
      <c r="E9964" s="6">
        <v>795.0421</v>
      </c>
    </row>
    <row r="9965" spans="4:5" x14ac:dyDescent="0.25">
      <c r="D9965" s="6">
        <v>835.89210000000003</v>
      </c>
      <c r="E9965" s="6">
        <v>1054.077</v>
      </c>
    </row>
    <row r="9966" spans="4:5" x14ac:dyDescent="0.25">
      <c r="D9966" s="6">
        <v>504.2919</v>
      </c>
      <c r="E9966" s="6">
        <v>597.67089999999996</v>
      </c>
    </row>
    <row r="9967" spans="4:5" x14ac:dyDescent="0.25">
      <c r="D9967" s="6">
        <v>637.58010000000002</v>
      </c>
      <c r="E9967" s="6">
        <v>1168.0160000000001</v>
      </c>
    </row>
    <row r="9968" spans="4:5" x14ac:dyDescent="0.25">
      <c r="D9968" s="6">
        <v>449.1413</v>
      </c>
      <c r="E9968" s="6">
        <v>1824.693</v>
      </c>
    </row>
    <row r="9969" spans="4:5" x14ac:dyDescent="0.25">
      <c r="D9969" s="6">
        <v>1085.9259999999999</v>
      </c>
      <c r="E9969" s="6">
        <v>1022.322</v>
      </c>
    </row>
    <row r="9970" spans="4:5" x14ac:dyDescent="0.25">
      <c r="D9970" s="6">
        <v>1363.7760000000001</v>
      </c>
      <c r="E9970" s="6">
        <v>2801.944</v>
      </c>
    </row>
    <row r="9971" spans="4:5" x14ac:dyDescent="0.25">
      <c r="D9971" s="6">
        <v>1370.5060000000001</v>
      </c>
      <c r="E9971" s="6">
        <v>1368.2270000000001</v>
      </c>
    </row>
    <row r="9972" spans="4:5" x14ac:dyDescent="0.25">
      <c r="D9972" s="6">
        <v>541.08590000000004</v>
      </c>
      <c r="E9972" s="6">
        <v>403.69459999999998</v>
      </c>
    </row>
    <row r="9973" spans="4:5" x14ac:dyDescent="0.25">
      <c r="D9973" s="6">
        <v>1059.1199999999999</v>
      </c>
      <c r="E9973" s="6">
        <v>843.89779999999996</v>
      </c>
    </row>
    <row r="9974" spans="4:5" x14ac:dyDescent="0.25">
      <c r="D9974" s="6">
        <v>1418.5</v>
      </c>
      <c r="E9974" s="6">
        <v>799.36649999999997</v>
      </c>
    </row>
    <row r="9975" spans="4:5" x14ac:dyDescent="0.25">
      <c r="D9975" s="6">
        <v>789.85950000000003</v>
      </c>
      <c r="E9975" s="6">
        <v>1149.03</v>
      </c>
    </row>
    <row r="9976" spans="4:5" x14ac:dyDescent="0.25">
      <c r="D9976" s="6">
        <v>3742.0430000000001</v>
      </c>
      <c r="E9976" s="6">
        <v>1055.71</v>
      </c>
    </row>
    <row r="9977" spans="4:5" x14ac:dyDescent="0.25">
      <c r="D9977" s="6">
        <v>1348.383</v>
      </c>
      <c r="E9977" s="6">
        <v>2545.1779999999999</v>
      </c>
    </row>
    <row r="9978" spans="4:5" x14ac:dyDescent="0.25">
      <c r="D9978" s="6">
        <v>1004.598</v>
      </c>
      <c r="E9978" s="6">
        <v>2788.9670000000001</v>
      </c>
    </row>
    <row r="9979" spans="4:5" x14ac:dyDescent="0.25">
      <c r="D9979" s="6">
        <v>9107.5280000000002</v>
      </c>
      <c r="E9979" s="6">
        <v>1115.796</v>
      </c>
    </row>
    <row r="9980" spans="4:5" x14ac:dyDescent="0.25">
      <c r="D9980" s="6">
        <v>5320.107</v>
      </c>
      <c r="E9980" s="6">
        <v>593.02520000000004</v>
      </c>
    </row>
    <row r="9981" spans="4:5" x14ac:dyDescent="0.25">
      <c r="D9981" s="6">
        <v>549.34439999999995</v>
      </c>
      <c r="E9981" s="6">
        <v>2253.23</v>
      </c>
    </row>
    <row r="9982" spans="4:5" x14ac:dyDescent="0.25">
      <c r="D9982" s="6">
        <v>662.22230000000002</v>
      </c>
      <c r="E9982" s="6">
        <v>852.45370000000003</v>
      </c>
    </row>
    <row r="9983" spans="4:5" x14ac:dyDescent="0.25">
      <c r="D9983" s="6">
        <v>703.68650000000002</v>
      </c>
      <c r="E9983" s="6">
        <v>8431.8549999999996</v>
      </c>
    </row>
    <row r="9984" spans="4:5" x14ac:dyDescent="0.25">
      <c r="D9984" s="6">
        <v>2083.0329999999999</v>
      </c>
      <c r="E9984" s="6">
        <v>626.99369999999999</v>
      </c>
    </row>
    <row r="9985" spans="4:5" x14ac:dyDescent="0.25">
      <c r="D9985" s="6">
        <v>5197.1090000000004</v>
      </c>
      <c r="E9985" s="6">
        <v>630.26239999999996</v>
      </c>
    </row>
    <row r="9986" spans="4:5" x14ac:dyDescent="0.25">
      <c r="D9986" s="6">
        <v>590.00900000000001</v>
      </c>
      <c r="E9986" s="6">
        <v>788.9896</v>
      </c>
    </row>
    <row r="9987" spans="4:5" x14ac:dyDescent="0.25">
      <c r="D9987" s="6">
        <v>1734.921</v>
      </c>
      <c r="E9987" s="6">
        <v>2426.8890000000001</v>
      </c>
    </row>
    <row r="9988" spans="4:5" x14ac:dyDescent="0.25">
      <c r="D9988" s="6">
        <v>1420.4490000000001</v>
      </c>
      <c r="E9988" s="6">
        <v>415.85649999999998</v>
      </c>
    </row>
    <row r="9989" spans="4:5" x14ac:dyDescent="0.25">
      <c r="D9989" s="6">
        <v>1639.7650000000001</v>
      </c>
      <c r="E9989" s="6">
        <v>579.4162</v>
      </c>
    </row>
    <row r="9990" spans="4:5" x14ac:dyDescent="0.25">
      <c r="D9990" s="6">
        <v>527.79830000000004</v>
      </c>
      <c r="E9990" s="6">
        <v>1275.7940000000001</v>
      </c>
    </row>
    <row r="9991" spans="4:5" x14ac:dyDescent="0.25">
      <c r="D9991" s="6">
        <v>518.27909999999997</v>
      </c>
      <c r="E9991" s="6">
        <v>946.43849999999998</v>
      </c>
    </row>
    <row r="9992" spans="4:5" x14ac:dyDescent="0.25">
      <c r="D9992" s="6">
        <v>395</v>
      </c>
      <c r="E9992" s="6">
        <v>830.65809999999999</v>
      </c>
    </row>
    <row r="9993" spans="4:5" x14ac:dyDescent="0.25">
      <c r="D9993" s="6">
        <v>1622.434</v>
      </c>
      <c r="E9993" s="6">
        <v>1157.703</v>
      </c>
    </row>
    <row r="9994" spans="4:5" x14ac:dyDescent="0.25">
      <c r="D9994" s="6">
        <v>709.86479999999995</v>
      </c>
      <c r="E9994" s="6">
        <v>2443.2779999999998</v>
      </c>
    </row>
    <row r="9995" spans="4:5" x14ac:dyDescent="0.25">
      <c r="D9995" s="6">
        <v>1651.0930000000001</v>
      </c>
      <c r="E9995" s="6">
        <v>1001.117</v>
      </c>
    </row>
    <row r="9996" spans="4:5" x14ac:dyDescent="0.25">
      <c r="D9996" s="6">
        <v>1029.636</v>
      </c>
      <c r="E9996" s="6">
        <v>2164.7420000000002</v>
      </c>
    </row>
    <row r="9997" spans="4:5" x14ac:dyDescent="0.25">
      <c r="D9997" s="6">
        <v>1256.3969999999999</v>
      </c>
      <c r="E9997" s="6">
        <v>806.5</v>
      </c>
    </row>
    <row r="9998" spans="4:5" x14ac:dyDescent="0.25">
      <c r="D9998" s="6">
        <v>551.36839999999995</v>
      </c>
      <c r="E9998" s="6">
        <v>2347.5120000000002</v>
      </c>
    </row>
    <row r="9999" spans="4:5" x14ac:dyDescent="0.25">
      <c r="D9999" s="6">
        <v>1162.58</v>
      </c>
      <c r="E9999" s="6">
        <v>1020.4829999999999</v>
      </c>
    </row>
    <row r="10000" spans="4:5" x14ac:dyDescent="0.25">
      <c r="D10000" s="6">
        <v>2970.5</v>
      </c>
      <c r="E10000" s="6">
        <v>1122.768</v>
      </c>
    </row>
    <row r="10001" spans="4:5" x14ac:dyDescent="0.25">
      <c r="D10001" s="6">
        <v>3198.337</v>
      </c>
      <c r="E10001" s="6">
        <v>1383.047</v>
      </c>
    </row>
    <row r="10002" spans="4:5" x14ac:dyDescent="0.25">
      <c r="D10002" s="6">
        <v>3322.335</v>
      </c>
      <c r="E10002" s="6">
        <v>421.62959999999998</v>
      </c>
    </row>
    <row r="10003" spans="4:5" x14ac:dyDescent="0.25">
      <c r="D10003" s="6">
        <v>4277.7740000000003</v>
      </c>
      <c r="E10003" s="6">
        <v>1163.1469999999999</v>
      </c>
    </row>
    <row r="10004" spans="4:5" x14ac:dyDescent="0.25">
      <c r="D10004" s="6">
        <v>1098.3969999999999</v>
      </c>
      <c r="E10004" s="6">
        <v>783.95</v>
      </c>
    </row>
    <row r="10005" spans="4:5" x14ac:dyDescent="0.25">
      <c r="D10005" s="6">
        <v>5364.049</v>
      </c>
      <c r="E10005" s="6">
        <v>908.16330000000005</v>
      </c>
    </row>
    <row r="10006" spans="4:5" x14ac:dyDescent="0.25">
      <c r="D10006" s="6">
        <v>601.1155</v>
      </c>
      <c r="E10006" s="6">
        <v>580.93719999999996</v>
      </c>
    </row>
    <row r="10007" spans="4:5" x14ac:dyDescent="0.25">
      <c r="D10007" s="6">
        <v>1126.1880000000001</v>
      </c>
      <c r="E10007" s="6">
        <v>2412.3389999999999</v>
      </c>
    </row>
    <row r="10008" spans="4:5" x14ac:dyDescent="0.25">
      <c r="D10008" s="6">
        <v>548.23900000000003</v>
      </c>
      <c r="E10008" s="6">
        <v>388.99709999999999</v>
      </c>
    </row>
    <row r="10009" spans="4:5" x14ac:dyDescent="0.25">
      <c r="D10009" s="6">
        <v>769.35440000000006</v>
      </c>
      <c r="E10009" s="6">
        <v>2157.4769999999999</v>
      </c>
    </row>
    <row r="10010" spans="4:5" x14ac:dyDescent="0.25">
      <c r="D10010" s="6">
        <v>5950.61</v>
      </c>
      <c r="E10010" s="6">
        <v>547.15020000000004</v>
      </c>
    </row>
    <row r="10011" spans="4:5" x14ac:dyDescent="0.25">
      <c r="D10011" s="6">
        <v>1746.4939999999999</v>
      </c>
      <c r="E10011" s="6">
        <v>511.26920000000001</v>
      </c>
    </row>
    <row r="10012" spans="4:5" x14ac:dyDescent="0.25">
      <c r="D10012" s="6">
        <v>4640.2430000000004</v>
      </c>
      <c r="E10012" s="6">
        <v>1099.625</v>
      </c>
    </row>
    <row r="10013" spans="4:5" x14ac:dyDescent="0.25">
      <c r="D10013" s="6">
        <v>1160.4069999999999</v>
      </c>
      <c r="E10013" s="6">
        <v>689.09180000000003</v>
      </c>
    </row>
    <row r="10014" spans="4:5" x14ac:dyDescent="0.25">
      <c r="D10014" s="6">
        <v>800.70420000000001</v>
      </c>
      <c r="E10014" s="6">
        <v>3024.6309999999999</v>
      </c>
    </row>
    <row r="10015" spans="4:5" x14ac:dyDescent="0.25">
      <c r="D10015" s="6">
        <v>1210.835</v>
      </c>
      <c r="E10015" s="6">
        <v>2891.6579999999999</v>
      </c>
    </row>
    <row r="10016" spans="4:5" x14ac:dyDescent="0.25">
      <c r="D10016" s="6">
        <v>2480.5450000000001</v>
      </c>
      <c r="E10016" s="6">
        <v>913.25130000000001</v>
      </c>
    </row>
    <row r="10017" spans="4:5" x14ac:dyDescent="0.25">
      <c r="D10017" s="6">
        <v>850.50440000000003</v>
      </c>
      <c r="E10017" s="6">
        <v>3059.165</v>
      </c>
    </row>
    <row r="10018" spans="4:5" x14ac:dyDescent="0.25">
      <c r="D10018" s="6">
        <v>4690.5029999999997</v>
      </c>
      <c r="E10018" s="6">
        <v>2553.0030000000002</v>
      </c>
    </row>
    <row r="10019" spans="4:5" x14ac:dyDescent="0.25">
      <c r="D10019" s="6">
        <v>732.28250000000003</v>
      </c>
      <c r="E10019" s="6">
        <v>2326.558</v>
      </c>
    </row>
    <row r="10020" spans="4:5" x14ac:dyDescent="0.25">
      <c r="D10020" s="6">
        <v>565.28869999999995</v>
      </c>
      <c r="E10020" s="6">
        <v>442.64800000000002</v>
      </c>
    </row>
    <row r="10021" spans="4:5" x14ac:dyDescent="0.25">
      <c r="D10021" s="6">
        <v>1489.9449999999999</v>
      </c>
      <c r="E10021" s="6">
        <v>1208.635</v>
      </c>
    </row>
    <row r="10022" spans="4:5" x14ac:dyDescent="0.25">
      <c r="D10022" s="6">
        <v>5111.5200000000004</v>
      </c>
      <c r="E10022" s="6">
        <v>812.9058</v>
      </c>
    </row>
    <row r="10023" spans="4:5" x14ac:dyDescent="0.25">
      <c r="D10023" s="6">
        <v>1143.0830000000001</v>
      </c>
      <c r="E10023" s="6">
        <v>1201.2660000000001</v>
      </c>
    </row>
    <row r="10024" spans="4:5" x14ac:dyDescent="0.25">
      <c r="D10024" s="6">
        <v>977.00139999999999</v>
      </c>
      <c r="E10024" s="6">
        <v>8842.4259999999995</v>
      </c>
    </row>
    <row r="10025" spans="4:5" x14ac:dyDescent="0.25">
      <c r="D10025" s="6">
        <v>1408.095</v>
      </c>
      <c r="E10025" s="6">
        <v>3131.8090000000002</v>
      </c>
    </row>
    <row r="10026" spans="4:5" x14ac:dyDescent="0.25">
      <c r="D10026" s="6">
        <v>630.99279999999999</v>
      </c>
      <c r="E10026" s="6">
        <v>1197.566</v>
      </c>
    </row>
    <row r="10027" spans="4:5" x14ac:dyDescent="0.25">
      <c r="D10027" s="6">
        <v>941.95439999999996</v>
      </c>
      <c r="E10027" s="6">
        <v>506.43709999999999</v>
      </c>
    </row>
    <row r="10028" spans="4:5" x14ac:dyDescent="0.25">
      <c r="D10028" s="6">
        <v>2894.3829999999998</v>
      </c>
      <c r="E10028" s="6">
        <v>3267.9140000000002</v>
      </c>
    </row>
    <row r="10029" spans="4:5" x14ac:dyDescent="0.25">
      <c r="D10029" s="6">
        <v>479.42169999999999</v>
      </c>
      <c r="E10029" s="6">
        <v>1062.354</v>
      </c>
    </row>
    <row r="10030" spans="4:5" x14ac:dyDescent="0.25">
      <c r="D10030" s="6">
        <v>800.32</v>
      </c>
      <c r="E10030" s="6">
        <v>947.47839999999997</v>
      </c>
    </row>
    <row r="10031" spans="4:5" x14ac:dyDescent="0.25">
      <c r="D10031" s="6">
        <v>1315.9649999999999</v>
      </c>
      <c r="E10031" s="6">
        <v>1430.17</v>
      </c>
    </row>
    <row r="10032" spans="4:5" x14ac:dyDescent="0.25">
      <c r="D10032" s="6">
        <v>3600.8339999999998</v>
      </c>
      <c r="E10032" s="6">
        <v>663.61279999999999</v>
      </c>
    </row>
    <row r="10033" spans="4:5" x14ac:dyDescent="0.25">
      <c r="D10033" s="6">
        <v>1817.11</v>
      </c>
      <c r="E10033" s="6">
        <v>612.1404</v>
      </c>
    </row>
    <row r="10034" spans="4:5" x14ac:dyDescent="0.25">
      <c r="D10034" s="6">
        <v>699.97910000000002</v>
      </c>
      <c r="E10034" s="6">
        <v>1717</v>
      </c>
    </row>
    <row r="10035" spans="4:5" x14ac:dyDescent="0.25">
      <c r="D10035" s="6">
        <v>3166.1</v>
      </c>
      <c r="E10035" s="6">
        <v>1166.6220000000001</v>
      </c>
    </row>
    <row r="10036" spans="4:5" x14ac:dyDescent="0.25">
      <c r="D10036" s="6">
        <v>3796.9679999999998</v>
      </c>
      <c r="E10036" s="6">
        <v>3065.7579999999998</v>
      </c>
    </row>
    <row r="10037" spans="4:5" x14ac:dyDescent="0.25">
      <c r="D10037" s="6">
        <v>957.69110000000001</v>
      </c>
      <c r="E10037" s="6">
        <v>1558.3610000000001</v>
      </c>
    </row>
    <row r="10038" spans="4:5" x14ac:dyDescent="0.25">
      <c r="D10038" s="6">
        <v>2770.0230000000001</v>
      </c>
      <c r="E10038" s="6">
        <v>2577.2979999999998</v>
      </c>
    </row>
    <row r="10039" spans="4:5" x14ac:dyDescent="0.25">
      <c r="D10039" s="6">
        <v>2384.0549999999998</v>
      </c>
      <c r="E10039" s="6">
        <v>350</v>
      </c>
    </row>
    <row r="10040" spans="4:5" x14ac:dyDescent="0.25">
      <c r="D10040" s="6">
        <v>2203.7020000000002</v>
      </c>
      <c r="E10040" s="6">
        <v>964.52549999999997</v>
      </c>
    </row>
    <row r="10041" spans="4:5" x14ac:dyDescent="0.25">
      <c r="D10041" s="6">
        <v>1059.3320000000001</v>
      </c>
      <c r="E10041" s="6">
        <v>2983.3150000000001</v>
      </c>
    </row>
    <row r="10042" spans="4:5" x14ac:dyDescent="0.25">
      <c r="D10042" s="6">
        <v>1007.769</v>
      </c>
      <c r="E10042" s="6">
        <v>1125.106</v>
      </c>
    </row>
    <row r="10043" spans="4:5" x14ac:dyDescent="0.25">
      <c r="D10043" s="6">
        <v>695.50540000000001</v>
      </c>
      <c r="E10043" s="6">
        <v>2738.585</v>
      </c>
    </row>
    <row r="10044" spans="4:5" x14ac:dyDescent="0.25">
      <c r="D10044" s="6">
        <v>3904.2649999999999</v>
      </c>
      <c r="E10044" s="6">
        <v>2531.556</v>
      </c>
    </row>
    <row r="10045" spans="4:5" x14ac:dyDescent="0.25">
      <c r="D10045" s="6">
        <v>546.52350000000001</v>
      </c>
      <c r="E10045" s="6">
        <v>635.93119999999999</v>
      </c>
    </row>
    <row r="10046" spans="4:5" x14ac:dyDescent="0.25">
      <c r="D10046" s="6">
        <v>784.1123</v>
      </c>
      <c r="E10046" s="6">
        <v>772.76909999999998</v>
      </c>
    </row>
    <row r="10047" spans="4:5" x14ac:dyDescent="0.25">
      <c r="D10047" s="6">
        <v>1202.81</v>
      </c>
      <c r="E10047" s="6">
        <v>2158.6889999999999</v>
      </c>
    </row>
    <row r="10048" spans="4:5" x14ac:dyDescent="0.25">
      <c r="D10048" s="6">
        <v>1753.06</v>
      </c>
      <c r="E10048" s="6">
        <v>2013.2159999999999</v>
      </c>
    </row>
    <row r="10049" spans="4:5" x14ac:dyDescent="0.25">
      <c r="D10049" s="6">
        <v>1191.942</v>
      </c>
      <c r="E10049" s="6">
        <v>2492.7579999999998</v>
      </c>
    </row>
    <row r="10050" spans="4:5" x14ac:dyDescent="0.25">
      <c r="D10050" s="6">
        <v>747.03980000000001</v>
      </c>
      <c r="E10050" s="6">
        <v>482.69049999999999</v>
      </c>
    </row>
    <row r="10051" spans="4:5" x14ac:dyDescent="0.25">
      <c r="D10051" s="6">
        <v>1166.864</v>
      </c>
      <c r="E10051" s="6">
        <v>974.31889999999999</v>
      </c>
    </row>
    <row r="10052" spans="4:5" x14ac:dyDescent="0.25">
      <c r="D10052" s="6">
        <v>1453.605</v>
      </c>
      <c r="E10052" s="6">
        <v>540.55870000000004</v>
      </c>
    </row>
    <row r="10053" spans="4:5" x14ac:dyDescent="0.25">
      <c r="D10053" s="6">
        <v>836.76469999999995</v>
      </c>
      <c r="E10053" s="6">
        <v>805.07079999999996</v>
      </c>
    </row>
    <row r="10054" spans="4:5" x14ac:dyDescent="0.25">
      <c r="D10054" s="6">
        <v>873.67570000000001</v>
      </c>
      <c r="E10054" s="6">
        <v>1699.3630000000001</v>
      </c>
    </row>
    <row r="10055" spans="4:5" x14ac:dyDescent="0.25">
      <c r="D10055" s="6">
        <v>1161.4839999999999</v>
      </c>
      <c r="E10055" s="6">
        <v>2117.5749999999998</v>
      </c>
    </row>
    <row r="10056" spans="4:5" x14ac:dyDescent="0.25">
      <c r="D10056" s="6">
        <v>3859.806</v>
      </c>
      <c r="E10056" s="6">
        <v>1369.4770000000001</v>
      </c>
    </row>
    <row r="10057" spans="4:5" x14ac:dyDescent="0.25">
      <c r="D10057" s="6">
        <v>1088.473</v>
      </c>
      <c r="E10057" s="6">
        <v>1039.0740000000001</v>
      </c>
    </row>
    <row r="10058" spans="4:5" x14ac:dyDescent="0.25">
      <c r="D10058" s="6">
        <v>1137.9580000000001</v>
      </c>
      <c r="E10058" s="6">
        <v>4873.38</v>
      </c>
    </row>
    <row r="10059" spans="4:5" x14ac:dyDescent="0.25">
      <c r="D10059" s="6">
        <v>1051.0150000000001</v>
      </c>
      <c r="E10059" s="6">
        <v>1209.3</v>
      </c>
    </row>
    <row r="10060" spans="4:5" x14ac:dyDescent="0.25">
      <c r="D10060" s="6">
        <v>4681.4480000000003</v>
      </c>
      <c r="E10060" s="6">
        <v>2352.3910000000001</v>
      </c>
    </row>
    <row r="10061" spans="4:5" x14ac:dyDescent="0.25">
      <c r="D10061" s="6">
        <v>1328.271</v>
      </c>
      <c r="E10061" s="6">
        <v>432.17689999999999</v>
      </c>
    </row>
    <row r="10062" spans="4:5" x14ac:dyDescent="0.25">
      <c r="D10062" s="6">
        <v>4809.2049999999999</v>
      </c>
      <c r="E10062" s="6">
        <v>1080.2670000000001</v>
      </c>
    </row>
    <row r="10063" spans="4:5" x14ac:dyDescent="0.25">
      <c r="D10063" s="6">
        <v>432.28910000000002</v>
      </c>
      <c r="E10063" s="6">
        <v>1377.588</v>
      </c>
    </row>
    <row r="10064" spans="4:5" x14ac:dyDescent="0.25">
      <c r="D10064" s="6">
        <v>3614.4319999999998</v>
      </c>
      <c r="E10064" s="6">
        <v>996.92060000000004</v>
      </c>
    </row>
    <row r="10065" spans="4:5" x14ac:dyDescent="0.25">
      <c r="D10065" s="6">
        <v>273</v>
      </c>
      <c r="E10065" s="6">
        <v>567.71839999999997</v>
      </c>
    </row>
    <row r="10066" spans="4:5" x14ac:dyDescent="0.25">
      <c r="D10066" s="6">
        <v>589.51480000000004</v>
      </c>
      <c r="E10066" s="6">
        <v>964.70360000000005</v>
      </c>
    </row>
    <row r="10067" spans="4:5" x14ac:dyDescent="0.25">
      <c r="D10067" s="6">
        <v>492.65379999999999</v>
      </c>
      <c r="E10067" s="6">
        <v>1627.8230000000001</v>
      </c>
    </row>
    <row r="10068" spans="4:5" x14ac:dyDescent="0.25">
      <c r="D10068" s="6">
        <v>1204.7380000000001</v>
      </c>
      <c r="E10068" s="6">
        <v>3526.6790000000001</v>
      </c>
    </row>
    <row r="10069" spans="4:5" x14ac:dyDescent="0.25">
      <c r="D10069" s="6">
        <v>682.20939999999996</v>
      </c>
      <c r="E10069" s="6">
        <v>3579.5920000000001</v>
      </c>
    </row>
    <row r="10070" spans="4:5" x14ac:dyDescent="0.25">
      <c r="D10070" s="6">
        <v>1274.6510000000001</v>
      </c>
      <c r="E10070" s="6">
        <v>1292.5160000000001</v>
      </c>
    </row>
    <row r="10071" spans="4:5" x14ac:dyDescent="0.25">
      <c r="D10071" s="6">
        <v>1348.8879999999999</v>
      </c>
      <c r="E10071" s="6">
        <v>3597.6089999999999</v>
      </c>
    </row>
    <row r="10072" spans="4:5" x14ac:dyDescent="0.25">
      <c r="D10072" s="6">
        <v>4710.424</v>
      </c>
      <c r="E10072" s="6">
        <v>454.08879999999999</v>
      </c>
    </row>
    <row r="10073" spans="4:5" x14ac:dyDescent="0.25">
      <c r="D10073" s="6">
        <v>3338.2440000000001</v>
      </c>
      <c r="E10073" s="6">
        <v>2489.556</v>
      </c>
    </row>
    <row r="10074" spans="4:5" x14ac:dyDescent="0.25">
      <c r="D10074" s="6">
        <v>1030.0260000000001</v>
      </c>
      <c r="E10074" s="6">
        <v>413.70549999999997</v>
      </c>
    </row>
    <row r="10075" spans="4:5" x14ac:dyDescent="0.25">
      <c r="D10075" s="6">
        <v>6965.3580000000002</v>
      </c>
      <c r="E10075" s="6">
        <v>833.90480000000002</v>
      </c>
    </row>
    <row r="10076" spans="4:5" x14ac:dyDescent="0.25">
      <c r="D10076" s="6">
        <v>2953.3960000000002</v>
      </c>
      <c r="E10076" s="6">
        <v>538.47159999999997</v>
      </c>
    </row>
    <row r="10077" spans="4:5" x14ac:dyDescent="0.25">
      <c r="D10077" s="6">
        <v>457.28</v>
      </c>
      <c r="E10077" s="6">
        <v>1129.902</v>
      </c>
    </row>
    <row r="10078" spans="4:5" x14ac:dyDescent="0.25">
      <c r="D10078" s="6">
        <v>641.95100000000002</v>
      </c>
      <c r="E10078" s="6">
        <v>12067.32</v>
      </c>
    </row>
    <row r="10079" spans="4:5" x14ac:dyDescent="0.25">
      <c r="D10079" s="6">
        <v>4565.8969999999999</v>
      </c>
      <c r="E10079" s="6">
        <v>1227.903</v>
      </c>
    </row>
    <row r="10080" spans="4:5" x14ac:dyDescent="0.25">
      <c r="D10080" s="6">
        <v>1003.443</v>
      </c>
      <c r="E10080" s="6">
        <v>1412.067</v>
      </c>
    </row>
    <row r="10081" spans="4:5" x14ac:dyDescent="0.25">
      <c r="D10081" s="6">
        <v>530.50030000000004</v>
      </c>
      <c r="E10081" s="6">
        <v>3843.5079999999998</v>
      </c>
    </row>
    <row r="10082" spans="4:5" x14ac:dyDescent="0.25">
      <c r="D10082" s="6">
        <v>1006.239</v>
      </c>
      <c r="E10082" s="6">
        <v>3018.3939999999998</v>
      </c>
    </row>
    <row r="10083" spans="4:5" x14ac:dyDescent="0.25">
      <c r="D10083" s="6">
        <v>1008.02</v>
      </c>
      <c r="E10083" s="6">
        <v>702.99770000000001</v>
      </c>
    </row>
    <row r="10084" spans="4:5" x14ac:dyDescent="0.25">
      <c r="D10084" s="6">
        <v>1215.1210000000001</v>
      </c>
      <c r="E10084" s="6">
        <v>612.99879999999996</v>
      </c>
    </row>
    <row r="10085" spans="4:5" x14ac:dyDescent="0.25">
      <c r="D10085" s="6">
        <v>604.74069999999995</v>
      </c>
      <c r="E10085" s="6">
        <v>505.69560000000001</v>
      </c>
    </row>
    <row r="10086" spans="4:5" x14ac:dyDescent="0.25">
      <c r="D10086" s="6">
        <v>1521.307</v>
      </c>
      <c r="E10086" s="6">
        <v>1330.0650000000001</v>
      </c>
    </row>
    <row r="10087" spans="4:5" x14ac:dyDescent="0.25">
      <c r="D10087" s="6">
        <v>1234.21</v>
      </c>
      <c r="E10087" s="6">
        <v>478.8338</v>
      </c>
    </row>
    <row r="10088" spans="4:5" x14ac:dyDescent="0.25">
      <c r="D10088" s="6">
        <v>530.63220000000001</v>
      </c>
      <c r="E10088" s="6">
        <v>1031.895</v>
      </c>
    </row>
    <row r="10089" spans="4:5" x14ac:dyDescent="0.25">
      <c r="D10089" s="6">
        <v>1259.1379999999999</v>
      </c>
      <c r="E10089" s="6">
        <v>1419.9549999999999</v>
      </c>
    </row>
    <row r="10090" spans="4:5" x14ac:dyDescent="0.25">
      <c r="D10090" s="6">
        <v>674.36040000000003</v>
      </c>
      <c r="E10090" s="6">
        <v>1737.596</v>
      </c>
    </row>
    <row r="10091" spans="4:5" x14ac:dyDescent="0.25">
      <c r="D10091" s="6">
        <v>2996.63</v>
      </c>
      <c r="E10091" s="6">
        <v>3140.6080000000002</v>
      </c>
    </row>
    <row r="10092" spans="4:5" x14ac:dyDescent="0.25">
      <c r="D10092" s="6">
        <v>744.22630000000004</v>
      </c>
      <c r="E10092" s="6">
        <v>2836.8739999999998</v>
      </c>
    </row>
    <row r="10093" spans="4:5" x14ac:dyDescent="0.25">
      <c r="D10093" s="6">
        <v>977.86180000000002</v>
      </c>
      <c r="E10093" s="6">
        <v>1107.848</v>
      </c>
    </row>
    <row r="10094" spans="4:5" x14ac:dyDescent="0.25">
      <c r="D10094" s="6">
        <v>688.86620000000005</v>
      </c>
      <c r="E10094" s="6">
        <v>1110.0920000000001</v>
      </c>
    </row>
    <row r="10095" spans="4:5" x14ac:dyDescent="0.25">
      <c r="D10095" s="6">
        <v>2783.846</v>
      </c>
      <c r="E10095" s="6">
        <v>2434.6390000000001</v>
      </c>
    </row>
    <row r="10096" spans="4:5" x14ac:dyDescent="0.25">
      <c r="D10096" s="6">
        <v>1482.846</v>
      </c>
      <c r="E10096" s="6">
        <v>4405.5259999999998</v>
      </c>
    </row>
    <row r="10097" spans="4:5" x14ac:dyDescent="0.25">
      <c r="D10097" s="6">
        <v>755.59990000000005</v>
      </c>
      <c r="E10097" s="6">
        <v>5791</v>
      </c>
    </row>
    <row r="10098" spans="4:5" x14ac:dyDescent="0.25">
      <c r="D10098" s="6">
        <v>1144.797</v>
      </c>
      <c r="E10098" s="6">
        <v>799.99490000000003</v>
      </c>
    </row>
    <row r="10099" spans="4:5" x14ac:dyDescent="0.25">
      <c r="D10099" s="6">
        <v>1135.258</v>
      </c>
      <c r="E10099" s="6">
        <v>2361.7089999999998</v>
      </c>
    </row>
    <row r="10100" spans="4:5" x14ac:dyDescent="0.25">
      <c r="D10100" s="6">
        <v>679.88720000000001</v>
      </c>
      <c r="E10100" s="6">
        <v>1049.241</v>
      </c>
    </row>
    <row r="10101" spans="4:5" x14ac:dyDescent="0.25">
      <c r="D10101" s="6">
        <v>892.08609999999999</v>
      </c>
      <c r="E10101" s="6">
        <v>1154.5260000000001</v>
      </c>
    </row>
    <row r="10102" spans="4:5" x14ac:dyDescent="0.25">
      <c r="D10102" s="6">
        <v>1020.606</v>
      </c>
      <c r="E10102" s="6">
        <v>1235.7360000000001</v>
      </c>
    </row>
    <row r="10103" spans="4:5" x14ac:dyDescent="0.25">
      <c r="D10103" s="6">
        <v>3846.576</v>
      </c>
      <c r="E10103" s="6">
        <v>1102.8209999999999</v>
      </c>
    </row>
    <row r="10104" spans="4:5" x14ac:dyDescent="0.25">
      <c r="D10104" s="6">
        <v>4919.8869999999997</v>
      </c>
      <c r="E10104" s="6">
        <v>660.78380000000004</v>
      </c>
    </row>
    <row r="10105" spans="4:5" x14ac:dyDescent="0.25">
      <c r="D10105" s="6">
        <v>919.4153</v>
      </c>
      <c r="E10105" s="6">
        <v>511.39710000000002</v>
      </c>
    </row>
    <row r="10106" spans="4:5" x14ac:dyDescent="0.25">
      <c r="D10106" s="6">
        <v>822.83330000000001</v>
      </c>
      <c r="E10106" s="6">
        <v>871.5231</v>
      </c>
    </row>
    <row r="10107" spans="4:5" x14ac:dyDescent="0.25">
      <c r="D10107" s="6">
        <v>642.28179999999998</v>
      </c>
      <c r="E10107" s="6">
        <v>513.38160000000005</v>
      </c>
    </row>
    <row r="10108" spans="4:5" x14ac:dyDescent="0.25">
      <c r="D10108" s="6">
        <v>937.87339999999995</v>
      </c>
      <c r="E10108" s="6">
        <v>1554.06</v>
      </c>
    </row>
    <row r="10109" spans="4:5" x14ac:dyDescent="0.25">
      <c r="D10109" s="6">
        <v>886.35410000000002</v>
      </c>
      <c r="E10109" s="6">
        <v>6868.7870000000003</v>
      </c>
    </row>
    <row r="10110" spans="4:5" x14ac:dyDescent="0.25">
      <c r="D10110" s="6">
        <v>1074.248</v>
      </c>
      <c r="E10110" s="6">
        <v>1277.173</v>
      </c>
    </row>
    <row r="10111" spans="4:5" x14ac:dyDescent="0.25">
      <c r="D10111" s="6">
        <v>373.23509999999999</v>
      </c>
      <c r="E10111" s="6">
        <v>2702.3620000000001</v>
      </c>
    </row>
    <row r="10112" spans="4:5" x14ac:dyDescent="0.25">
      <c r="D10112" s="6">
        <v>5193.8869999999997</v>
      </c>
      <c r="E10112" s="6">
        <v>987.67859999999996</v>
      </c>
    </row>
    <row r="10113" spans="4:5" x14ac:dyDescent="0.25">
      <c r="D10113" s="6">
        <v>1483.623</v>
      </c>
      <c r="E10113" s="6">
        <v>2412.7199999999998</v>
      </c>
    </row>
    <row r="10114" spans="4:5" x14ac:dyDescent="0.25">
      <c r="D10114" s="6">
        <v>1585.723</v>
      </c>
      <c r="E10114" s="6">
        <v>572.31650000000002</v>
      </c>
    </row>
    <row r="10115" spans="4:5" x14ac:dyDescent="0.25">
      <c r="D10115" s="6">
        <v>3241.4459999999999</v>
      </c>
      <c r="E10115" s="6">
        <v>508.29500000000002</v>
      </c>
    </row>
    <row r="10116" spans="4:5" x14ac:dyDescent="0.25">
      <c r="D10116" s="6">
        <v>3009.027</v>
      </c>
      <c r="E10116" s="6">
        <v>523.01649999999995</v>
      </c>
    </row>
    <row r="10117" spans="4:5" x14ac:dyDescent="0.25">
      <c r="D10117" s="6">
        <v>576.58450000000005</v>
      </c>
      <c r="E10117" s="6">
        <v>991.58389999999997</v>
      </c>
    </row>
    <row r="10118" spans="4:5" x14ac:dyDescent="0.25">
      <c r="D10118" s="6">
        <v>4196.3860000000004</v>
      </c>
      <c r="E10118" s="6">
        <v>1525.73</v>
      </c>
    </row>
    <row r="10119" spans="4:5" x14ac:dyDescent="0.25">
      <c r="D10119" s="6">
        <v>1544.5540000000001</v>
      </c>
      <c r="E10119" s="6">
        <v>1128.654</v>
      </c>
    </row>
    <row r="10120" spans="4:5" x14ac:dyDescent="0.25">
      <c r="D10120" s="6">
        <v>1388.9490000000001</v>
      </c>
      <c r="E10120" s="6">
        <v>743.13559999999995</v>
      </c>
    </row>
    <row r="10121" spans="4:5" x14ac:dyDescent="0.25">
      <c r="D10121" s="6">
        <v>1002.679</v>
      </c>
      <c r="E10121" s="6">
        <v>1064.9760000000001</v>
      </c>
    </row>
    <row r="10122" spans="4:5" x14ac:dyDescent="0.25">
      <c r="D10122" s="6">
        <v>1032.451</v>
      </c>
      <c r="E10122" s="6">
        <v>534.03740000000005</v>
      </c>
    </row>
    <row r="10123" spans="4:5" x14ac:dyDescent="0.25">
      <c r="D10123" s="6">
        <v>559.77670000000001</v>
      </c>
      <c r="E10123" s="6">
        <v>1062.509</v>
      </c>
    </row>
    <row r="10124" spans="4:5" x14ac:dyDescent="0.25">
      <c r="D10124" s="6">
        <v>957.76990000000001</v>
      </c>
      <c r="E10124" s="6">
        <v>991.49159999999995</v>
      </c>
    </row>
    <row r="10125" spans="4:5" x14ac:dyDescent="0.25">
      <c r="D10125" s="6">
        <v>1070.5840000000001</v>
      </c>
      <c r="E10125" s="6">
        <v>874.60289999999998</v>
      </c>
    </row>
    <row r="10126" spans="4:5" x14ac:dyDescent="0.25">
      <c r="D10126" s="6">
        <v>573.06140000000005</v>
      </c>
      <c r="E10126" s="6">
        <v>748.80280000000005</v>
      </c>
    </row>
    <row r="10127" spans="4:5" x14ac:dyDescent="0.25">
      <c r="D10127" s="6">
        <v>1929.7090000000001</v>
      </c>
      <c r="E10127" s="6">
        <v>786.26430000000005</v>
      </c>
    </row>
    <row r="10128" spans="4:5" x14ac:dyDescent="0.25">
      <c r="D10128" s="6">
        <v>3333.3049999999998</v>
      </c>
      <c r="E10128" s="6">
        <v>493.67919999999998</v>
      </c>
    </row>
    <row r="10129" spans="4:5" x14ac:dyDescent="0.25">
      <c r="D10129" s="6">
        <v>1563.444</v>
      </c>
      <c r="E10129" s="6">
        <v>1201.604</v>
      </c>
    </row>
    <row r="10130" spans="4:5" x14ac:dyDescent="0.25">
      <c r="D10130" s="6">
        <v>610.66880000000003</v>
      </c>
      <c r="E10130" s="6">
        <v>2344.3009999999999</v>
      </c>
    </row>
    <row r="10131" spans="4:5" x14ac:dyDescent="0.25">
      <c r="D10131" s="6">
        <v>641.86279999999999</v>
      </c>
      <c r="E10131" s="6">
        <v>981.91700000000003</v>
      </c>
    </row>
    <row r="10132" spans="4:5" x14ac:dyDescent="0.25">
      <c r="D10132" s="6">
        <v>1041.2560000000001</v>
      </c>
      <c r="E10132" s="6">
        <v>3068.71</v>
      </c>
    </row>
    <row r="10133" spans="4:5" x14ac:dyDescent="0.25">
      <c r="D10133" s="6">
        <v>4969.268</v>
      </c>
      <c r="E10133" s="6">
        <v>2572.259</v>
      </c>
    </row>
    <row r="10134" spans="4:5" x14ac:dyDescent="0.25">
      <c r="D10134" s="6">
        <v>8036.5540000000001</v>
      </c>
      <c r="E10134" s="6">
        <v>569.50059999999996</v>
      </c>
    </row>
    <row r="10135" spans="4:5" x14ac:dyDescent="0.25">
      <c r="D10135" s="6">
        <v>1956.327</v>
      </c>
      <c r="E10135" s="6">
        <v>974.99419999999998</v>
      </c>
    </row>
    <row r="10136" spans="4:5" x14ac:dyDescent="0.25">
      <c r="D10136" s="6">
        <v>715.64229999999998</v>
      </c>
      <c r="E10136" s="6">
        <v>1097.0329999999999</v>
      </c>
    </row>
    <row r="10137" spans="4:5" x14ac:dyDescent="0.25">
      <c r="D10137" s="6">
        <v>1731.992</v>
      </c>
      <c r="E10137" s="6">
        <v>1174.8969999999999</v>
      </c>
    </row>
    <row r="10138" spans="4:5" x14ac:dyDescent="0.25">
      <c r="D10138" s="6">
        <v>861.6105</v>
      </c>
      <c r="E10138" s="6">
        <v>1715.0530000000001</v>
      </c>
    </row>
    <row r="10139" spans="4:5" x14ac:dyDescent="0.25">
      <c r="D10139" s="6">
        <v>540.42319999999995</v>
      </c>
      <c r="E10139" s="6">
        <v>501.10129999999998</v>
      </c>
    </row>
    <row r="10140" spans="4:5" x14ac:dyDescent="0.25">
      <c r="D10140" s="6">
        <v>640.88260000000002</v>
      </c>
      <c r="E10140" s="6">
        <v>2457.3180000000002</v>
      </c>
    </row>
    <row r="10141" spans="4:5" x14ac:dyDescent="0.25">
      <c r="D10141" s="6">
        <v>625.23479999999995</v>
      </c>
      <c r="E10141" s="6">
        <v>964.96479999999997</v>
      </c>
    </row>
    <row r="10142" spans="4:5" x14ac:dyDescent="0.25">
      <c r="D10142" s="6">
        <v>713.56830000000002</v>
      </c>
      <c r="E10142" s="6">
        <v>1447.403</v>
      </c>
    </row>
    <row r="10143" spans="4:5" x14ac:dyDescent="0.25">
      <c r="D10143" s="6">
        <v>453.92899999999997</v>
      </c>
      <c r="E10143" s="6">
        <v>780.36599999999999</v>
      </c>
    </row>
    <row r="10144" spans="4:5" x14ac:dyDescent="0.25">
      <c r="D10144" s="6">
        <v>1580.787</v>
      </c>
      <c r="E10144" s="6">
        <v>1227.3900000000001</v>
      </c>
    </row>
    <row r="10145" spans="4:5" x14ac:dyDescent="0.25">
      <c r="D10145" s="6">
        <v>2304.413</v>
      </c>
      <c r="E10145" s="6">
        <v>765.67110000000002</v>
      </c>
    </row>
    <row r="10146" spans="4:5" x14ac:dyDescent="0.25">
      <c r="D10146" s="6">
        <v>1719.049</v>
      </c>
      <c r="E10146" s="6">
        <v>1506.98</v>
      </c>
    </row>
    <row r="10147" spans="4:5" x14ac:dyDescent="0.25">
      <c r="D10147" s="6">
        <v>3326.7550000000001</v>
      </c>
      <c r="E10147" s="6">
        <v>876.23220000000003</v>
      </c>
    </row>
    <row r="10148" spans="4:5" x14ac:dyDescent="0.25">
      <c r="D10148" s="6">
        <v>1894.9880000000001</v>
      </c>
      <c r="E10148" s="6">
        <v>967.53219999999999</v>
      </c>
    </row>
    <row r="10149" spans="4:5" x14ac:dyDescent="0.25">
      <c r="D10149" s="6">
        <v>1621.3009999999999</v>
      </c>
      <c r="E10149" s="6">
        <v>517.26279999999997</v>
      </c>
    </row>
    <row r="10150" spans="4:5" x14ac:dyDescent="0.25">
      <c r="D10150" s="6">
        <v>1413.606</v>
      </c>
      <c r="E10150" s="6">
        <v>1749.8720000000001</v>
      </c>
    </row>
    <row r="10151" spans="4:5" x14ac:dyDescent="0.25">
      <c r="D10151" s="6">
        <v>619.81169999999997</v>
      </c>
      <c r="E10151" s="6">
        <v>1529.585</v>
      </c>
    </row>
    <row r="10152" spans="4:5" x14ac:dyDescent="0.25">
      <c r="D10152" s="6">
        <v>584.53250000000003</v>
      </c>
      <c r="E10152" s="6">
        <v>2423.7530000000002</v>
      </c>
    </row>
    <row r="10153" spans="4:5" x14ac:dyDescent="0.25">
      <c r="D10153" s="6">
        <v>2036.1489999999999</v>
      </c>
      <c r="E10153" s="6">
        <v>975.72379999999998</v>
      </c>
    </row>
    <row r="10154" spans="4:5" x14ac:dyDescent="0.25">
      <c r="D10154" s="6">
        <v>725.82349999999997</v>
      </c>
      <c r="E10154" s="6">
        <v>703.58079999999995</v>
      </c>
    </row>
    <row r="10155" spans="4:5" x14ac:dyDescent="0.25">
      <c r="D10155" s="6">
        <v>2111.8339999999998</v>
      </c>
      <c r="E10155" s="6">
        <v>3794.8629999999998</v>
      </c>
    </row>
    <row r="10156" spans="4:5" x14ac:dyDescent="0.25">
      <c r="D10156" s="6">
        <v>588.54510000000005</v>
      </c>
      <c r="E10156" s="6">
        <v>508.01159999999999</v>
      </c>
    </row>
    <row r="10157" spans="4:5" x14ac:dyDescent="0.25">
      <c r="D10157" s="6">
        <v>1732.098</v>
      </c>
      <c r="E10157" s="6">
        <v>1071.4770000000001</v>
      </c>
    </row>
    <row r="10158" spans="4:5" x14ac:dyDescent="0.25">
      <c r="D10158" s="6">
        <v>5069.7079999999996</v>
      </c>
      <c r="E10158" s="6">
        <v>1164.211</v>
      </c>
    </row>
    <row r="10159" spans="4:5" x14ac:dyDescent="0.25">
      <c r="D10159" s="6">
        <v>2293.7069999999999</v>
      </c>
      <c r="E10159" s="6">
        <v>824.72339999999997</v>
      </c>
    </row>
    <row r="10160" spans="4:5" x14ac:dyDescent="0.25">
      <c r="D10160" s="6">
        <v>1824.7339999999999</v>
      </c>
      <c r="E10160" s="6">
        <v>13192.38</v>
      </c>
    </row>
    <row r="10161" spans="4:5" x14ac:dyDescent="0.25">
      <c r="D10161" s="6">
        <v>647.56200000000001</v>
      </c>
      <c r="E10161" s="6">
        <v>4084.6669999999999</v>
      </c>
    </row>
    <row r="10162" spans="4:5" x14ac:dyDescent="0.25">
      <c r="D10162" s="6">
        <v>2212.5970000000002</v>
      </c>
      <c r="E10162" s="6">
        <v>603.63109999999995</v>
      </c>
    </row>
    <row r="10163" spans="4:5" x14ac:dyDescent="0.25">
      <c r="D10163" s="6">
        <v>1228.248</v>
      </c>
      <c r="E10163" s="6">
        <v>645.21969999999999</v>
      </c>
    </row>
    <row r="10164" spans="4:5" x14ac:dyDescent="0.25">
      <c r="D10164" s="6">
        <v>2346.8539999999998</v>
      </c>
      <c r="E10164" s="6">
        <v>2932.038</v>
      </c>
    </row>
    <row r="10165" spans="4:5" x14ac:dyDescent="0.25">
      <c r="D10165" s="6">
        <v>679.22299999999996</v>
      </c>
      <c r="E10165" s="6">
        <v>2102.9229999999998</v>
      </c>
    </row>
    <row r="10166" spans="4:5" x14ac:dyDescent="0.25">
      <c r="D10166" s="6">
        <v>679.69809999999995</v>
      </c>
      <c r="E10166" s="6">
        <v>669.28480000000002</v>
      </c>
    </row>
    <row r="10167" spans="4:5" x14ac:dyDescent="0.25">
      <c r="D10167" s="6">
        <v>2071.942</v>
      </c>
      <c r="E10167" s="6">
        <v>1032.1020000000001</v>
      </c>
    </row>
    <row r="10168" spans="4:5" x14ac:dyDescent="0.25">
      <c r="D10168" s="6">
        <v>1364.3330000000001</v>
      </c>
      <c r="E10168" s="6">
        <v>1366.6559999999999</v>
      </c>
    </row>
    <row r="10169" spans="4:5" x14ac:dyDescent="0.25">
      <c r="D10169" s="6">
        <v>893.64880000000005</v>
      </c>
      <c r="E10169" s="6">
        <v>1554.7260000000001</v>
      </c>
    </row>
    <row r="10170" spans="4:5" x14ac:dyDescent="0.25">
      <c r="D10170" s="6">
        <v>1277.577</v>
      </c>
      <c r="E10170" s="6">
        <v>2888.192</v>
      </c>
    </row>
    <row r="10171" spans="4:5" x14ac:dyDescent="0.25">
      <c r="D10171" s="6">
        <v>950.08939999999996</v>
      </c>
      <c r="E10171" s="6">
        <v>916.63379999999995</v>
      </c>
    </row>
    <row r="10172" spans="4:5" x14ac:dyDescent="0.25">
      <c r="D10172" s="6">
        <v>4135.4660000000003</v>
      </c>
      <c r="E10172" s="6">
        <v>695.55240000000003</v>
      </c>
    </row>
    <row r="10173" spans="4:5" x14ac:dyDescent="0.25">
      <c r="D10173" s="6">
        <v>1202.7449999999999</v>
      </c>
      <c r="E10173" s="6">
        <v>526.02530000000002</v>
      </c>
    </row>
    <row r="10174" spans="4:5" x14ac:dyDescent="0.25">
      <c r="D10174" s="6">
        <v>2639.3440000000001</v>
      </c>
      <c r="E10174" s="6">
        <v>3539.0610000000001</v>
      </c>
    </row>
    <row r="10175" spans="4:5" x14ac:dyDescent="0.25">
      <c r="D10175" s="6">
        <v>926.99400000000003</v>
      </c>
      <c r="E10175" s="6">
        <v>1694.779</v>
      </c>
    </row>
    <row r="10176" spans="4:5" x14ac:dyDescent="0.25">
      <c r="D10176" s="6">
        <v>1010.902</v>
      </c>
      <c r="E10176" s="6">
        <v>943.24720000000002</v>
      </c>
    </row>
    <row r="10177" spans="4:5" x14ac:dyDescent="0.25">
      <c r="D10177" s="6">
        <v>1483.8530000000001</v>
      </c>
      <c r="E10177" s="6">
        <v>458.97379999999998</v>
      </c>
    </row>
    <row r="10178" spans="4:5" x14ac:dyDescent="0.25">
      <c r="D10178" s="6">
        <v>1557.413</v>
      </c>
      <c r="E10178" s="6">
        <v>2274.4090000000001</v>
      </c>
    </row>
    <row r="10179" spans="4:5" x14ac:dyDescent="0.25">
      <c r="D10179" s="6">
        <v>1548.412</v>
      </c>
      <c r="E10179" s="6">
        <v>935.53110000000004</v>
      </c>
    </row>
    <row r="10180" spans="4:5" x14ac:dyDescent="0.25">
      <c r="D10180" s="6">
        <v>638.95240000000001</v>
      </c>
      <c r="E10180" s="6">
        <v>402.57850000000002</v>
      </c>
    </row>
    <row r="10181" spans="4:5" x14ac:dyDescent="0.25">
      <c r="D10181" s="6">
        <v>1054.74</v>
      </c>
      <c r="E10181" s="6">
        <v>2782.7280000000001</v>
      </c>
    </row>
    <row r="10182" spans="4:5" x14ac:dyDescent="0.25">
      <c r="D10182" s="6">
        <v>4927.683</v>
      </c>
      <c r="E10182" s="6">
        <v>576.89099999999996</v>
      </c>
    </row>
    <row r="10183" spans="4:5" x14ac:dyDescent="0.25">
      <c r="D10183" s="6">
        <v>2227.7139999999999</v>
      </c>
      <c r="E10183" s="6">
        <v>551.22170000000006</v>
      </c>
    </row>
    <row r="10184" spans="4:5" x14ac:dyDescent="0.25">
      <c r="D10184" s="6">
        <v>2508.4169999999999</v>
      </c>
      <c r="E10184" s="6">
        <v>2933.1909999999998</v>
      </c>
    </row>
    <row r="10185" spans="4:5" x14ac:dyDescent="0.25">
      <c r="D10185" s="6">
        <v>997.38559999999995</v>
      </c>
      <c r="E10185" s="6">
        <v>374.51560000000001</v>
      </c>
    </row>
    <row r="10186" spans="4:5" x14ac:dyDescent="0.25">
      <c r="D10186" s="6">
        <v>1031.0940000000001</v>
      </c>
      <c r="E10186" s="6">
        <v>932.27869999999996</v>
      </c>
    </row>
    <row r="10187" spans="4:5" x14ac:dyDescent="0.25">
      <c r="D10187" s="6">
        <v>1218.473</v>
      </c>
      <c r="E10187" s="6">
        <v>5397.0770000000002</v>
      </c>
    </row>
    <row r="10188" spans="4:5" x14ac:dyDescent="0.25">
      <c r="D10188" s="6">
        <v>1388.835</v>
      </c>
      <c r="E10188" s="6">
        <v>938.10080000000005</v>
      </c>
    </row>
    <row r="10189" spans="4:5" x14ac:dyDescent="0.25">
      <c r="D10189" s="6">
        <v>6592.7619999999997</v>
      </c>
      <c r="E10189" s="6">
        <v>390.6121</v>
      </c>
    </row>
    <row r="10190" spans="4:5" x14ac:dyDescent="0.25">
      <c r="D10190" s="6">
        <v>1836.614</v>
      </c>
      <c r="E10190" s="6">
        <v>3065.1089999999999</v>
      </c>
    </row>
    <row r="10191" spans="4:5" x14ac:dyDescent="0.25">
      <c r="D10191" s="6">
        <v>648.21900000000005</v>
      </c>
      <c r="E10191" s="6">
        <v>1787.557</v>
      </c>
    </row>
    <row r="10192" spans="4:5" x14ac:dyDescent="0.25">
      <c r="D10192" s="6">
        <v>3334.4470000000001</v>
      </c>
      <c r="E10192" s="6">
        <v>1182.912</v>
      </c>
    </row>
    <row r="10193" spans="4:5" x14ac:dyDescent="0.25">
      <c r="D10193" s="6">
        <v>1230.9110000000001</v>
      </c>
      <c r="E10193" s="6">
        <v>702.5806</v>
      </c>
    </row>
    <row r="10194" spans="4:5" x14ac:dyDescent="0.25">
      <c r="D10194" s="6">
        <v>1910.652</v>
      </c>
      <c r="E10194" s="6">
        <v>2545.1190000000001</v>
      </c>
    </row>
    <row r="10195" spans="4:5" x14ac:dyDescent="0.25">
      <c r="D10195" s="6">
        <v>624</v>
      </c>
      <c r="E10195" s="6">
        <v>2773.5749999999998</v>
      </c>
    </row>
    <row r="10196" spans="4:5" x14ac:dyDescent="0.25">
      <c r="D10196" s="6">
        <v>483.13319999999999</v>
      </c>
      <c r="E10196" s="6">
        <v>3242.7469999999998</v>
      </c>
    </row>
    <row r="10197" spans="4:5" x14ac:dyDescent="0.25">
      <c r="D10197" s="6">
        <v>561.16549999999995</v>
      </c>
      <c r="E10197" s="6">
        <v>2066.0340000000001</v>
      </c>
    </row>
    <row r="10198" spans="4:5" x14ac:dyDescent="0.25">
      <c r="D10198" s="6">
        <v>992.11919999999998</v>
      </c>
      <c r="E10198" s="6">
        <v>1007.957</v>
      </c>
    </row>
    <row r="10199" spans="4:5" x14ac:dyDescent="0.25">
      <c r="D10199" s="6">
        <v>513.15610000000004</v>
      </c>
      <c r="E10199" s="6">
        <v>2519.1790000000001</v>
      </c>
    </row>
    <row r="10200" spans="4:5" x14ac:dyDescent="0.25">
      <c r="D10200" s="6">
        <v>900</v>
      </c>
      <c r="E10200" s="6">
        <v>833.63109999999995</v>
      </c>
    </row>
    <row r="10201" spans="4:5" x14ac:dyDescent="0.25">
      <c r="D10201" s="6">
        <v>7009.3370000000004</v>
      </c>
      <c r="E10201" s="6">
        <v>741.35389999999995</v>
      </c>
    </row>
    <row r="10202" spans="4:5" x14ac:dyDescent="0.25">
      <c r="D10202" s="6">
        <v>4659.4690000000001</v>
      </c>
      <c r="E10202" s="6">
        <v>1057.3489999999999</v>
      </c>
    </row>
    <row r="10203" spans="4:5" x14ac:dyDescent="0.25">
      <c r="D10203" s="6">
        <v>1200.269</v>
      </c>
      <c r="E10203" s="6">
        <v>649.05759999999998</v>
      </c>
    </row>
    <row r="10204" spans="4:5" x14ac:dyDescent="0.25">
      <c r="D10204" s="6">
        <v>1442.605</v>
      </c>
      <c r="E10204" s="6">
        <v>516.55439999999999</v>
      </c>
    </row>
    <row r="10205" spans="4:5" x14ac:dyDescent="0.25">
      <c r="D10205" s="6">
        <v>1344.5920000000001</v>
      </c>
      <c r="E10205" s="6">
        <v>964.22969999999998</v>
      </c>
    </row>
    <row r="10206" spans="4:5" x14ac:dyDescent="0.25">
      <c r="D10206" s="6">
        <v>943.59109999999998</v>
      </c>
      <c r="E10206" s="6">
        <v>1964.722</v>
      </c>
    </row>
    <row r="10207" spans="4:5" x14ac:dyDescent="0.25">
      <c r="D10207" s="6">
        <v>1042.2449999999999</v>
      </c>
      <c r="E10207" s="6">
        <v>821.20590000000004</v>
      </c>
    </row>
    <row r="10208" spans="4:5" x14ac:dyDescent="0.25">
      <c r="D10208" s="6">
        <v>1503.1980000000001</v>
      </c>
      <c r="E10208" s="6">
        <v>552.20770000000005</v>
      </c>
    </row>
    <row r="10209" spans="4:5" x14ac:dyDescent="0.25">
      <c r="D10209" s="6">
        <v>2113.8319999999999</v>
      </c>
      <c r="E10209" s="6">
        <v>448.34449999999998</v>
      </c>
    </row>
    <row r="10210" spans="4:5" x14ac:dyDescent="0.25">
      <c r="D10210" s="6">
        <v>938.03530000000001</v>
      </c>
      <c r="E10210" s="6">
        <v>3552.0909999999999</v>
      </c>
    </row>
    <row r="10211" spans="4:5" x14ac:dyDescent="0.25">
      <c r="D10211" s="6">
        <v>996.36950000000002</v>
      </c>
      <c r="E10211" s="6">
        <v>1176.914</v>
      </c>
    </row>
    <row r="10212" spans="4:5" x14ac:dyDescent="0.25">
      <c r="D10212" s="6">
        <v>1787.758</v>
      </c>
      <c r="E10212" s="6">
        <v>3261.3910000000001</v>
      </c>
    </row>
    <row r="10213" spans="4:5" x14ac:dyDescent="0.25">
      <c r="D10213" s="6">
        <v>1097.45</v>
      </c>
      <c r="E10213" s="6">
        <v>769.32169999999996</v>
      </c>
    </row>
    <row r="10214" spans="4:5" x14ac:dyDescent="0.25">
      <c r="D10214" s="6">
        <v>640.01229999999998</v>
      </c>
      <c r="E10214" s="6">
        <v>942.8777</v>
      </c>
    </row>
    <row r="10215" spans="4:5" x14ac:dyDescent="0.25">
      <c r="D10215" s="6">
        <v>5096.8739999999998</v>
      </c>
      <c r="E10215" s="6">
        <v>1247.865</v>
      </c>
    </row>
    <row r="10216" spans="4:5" x14ac:dyDescent="0.25">
      <c r="D10216" s="6">
        <v>2327.154</v>
      </c>
      <c r="E10216" s="6">
        <v>1683.0909999999999</v>
      </c>
    </row>
    <row r="10217" spans="4:5" x14ac:dyDescent="0.25">
      <c r="D10217" s="6">
        <v>2453.9989999999998</v>
      </c>
      <c r="E10217" s="6">
        <v>3108.596</v>
      </c>
    </row>
    <row r="10218" spans="4:5" x14ac:dyDescent="0.25">
      <c r="D10218" s="6">
        <v>1498.885</v>
      </c>
      <c r="E10218" s="6">
        <v>1915.498</v>
      </c>
    </row>
    <row r="10219" spans="4:5" x14ac:dyDescent="0.25">
      <c r="D10219" s="6">
        <v>1644.723</v>
      </c>
      <c r="E10219" s="6">
        <v>680.87080000000003</v>
      </c>
    </row>
    <row r="10220" spans="4:5" x14ac:dyDescent="0.25">
      <c r="D10220" s="6">
        <v>3743.768</v>
      </c>
      <c r="E10220" s="6">
        <v>1140.402</v>
      </c>
    </row>
    <row r="10221" spans="4:5" x14ac:dyDescent="0.25">
      <c r="D10221" s="6">
        <v>867.90729999999996</v>
      </c>
      <c r="E10221" s="6">
        <v>486.5147</v>
      </c>
    </row>
    <row r="10222" spans="4:5" x14ac:dyDescent="0.25">
      <c r="D10222" s="6">
        <v>1178.4559999999999</v>
      </c>
      <c r="E10222" s="6">
        <v>2194.27</v>
      </c>
    </row>
    <row r="10223" spans="4:5" x14ac:dyDescent="0.25">
      <c r="D10223" s="6">
        <v>930.66830000000004</v>
      </c>
      <c r="E10223" s="6">
        <v>1300.502</v>
      </c>
    </row>
    <row r="10224" spans="4:5" x14ac:dyDescent="0.25">
      <c r="D10224" s="6">
        <v>2160.5030000000002</v>
      </c>
      <c r="E10224" s="6">
        <v>1226.9490000000001</v>
      </c>
    </row>
    <row r="10225" spans="4:5" x14ac:dyDescent="0.25">
      <c r="D10225" s="6">
        <v>2008.915</v>
      </c>
      <c r="E10225" s="6">
        <v>1657.182</v>
      </c>
    </row>
    <row r="10226" spans="4:5" x14ac:dyDescent="0.25">
      <c r="D10226" s="6">
        <v>1049.008</v>
      </c>
      <c r="E10226" s="6">
        <v>945</v>
      </c>
    </row>
    <row r="10227" spans="4:5" x14ac:dyDescent="0.25">
      <c r="D10227" s="6">
        <v>5116.4539999999997</v>
      </c>
      <c r="E10227" s="6">
        <v>2840.1109999999999</v>
      </c>
    </row>
    <row r="10228" spans="4:5" x14ac:dyDescent="0.25">
      <c r="D10228" s="6">
        <v>1618.8710000000001</v>
      </c>
      <c r="E10228" s="6">
        <v>930.63229999999999</v>
      </c>
    </row>
    <row r="10229" spans="4:5" x14ac:dyDescent="0.25">
      <c r="D10229" s="6">
        <v>1314.1130000000001</v>
      </c>
      <c r="E10229" s="6">
        <v>1062.2449999999999</v>
      </c>
    </row>
    <row r="10230" spans="4:5" x14ac:dyDescent="0.25">
      <c r="D10230" s="6">
        <v>2698.3220000000001</v>
      </c>
      <c r="E10230" s="6">
        <v>1019.853</v>
      </c>
    </row>
    <row r="10231" spans="4:5" x14ac:dyDescent="0.25">
      <c r="D10231" s="6">
        <v>1412.2909999999999</v>
      </c>
      <c r="E10231" s="6">
        <v>601.93420000000003</v>
      </c>
    </row>
    <row r="10232" spans="4:5" x14ac:dyDescent="0.25">
      <c r="D10232" s="6">
        <v>753.71669999999995</v>
      </c>
      <c r="E10232" s="6">
        <v>1212.3340000000001</v>
      </c>
    </row>
    <row r="10233" spans="4:5" x14ac:dyDescent="0.25">
      <c r="D10233" s="6">
        <v>490.11489999999998</v>
      </c>
      <c r="E10233" s="6">
        <v>2934.0569999999998</v>
      </c>
    </row>
    <row r="10234" spans="4:5" x14ac:dyDescent="0.25">
      <c r="D10234" s="6">
        <v>1139.3019999999999</v>
      </c>
      <c r="E10234" s="6">
        <v>839.96019999999999</v>
      </c>
    </row>
    <row r="10235" spans="4:5" x14ac:dyDescent="0.25">
      <c r="D10235" s="6">
        <v>1071.44</v>
      </c>
      <c r="E10235" s="6">
        <v>1369.8810000000001</v>
      </c>
    </row>
    <row r="10236" spans="4:5" x14ac:dyDescent="0.25">
      <c r="D10236" s="6">
        <v>869.67610000000002</v>
      </c>
      <c r="E10236" s="6">
        <v>450.22059999999999</v>
      </c>
    </row>
    <row r="10237" spans="4:5" x14ac:dyDescent="0.25">
      <c r="D10237" s="6">
        <v>1945.7090000000001</v>
      </c>
      <c r="E10237" s="6">
        <v>1759.3430000000001</v>
      </c>
    </row>
    <row r="10238" spans="4:5" x14ac:dyDescent="0.25">
      <c r="D10238" s="6">
        <v>744.37829999999997</v>
      </c>
      <c r="E10238" s="6">
        <v>915.34659999999997</v>
      </c>
    </row>
    <row r="10239" spans="4:5" x14ac:dyDescent="0.25">
      <c r="D10239" s="6">
        <v>1312.261</v>
      </c>
      <c r="E10239" s="6">
        <v>863.2441</v>
      </c>
    </row>
    <row r="10240" spans="4:5" x14ac:dyDescent="0.25">
      <c r="D10240" s="6">
        <v>1667.0630000000001</v>
      </c>
      <c r="E10240" s="6">
        <v>1223.752</v>
      </c>
    </row>
    <row r="10241" spans="4:5" x14ac:dyDescent="0.25">
      <c r="D10241" s="6">
        <v>488.97269999999997</v>
      </c>
      <c r="E10241" s="6">
        <v>2295.3629999999998</v>
      </c>
    </row>
    <row r="10242" spans="4:5" x14ac:dyDescent="0.25">
      <c r="D10242" s="6">
        <v>3227.9870000000001</v>
      </c>
      <c r="E10242" s="6">
        <v>2574.895</v>
      </c>
    </row>
    <row r="10243" spans="4:5" x14ac:dyDescent="0.25">
      <c r="D10243" s="6">
        <v>1588.5</v>
      </c>
      <c r="E10243" s="6">
        <v>966.66790000000003</v>
      </c>
    </row>
    <row r="10244" spans="4:5" x14ac:dyDescent="0.25">
      <c r="D10244" s="6">
        <v>1141</v>
      </c>
      <c r="E10244" s="6">
        <v>492.72590000000002</v>
      </c>
    </row>
    <row r="10245" spans="4:5" x14ac:dyDescent="0.25">
      <c r="D10245" s="6">
        <v>1182.1969999999999</v>
      </c>
      <c r="E10245" s="6">
        <v>1324.2</v>
      </c>
    </row>
    <row r="10246" spans="4:5" x14ac:dyDescent="0.25">
      <c r="D10246" s="6">
        <v>591.42939999999999</v>
      </c>
      <c r="E10246" s="6">
        <v>2162.047</v>
      </c>
    </row>
    <row r="10247" spans="4:5" x14ac:dyDescent="0.25">
      <c r="D10247" s="6">
        <v>856.82659999999998</v>
      </c>
      <c r="E10247" s="6">
        <v>665.94119999999998</v>
      </c>
    </row>
    <row r="10248" spans="4:5" x14ac:dyDescent="0.25">
      <c r="D10248" s="6">
        <v>651.85479999999995</v>
      </c>
      <c r="E10248" s="6">
        <v>1917.192</v>
      </c>
    </row>
    <row r="10249" spans="4:5" x14ac:dyDescent="0.25">
      <c r="D10249" s="6">
        <v>1033.8820000000001</v>
      </c>
      <c r="E10249" s="6">
        <v>2348.451</v>
      </c>
    </row>
    <row r="10250" spans="4:5" x14ac:dyDescent="0.25">
      <c r="D10250" s="6">
        <v>1670.521</v>
      </c>
      <c r="E10250" s="6">
        <v>1306.096</v>
      </c>
    </row>
    <row r="10251" spans="4:5" x14ac:dyDescent="0.25">
      <c r="D10251" s="6">
        <v>716.81799999999998</v>
      </c>
      <c r="E10251" s="6">
        <v>506.44060000000002</v>
      </c>
    </row>
    <row r="10252" spans="4:5" x14ac:dyDescent="0.25">
      <c r="D10252" s="6">
        <v>415.93020000000001</v>
      </c>
      <c r="E10252" s="6">
        <v>3663.058</v>
      </c>
    </row>
    <row r="10253" spans="4:5" x14ac:dyDescent="0.25">
      <c r="D10253" s="6">
        <v>4548.1270000000004</v>
      </c>
      <c r="E10253" s="6">
        <v>3889.9430000000002</v>
      </c>
    </row>
    <row r="10254" spans="4:5" x14ac:dyDescent="0.25">
      <c r="D10254" s="6">
        <v>1172.0309999999999</v>
      </c>
      <c r="E10254" s="6">
        <v>1081.8620000000001</v>
      </c>
    </row>
    <row r="10255" spans="4:5" x14ac:dyDescent="0.25">
      <c r="D10255" s="6">
        <v>578.66449999999998</v>
      </c>
      <c r="E10255" s="6">
        <v>995.6114</v>
      </c>
    </row>
    <row r="10256" spans="4:5" x14ac:dyDescent="0.25">
      <c r="D10256" s="6">
        <v>617.99450000000002</v>
      </c>
      <c r="E10256" s="6">
        <v>486.83609999999999</v>
      </c>
    </row>
    <row r="10257" spans="4:5" x14ac:dyDescent="0.25">
      <c r="D10257" s="6">
        <v>1484.296</v>
      </c>
      <c r="E10257" s="6">
        <v>3461.8330000000001</v>
      </c>
    </row>
    <row r="10258" spans="4:5" x14ac:dyDescent="0.25">
      <c r="D10258" s="6">
        <v>2255.5250000000001</v>
      </c>
      <c r="E10258" s="6">
        <v>1461.09</v>
      </c>
    </row>
    <row r="10259" spans="4:5" x14ac:dyDescent="0.25">
      <c r="D10259" s="6">
        <v>465.99290000000002</v>
      </c>
      <c r="E10259" s="6">
        <v>4015.7950000000001</v>
      </c>
    </row>
    <row r="10260" spans="4:5" x14ac:dyDescent="0.25">
      <c r="D10260" s="6">
        <v>1746.8430000000001</v>
      </c>
      <c r="E10260" s="6">
        <v>730.33330000000001</v>
      </c>
    </row>
    <row r="10261" spans="4:5" x14ac:dyDescent="0.25">
      <c r="D10261" s="6">
        <v>5157.1189999999997</v>
      </c>
      <c r="E10261" s="6">
        <v>1067.0029999999999</v>
      </c>
    </row>
    <row r="10262" spans="4:5" x14ac:dyDescent="0.25">
      <c r="D10262" s="6">
        <v>635.20590000000004</v>
      </c>
      <c r="E10262" s="6">
        <v>549.73879999999997</v>
      </c>
    </row>
    <row r="10263" spans="4:5" x14ac:dyDescent="0.25">
      <c r="D10263" s="6">
        <v>684.89679999999998</v>
      </c>
      <c r="E10263" s="6">
        <v>2087.7339999999999</v>
      </c>
    </row>
    <row r="10264" spans="4:5" x14ac:dyDescent="0.25">
      <c r="D10264" s="6">
        <v>3450.1239999999998</v>
      </c>
      <c r="E10264" s="6">
        <v>670.19989999999996</v>
      </c>
    </row>
    <row r="10265" spans="4:5" x14ac:dyDescent="0.25">
      <c r="D10265" s="6">
        <v>1311.135</v>
      </c>
      <c r="E10265" s="6">
        <v>3088.223</v>
      </c>
    </row>
    <row r="10266" spans="4:5" x14ac:dyDescent="0.25">
      <c r="D10266" s="6">
        <v>1196.7190000000001</v>
      </c>
      <c r="E10266" s="6">
        <v>612.00189999999998</v>
      </c>
    </row>
    <row r="10267" spans="4:5" x14ac:dyDescent="0.25">
      <c r="D10267" s="6">
        <v>438.81490000000002</v>
      </c>
      <c r="E10267" s="6">
        <v>1676.52</v>
      </c>
    </row>
    <row r="10268" spans="4:5" x14ac:dyDescent="0.25">
      <c r="D10268" s="6">
        <v>3340.66</v>
      </c>
      <c r="E10268" s="6">
        <v>4485.5</v>
      </c>
    </row>
    <row r="10269" spans="4:5" x14ac:dyDescent="0.25">
      <c r="D10269" s="6">
        <v>1299.6110000000001</v>
      </c>
      <c r="E10269" s="6">
        <v>1645.847</v>
      </c>
    </row>
    <row r="10270" spans="4:5" x14ac:dyDescent="0.25">
      <c r="D10270" s="6">
        <v>1363.08</v>
      </c>
      <c r="E10270" s="6">
        <v>950.24490000000003</v>
      </c>
    </row>
    <row r="10271" spans="4:5" x14ac:dyDescent="0.25">
      <c r="D10271" s="6">
        <v>3479.5360000000001</v>
      </c>
      <c r="E10271" s="6">
        <v>2486.556</v>
      </c>
    </row>
    <row r="10272" spans="4:5" x14ac:dyDescent="0.25">
      <c r="D10272" s="6">
        <v>1151.7439999999999</v>
      </c>
      <c r="E10272" s="6">
        <v>427.74860000000001</v>
      </c>
    </row>
    <row r="10273" spans="4:5" x14ac:dyDescent="0.25">
      <c r="D10273" s="6">
        <v>526.72540000000004</v>
      </c>
      <c r="E10273" s="6">
        <v>2564.895</v>
      </c>
    </row>
    <row r="10274" spans="4:5" x14ac:dyDescent="0.25">
      <c r="D10274" s="6">
        <v>599.15430000000003</v>
      </c>
      <c r="E10274" s="6">
        <v>1821.5229999999999</v>
      </c>
    </row>
    <row r="10275" spans="4:5" x14ac:dyDescent="0.25">
      <c r="D10275" s="6">
        <v>734.10360000000003</v>
      </c>
      <c r="E10275" s="6">
        <v>1159.154</v>
      </c>
    </row>
    <row r="10276" spans="4:5" x14ac:dyDescent="0.25">
      <c r="D10276" s="6">
        <v>1064.346</v>
      </c>
      <c r="E10276" s="6">
        <v>8100</v>
      </c>
    </row>
    <row r="10277" spans="4:5" x14ac:dyDescent="0.25">
      <c r="D10277" s="6">
        <v>1219.6130000000001</v>
      </c>
      <c r="E10277" s="6">
        <v>1386.683</v>
      </c>
    </row>
    <row r="10278" spans="4:5" x14ac:dyDescent="0.25">
      <c r="D10278" s="6">
        <v>1195.0160000000001</v>
      </c>
      <c r="E10278" s="6">
        <v>2251.029</v>
      </c>
    </row>
    <row r="10279" spans="4:5" x14ac:dyDescent="0.25">
      <c r="D10279" s="6">
        <v>922.60990000000004</v>
      </c>
      <c r="E10279" s="6">
        <v>937.58150000000001</v>
      </c>
    </row>
    <row r="10280" spans="4:5" x14ac:dyDescent="0.25">
      <c r="D10280" s="6">
        <v>1044.6079999999999</v>
      </c>
      <c r="E10280" s="6">
        <v>732.12609999999995</v>
      </c>
    </row>
    <row r="10281" spans="4:5" x14ac:dyDescent="0.25">
      <c r="D10281" s="6">
        <v>1625.873</v>
      </c>
      <c r="E10281" s="6">
        <v>2682.893</v>
      </c>
    </row>
    <row r="10282" spans="4:5" x14ac:dyDescent="0.25">
      <c r="D10282" s="6">
        <v>1337.327</v>
      </c>
      <c r="E10282" s="6">
        <v>2369.509</v>
      </c>
    </row>
    <row r="10283" spans="4:5" x14ac:dyDescent="0.25">
      <c r="D10283" s="6">
        <v>4199.7139999999999</v>
      </c>
      <c r="E10283" s="6">
        <v>847.8175</v>
      </c>
    </row>
    <row r="10284" spans="4:5" x14ac:dyDescent="0.25">
      <c r="D10284" s="6">
        <v>645.28160000000003</v>
      </c>
      <c r="E10284" s="6">
        <v>2154.92</v>
      </c>
    </row>
    <row r="10285" spans="4:5" x14ac:dyDescent="0.25">
      <c r="D10285" s="6">
        <v>1352.258</v>
      </c>
      <c r="E10285" s="6">
        <v>419</v>
      </c>
    </row>
    <row r="10286" spans="4:5" x14ac:dyDescent="0.25">
      <c r="D10286" s="6">
        <v>1107.2090000000001</v>
      </c>
      <c r="E10286" s="6">
        <v>787.07809999999995</v>
      </c>
    </row>
    <row r="10287" spans="4:5" x14ac:dyDescent="0.25">
      <c r="D10287" s="6">
        <v>1034.6990000000001</v>
      </c>
      <c r="E10287" s="6">
        <v>1659.1959999999999</v>
      </c>
    </row>
    <row r="10288" spans="4:5" x14ac:dyDescent="0.25">
      <c r="D10288" s="6">
        <v>1618.2329999999999</v>
      </c>
      <c r="E10288" s="6">
        <v>487.36829999999998</v>
      </c>
    </row>
    <row r="10289" spans="4:5" x14ac:dyDescent="0.25">
      <c r="D10289" s="6">
        <v>1892.2170000000001</v>
      </c>
      <c r="E10289" s="6">
        <v>839.40319999999997</v>
      </c>
    </row>
    <row r="10290" spans="4:5" x14ac:dyDescent="0.25">
      <c r="D10290" s="6">
        <v>1557.6479999999999</v>
      </c>
      <c r="E10290" s="6">
        <v>2049.096</v>
      </c>
    </row>
    <row r="10291" spans="4:5" x14ac:dyDescent="0.25">
      <c r="D10291" s="6">
        <v>5010.1980000000003</v>
      </c>
      <c r="E10291" s="6">
        <v>526.71500000000003</v>
      </c>
    </row>
    <row r="10292" spans="4:5" x14ac:dyDescent="0.25">
      <c r="D10292" s="6">
        <v>1513.2909999999999</v>
      </c>
      <c r="E10292" s="6">
        <v>4460.5050000000001</v>
      </c>
    </row>
    <row r="10293" spans="4:5" x14ac:dyDescent="0.25">
      <c r="D10293" s="6">
        <v>1049.463</v>
      </c>
      <c r="E10293" s="6">
        <v>2763.1060000000002</v>
      </c>
    </row>
    <row r="10294" spans="4:5" x14ac:dyDescent="0.25">
      <c r="D10294" s="6">
        <v>1153.866</v>
      </c>
      <c r="E10294" s="6">
        <v>1759.1669999999999</v>
      </c>
    </row>
    <row r="10295" spans="4:5" x14ac:dyDescent="0.25">
      <c r="D10295" s="6">
        <v>614.20190000000002</v>
      </c>
      <c r="E10295" s="6">
        <v>554.30949999999996</v>
      </c>
    </row>
    <row r="10296" spans="4:5" x14ac:dyDescent="0.25">
      <c r="D10296" s="6">
        <v>3556</v>
      </c>
      <c r="E10296" s="6">
        <v>3181.6860000000001</v>
      </c>
    </row>
    <row r="10297" spans="4:5" x14ac:dyDescent="0.25">
      <c r="D10297" s="6">
        <v>760.75840000000005</v>
      </c>
      <c r="E10297" s="6">
        <v>1268.0360000000001</v>
      </c>
    </row>
    <row r="10298" spans="4:5" x14ac:dyDescent="0.25">
      <c r="D10298" s="6">
        <v>3074.9319999999998</v>
      </c>
      <c r="E10298" s="6">
        <v>2587.8240000000001</v>
      </c>
    </row>
    <row r="10299" spans="4:5" x14ac:dyDescent="0.25">
      <c r="D10299" s="6">
        <v>598.32439999999997</v>
      </c>
      <c r="E10299" s="6">
        <v>1847.4929999999999</v>
      </c>
    </row>
    <row r="10300" spans="4:5" x14ac:dyDescent="0.25">
      <c r="D10300" s="6">
        <v>1306.7159999999999</v>
      </c>
      <c r="E10300" s="6">
        <v>793.822</v>
      </c>
    </row>
    <row r="10301" spans="4:5" x14ac:dyDescent="0.25">
      <c r="D10301" s="6">
        <v>1390.9749999999999</v>
      </c>
      <c r="E10301" s="6">
        <v>955.85119999999995</v>
      </c>
    </row>
    <row r="10302" spans="4:5" x14ac:dyDescent="0.25">
      <c r="D10302" s="6">
        <v>937.15880000000004</v>
      </c>
      <c r="E10302" s="6">
        <v>710.04809999999998</v>
      </c>
    </row>
    <row r="10303" spans="4:5" x14ac:dyDescent="0.25">
      <c r="D10303" s="6">
        <v>771.5335</v>
      </c>
      <c r="E10303" s="6">
        <v>2236.866</v>
      </c>
    </row>
    <row r="10304" spans="4:5" x14ac:dyDescent="0.25">
      <c r="D10304" s="6">
        <v>1502.567</v>
      </c>
      <c r="E10304" s="6">
        <v>1007.798</v>
      </c>
    </row>
    <row r="10305" spans="4:5" x14ac:dyDescent="0.25">
      <c r="D10305" s="6">
        <v>1747.8969999999999</v>
      </c>
      <c r="E10305" s="6">
        <v>720.86120000000005</v>
      </c>
    </row>
    <row r="10306" spans="4:5" x14ac:dyDescent="0.25">
      <c r="D10306" s="6">
        <v>958.55880000000002</v>
      </c>
      <c r="E10306" s="6">
        <v>829.0154</v>
      </c>
    </row>
    <row r="10307" spans="4:5" x14ac:dyDescent="0.25">
      <c r="D10307" s="6">
        <v>1372.28</v>
      </c>
      <c r="E10307" s="6">
        <v>701.11969999999997</v>
      </c>
    </row>
    <row r="10308" spans="4:5" x14ac:dyDescent="0.25">
      <c r="D10308" s="6">
        <v>1434</v>
      </c>
      <c r="E10308" s="6">
        <v>960.11630000000002</v>
      </c>
    </row>
    <row r="10309" spans="4:5" x14ac:dyDescent="0.25">
      <c r="D10309" s="6">
        <v>1333.875</v>
      </c>
      <c r="E10309" s="6">
        <v>617.14210000000003</v>
      </c>
    </row>
    <row r="10310" spans="4:5" x14ac:dyDescent="0.25">
      <c r="D10310" s="6">
        <v>2575.4110000000001</v>
      </c>
      <c r="E10310" s="6">
        <v>1027.1420000000001</v>
      </c>
    </row>
    <row r="10311" spans="4:5" x14ac:dyDescent="0.25">
      <c r="D10311" s="6">
        <v>4951.9809999999998</v>
      </c>
      <c r="E10311" s="6">
        <v>607.10140000000001</v>
      </c>
    </row>
    <row r="10312" spans="4:5" x14ac:dyDescent="0.25">
      <c r="D10312" s="6">
        <v>1012.019</v>
      </c>
      <c r="E10312" s="6">
        <v>959.41880000000003</v>
      </c>
    </row>
    <row r="10313" spans="4:5" x14ac:dyDescent="0.25">
      <c r="D10313" s="6">
        <v>788.58090000000004</v>
      </c>
      <c r="E10313" s="6">
        <v>2711.578</v>
      </c>
    </row>
    <row r="10314" spans="4:5" x14ac:dyDescent="0.25">
      <c r="D10314" s="6">
        <v>2171.2959999999998</v>
      </c>
      <c r="E10314" s="6">
        <v>2376.2159999999999</v>
      </c>
    </row>
    <row r="10315" spans="4:5" x14ac:dyDescent="0.25">
      <c r="D10315" s="6">
        <v>693.29589999999996</v>
      </c>
      <c r="E10315" s="6">
        <v>788.34209999999996</v>
      </c>
    </row>
    <row r="10316" spans="4:5" x14ac:dyDescent="0.25">
      <c r="D10316" s="6">
        <v>1200.9749999999999</v>
      </c>
      <c r="E10316" s="6">
        <v>1099.69</v>
      </c>
    </row>
    <row r="10317" spans="4:5" x14ac:dyDescent="0.25">
      <c r="D10317" s="6">
        <v>3642.1860000000001</v>
      </c>
      <c r="E10317" s="6">
        <v>1017.495</v>
      </c>
    </row>
    <row r="10318" spans="4:5" x14ac:dyDescent="0.25">
      <c r="D10318" s="6">
        <v>472.29910000000001</v>
      </c>
      <c r="E10318" s="6">
        <v>1148.193</v>
      </c>
    </row>
    <row r="10319" spans="4:5" x14ac:dyDescent="0.25">
      <c r="D10319" s="6">
        <v>558.76739999999995</v>
      </c>
      <c r="E10319" s="6">
        <v>609.20479999999998</v>
      </c>
    </row>
    <row r="10320" spans="4:5" x14ac:dyDescent="0.25">
      <c r="D10320" s="6">
        <v>2063.4769999999999</v>
      </c>
      <c r="E10320" s="6">
        <v>1605.8130000000001</v>
      </c>
    </row>
    <row r="10321" spans="4:5" x14ac:dyDescent="0.25">
      <c r="D10321" s="6">
        <v>920.99590000000001</v>
      </c>
      <c r="E10321" s="6">
        <v>1003.9690000000001</v>
      </c>
    </row>
    <row r="10322" spans="4:5" x14ac:dyDescent="0.25">
      <c r="D10322" s="6">
        <v>2291.8760000000002</v>
      </c>
      <c r="E10322" s="6">
        <v>998.01549999999997</v>
      </c>
    </row>
    <row r="10323" spans="4:5" x14ac:dyDescent="0.25">
      <c r="D10323" s="6">
        <v>1588.6479999999999</v>
      </c>
      <c r="E10323" s="6">
        <v>10085.969999999999</v>
      </c>
    </row>
    <row r="10324" spans="4:5" x14ac:dyDescent="0.25">
      <c r="D10324" s="6">
        <v>941.25429999999994</v>
      </c>
      <c r="E10324" s="6">
        <v>5118.9449999999997</v>
      </c>
    </row>
    <row r="10325" spans="4:5" x14ac:dyDescent="0.25">
      <c r="D10325" s="6">
        <v>1313.932</v>
      </c>
      <c r="E10325" s="6">
        <v>1204.9010000000001</v>
      </c>
    </row>
    <row r="10326" spans="4:5" x14ac:dyDescent="0.25">
      <c r="D10326" s="6">
        <v>1508.0129999999999</v>
      </c>
      <c r="E10326" s="6">
        <v>714.83330000000001</v>
      </c>
    </row>
    <row r="10327" spans="4:5" x14ac:dyDescent="0.25">
      <c r="D10327" s="6">
        <v>5308.2139999999999</v>
      </c>
      <c r="E10327" s="6">
        <v>927.60519999999997</v>
      </c>
    </row>
    <row r="10328" spans="4:5" x14ac:dyDescent="0.25">
      <c r="D10328" s="6">
        <v>523.13760000000002</v>
      </c>
      <c r="E10328" s="6">
        <v>1634.9760000000001</v>
      </c>
    </row>
    <row r="10329" spans="4:5" x14ac:dyDescent="0.25">
      <c r="D10329" s="6">
        <v>16383</v>
      </c>
      <c r="E10329" s="6">
        <v>4964.8630000000003</v>
      </c>
    </row>
    <row r="10330" spans="4:5" x14ac:dyDescent="0.25">
      <c r="D10330" s="6">
        <v>1037.825</v>
      </c>
      <c r="E10330" s="6">
        <v>986.63199999999995</v>
      </c>
    </row>
    <row r="10331" spans="4:5" x14ac:dyDescent="0.25">
      <c r="D10331" s="6">
        <v>735.59280000000001</v>
      </c>
      <c r="E10331" s="6">
        <v>1139.2860000000001</v>
      </c>
    </row>
    <row r="10332" spans="4:5" x14ac:dyDescent="0.25">
      <c r="D10332" s="6">
        <v>3762.8150000000001</v>
      </c>
      <c r="E10332" s="6">
        <v>1454.9829999999999</v>
      </c>
    </row>
    <row r="10333" spans="4:5" x14ac:dyDescent="0.25">
      <c r="D10333" s="6">
        <v>1284.0350000000001</v>
      </c>
      <c r="E10333" s="6">
        <v>745.3039</v>
      </c>
    </row>
    <row r="10334" spans="4:5" x14ac:dyDescent="0.25">
      <c r="D10334" s="6">
        <v>2832.701</v>
      </c>
      <c r="E10334" s="6">
        <v>740.84580000000005</v>
      </c>
    </row>
    <row r="10335" spans="4:5" x14ac:dyDescent="0.25">
      <c r="D10335" s="6">
        <v>1409.2539999999999</v>
      </c>
      <c r="E10335" s="6">
        <v>1803.653</v>
      </c>
    </row>
    <row r="10336" spans="4:5" x14ac:dyDescent="0.25">
      <c r="D10336" s="6">
        <v>353.697</v>
      </c>
      <c r="E10336" s="6">
        <v>1288.1569999999999</v>
      </c>
    </row>
    <row r="10337" spans="4:5" x14ac:dyDescent="0.25">
      <c r="D10337" s="6">
        <v>1537.8869999999999</v>
      </c>
      <c r="E10337" s="6">
        <v>591.78179999999998</v>
      </c>
    </row>
    <row r="10338" spans="4:5" x14ac:dyDescent="0.25">
      <c r="D10338" s="6">
        <v>2099.402</v>
      </c>
      <c r="E10338" s="6">
        <v>909.57809999999995</v>
      </c>
    </row>
    <row r="10339" spans="4:5" x14ac:dyDescent="0.25">
      <c r="D10339" s="6">
        <v>1554.2909999999999</v>
      </c>
      <c r="E10339" s="6">
        <v>534.49959999999999</v>
      </c>
    </row>
    <row r="10340" spans="4:5" x14ac:dyDescent="0.25">
      <c r="D10340" s="6">
        <v>1240.778</v>
      </c>
      <c r="E10340" s="6">
        <v>2499.3470000000002</v>
      </c>
    </row>
    <row r="10341" spans="4:5" x14ac:dyDescent="0.25">
      <c r="D10341" s="6">
        <v>1201.0550000000001</v>
      </c>
      <c r="E10341" s="6">
        <v>711.8854</v>
      </c>
    </row>
    <row r="10342" spans="4:5" x14ac:dyDescent="0.25">
      <c r="D10342" s="6">
        <v>557.2056</v>
      </c>
      <c r="E10342" s="6">
        <v>1212.9559999999999</v>
      </c>
    </row>
    <row r="10343" spans="4:5" x14ac:dyDescent="0.25">
      <c r="D10343" s="6">
        <v>846.16650000000004</v>
      </c>
      <c r="E10343" s="6">
        <v>1184.2070000000001</v>
      </c>
    </row>
    <row r="10344" spans="4:5" x14ac:dyDescent="0.25">
      <c r="D10344" s="6">
        <v>2180.442</v>
      </c>
      <c r="E10344" s="6">
        <v>400.55509999999998</v>
      </c>
    </row>
    <row r="10345" spans="4:5" x14ac:dyDescent="0.25">
      <c r="D10345" s="6">
        <v>2212.6089999999999</v>
      </c>
      <c r="E10345" s="6">
        <v>1721.5709999999999</v>
      </c>
    </row>
    <row r="10346" spans="4:5" x14ac:dyDescent="0.25">
      <c r="D10346" s="6">
        <v>1129.0429999999999</v>
      </c>
      <c r="E10346" s="6">
        <v>2277.1799999999998</v>
      </c>
    </row>
    <row r="10347" spans="4:5" x14ac:dyDescent="0.25">
      <c r="D10347" s="6">
        <v>1491.048</v>
      </c>
      <c r="E10347" s="6">
        <v>3465.0630000000001</v>
      </c>
    </row>
    <row r="10348" spans="4:5" x14ac:dyDescent="0.25">
      <c r="D10348" s="6">
        <v>1547.7670000000001</v>
      </c>
      <c r="E10348" s="6">
        <v>888.55870000000004</v>
      </c>
    </row>
    <row r="10349" spans="4:5" x14ac:dyDescent="0.25">
      <c r="D10349" s="6">
        <v>991.17759999999998</v>
      </c>
      <c r="E10349" s="6">
        <v>1382.0250000000001</v>
      </c>
    </row>
    <row r="10350" spans="4:5" x14ac:dyDescent="0.25">
      <c r="D10350" s="6">
        <v>1288.6690000000001</v>
      </c>
      <c r="E10350" s="6">
        <v>1588.6179999999999</v>
      </c>
    </row>
    <row r="10351" spans="4:5" x14ac:dyDescent="0.25">
      <c r="D10351" s="6">
        <v>739.92840000000001</v>
      </c>
      <c r="E10351" s="6">
        <v>822.59310000000005</v>
      </c>
    </row>
    <row r="10352" spans="4:5" x14ac:dyDescent="0.25">
      <c r="D10352" s="6">
        <v>978.03750000000002</v>
      </c>
      <c r="E10352" s="6">
        <v>840.54039999999998</v>
      </c>
    </row>
    <row r="10353" spans="4:5" x14ac:dyDescent="0.25">
      <c r="D10353" s="6">
        <v>1527.537</v>
      </c>
      <c r="E10353" s="6">
        <v>1001.0549999999999</v>
      </c>
    </row>
    <row r="10354" spans="4:5" x14ac:dyDescent="0.25">
      <c r="D10354" s="6">
        <v>797.36429999999996</v>
      </c>
      <c r="E10354" s="6">
        <v>516.03369999999995</v>
      </c>
    </row>
    <row r="10355" spans="4:5" x14ac:dyDescent="0.25">
      <c r="D10355" s="6">
        <v>649.74710000000005</v>
      </c>
      <c r="E10355" s="6">
        <v>1231</v>
      </c>
    </row>
    <row r="10356" spans="4:5" x14ac:dyDescent="0.25">
      <c r="D10356" s="6">
        <v>1256.6859999999999</v>
      </c>
      <c r="E10356" s="6">
        <v>1195.2070000000001</v>
      </c>
    </row>
    <row r="10357" spans="4:5" x14ac:dyDescent="0.25">
      <c r="D10357" s="6">
        <v>808.5308</v>
      </c>
      <c r="E10357" s="6">
        <v>736.26649999999995</v>
      </c>
    </row>
    <row r="10358" spans="4:5" x14ac:dyDescent="0.25">
      <c r="D10358" s="6">
        <v>588.77859999999998</v>
      </c>
      <c r="E10358" s="6">
        <v>1506.932</v>
      </c>
    </row>
    <row r="10359" spans="4:5" x14ac:dyDescent="0.25">
      <c r="D10359" s="6">
        <v>623.1191</v>
      </c>
      <c r="E10359" s="6">
        <v>541.24530000000004</v>
      </c>
    </row>
    <row r="10360" spans="4:5" x14ac:dyDescent="0.25">
      <c r="D10360" s="6">
        <v>1557.885</v>
      </c>
      <c r="E10360" s="6">
        <v>472.63440000000003</v>
      </c>
    </row>
    <row r="10361" spans="4:5" x14ac:dyDescent="0.25">
      <c r="D10361" s="6">
        <v>935.4384</v>
      </c>
      <c r="E10361" s="6">
        <v>1142.2719999999999</v>
      </c>
    </row>
    <row r="10362" spans="4:5" x14ac:dyDescent="0.25">
      <c r="D10362" s="6">
        <v>503.66669999999999</v>
      </c>
      <c r="E10362" s="6">
        <v>1220.7809999999999</v>
      </c>
    </row>
    <row r="10363" spans="4:5" x14ac:dyDescent="0.25">
      <c r="D10363" s="6">
        <v>1474.309</v>
      </c>
      <c r="E10363" s="6">
        <v>980.52390000000003</v>
      </c>
    </row>
    <row r="10364" spans="4:5" x14ac:dyDescent="0.25">
      <c r="D10364" s="6">
        <v>1069.819</v>
      </c>
      <c r="E10364" s="6">
        <v>1925.982</v>
      </c>
    </row>
    <row r="10365" spans="4:5" x14ac:dyDescent="0.25">
      <c r="D10365" s="6">
        <v>1302.308</v>
      </c>
      <c r="E10365" s="6">
        <v>424.4923</v>
      </c>
    </row>
    <row r="10366" spans="4:5" x14ac:dyDescent="0.25">
      <c r="D10366" s="6">
        <v>2621.6640000000002</v>
      </c>
      <c r="E10366" s="6">
        <v>516.71460000000002</v>
      </c>
    </row>
    <row r="10367" spans="4:5" x14ac:dyDescent="0.25">
      <c r="D10367" s="6">
        <v>1294.002</v>
      </c>
      <c r="E10367" s="6">
        <v>1567.0129999999999</v>
      </c>
    </row>
    <row r="10368" spans="4:5" x14ac:dyDescent="0.25">
      <c r="D10368" s="6">
        <v>2756.72</v>
      </c>
      <c r="E10368" s="6">
        <v>2197.9670000000001</v>
      </c>
    </row>
    <row r="10369" spans="4:5" x14ac:dyDescent="0.25">
      <c r="D10369" s="6">
        <v>2778.252</v>
      </c>
      <c r="E10369" s="6">
        <v>581.65660000000003</v>
      </c>
    </row>
    <row r="10370" spans="4:5" x14ac:dyDescent="0.25">
      <c r="D10370" s="6">
        <v>6033.11</v>
      </c>
      <c r="E10370" s="6">
        <v>951.77210000000002</v>
      </c>
    </row>
    <row r="10371" spans="4:5" x14ac:dyDescent="0.25">
      <c r="D10371" s="6">
        <v>1420.1130000000001</v>
      </c>
      <c r="E10371" s="6">
        <v>2379.0140000000001</v>
      </c>
    </row>
    <row r="10372" spans="4:5" x14ac:dyDescent="0.25">
      <c r="D10372" s="6">
        <v>1208.3</v>
      </c>
      <c r="E10372" s="6">
        <v>7625.0749999999998</v>
      </c>
    </row>
    <row r="10373" spans="4:5" x14ac:dyDescent="0.25">
      <c r="D10373" s="6">
        <v>675.28099999999995</v>
      </c>
      <c r="E10373" s="6">
        <v>1634</v>
      </c>
    </row>
    <row r="10374" spans="4:5" x14ac:dyDescent="0.25">
      <c r="D10374" s="6">
        <v>3342.9290000000001</v>
      </c>
      <c r="E10374" s="6">
        <v>10918.84</v>
      </c>
    </row>
    <row r="10375" spans="4:5" x14ac:dyDescent="0.25">
      <c r="D10375" s="6">
        <v>928.38940000000002</v>
      </c>
      <c r="E10375" s="6">
        <v>1171.7560000000001</v>
      </c>
    </row>
    <row r="10376" spans="4:5" x14ac:dyDescent="0.25">
      <c r="D10376" s="6">
        <v>3898.0940000000001</v>
      </c>
      <c r="E10376" s="6">
        <v>2089.288</v>
      </c>
    </row>
    <row r="10377" spans="4:5" x14ac:dyDescent="0.25">
      <c r="D10377" s="6">
        <v>384.24810000000002</v>
      </c>
      <c r="E10377" s="6">
        <v>2244.1239999999998</v>
      </c>
    </row>
    <row r="10378" spans="4:5" x14ac:dyDescent="0.25">
      <c r="D10378" s="6">
        <v>945.92129999999997</v>
      </c>
      <c r="E10378" s="6">
        <v>2010.665</v>
      </c>
    </row>
    <row r="10379" spans="4:5" x14ac:dyDescent="0.25">
      <c r="D10379" s="6">
        <v>2234.06</v>
      </c>
      <c r="E10379" s="6">
        <v>805.57849999999996</v>
      </c>
    </row>
    <row r="10380" spans="4:5" x14ac:dyDescent="0.25">
      <c r="D10380" s="6">
        <v>1236.6849999999999</v>
      </c>
      <c r="E10380" s="6">
        <v>817.82079999999996</v>
      </c>
    </row>
    <row r="10381" spans="4:5" x14ac:dyDescent="0.25">
      <c r="D10381" s="6">
        <v>286.66669999999999</v>
      </c>
      <c r="E10381" s="6">
        <v>746.01480000000004</v>
      </c>
    </row>
    <row r="10382" spans="4:5" x14ac:dyDescent="0.25">
      <c r="D10382" s="6">
        <v>473.8347</v>
      </c>
      <c r="E10382" s="6">
        <v>503.23869999999999</v>
      </c>
    </row>
    <row r="10383" spans="4:5" x14ac:dyDescent="0.25">
      <c r="D10383" s="6">
        <v>667.48360000000002</v>
      </c>
      <c r="E10383" s="6">
        <v>849.91700000000003</v>
      </c>
    </row>
    <row r="10384" spans="4:5" x14ac:dyDescent="0.25">
      <c r="D10384" s="6">
        <v>2475.8539999999998</v>
      </c>
      <c r="E10384" s="6">
        <v>1753.6590000000001</v>
      </c>
    </row>
    <row r="10385" spans="4:5" x14ac:dyDescent="0.25">
      <c r="D10385" s="6">
        <v>675.39329999999995</v>
      </c>
      <c r="E10385" s="6">
        <v>576</v>
      </c>
    </row>
    <row r="10386" spans="4:5" x14ac:dyDescent="0.25">
      <c r="D10386" s="6">
        <v>1403.348</v>
      </c>
      <c r="E10386" s="6">
        <v>1054.973</v>
      </c>
    </row>
    <row r="10387" spans="4:5" x14ac:dyDescent="0.25">
      <c r="D10387" s="6">
        <v>4438.634</v>
      </c>
      <c r="E10387" s="6">
        <v>4050.2820000000002</v>
      </c>
    </row>
    <row r="10388" spans="4:5" x14ac:dyDescent="0.25">
      <c r="D10388" s="6">
        <v>1560.818</v>
      </c>
      <c r="E10388" s="6">
        <v>531.39290000000005</v>
      </c>
    </row>
    <row r="10389" spans="4:5" x14ac:dyDescent="0.25">
      <c r="D10389" s="6">
        <v>8682.08</v>
      </c>
      <c r="E10389" s="6">
        <v>1959.7449999999999</v>
      </c>
    </row>
    <row r="10390" spans="4:5" x14ac:dyDescent="0.25">
      <c r="D10390" s="6">
        <v>877.24649999999997</v>
      </c>
      <c r="E10390" s="6">
        <v>770.26319999999998</v>
      </c>
    </row>
    <row r="10391" spans="4:5" x14ac:dyDescent="0.25">
      <c r="D10391" s="6">
        <v>4407.3559999999998</v>
      </c>
      <c r="E10391" s="6">
        <v>471.33760000000001</v>
      </c>
    </row>
    <row r="10392" spans="4:5" x14ac:dyDescent="0.25">
      <c r="D10392" s="6">
        <v>600.19389999999999</v>
      </c>
      <c r="E10392" s="6">
        <v>2387.2049999999999</v>
      </c>
    </row>
    <row r="10393" spans="4:5" x14ac:dyDescent="0.25">
      <c r="D10393" s="6">
        <v>1560.2460000000001</v>
      </c>
      <c r="E10393" s="6">
        <v>1038.7139999999999</v>
      </c>
    </row>
    <row r="10394" spans="4:5" x14ac:dyDescent="0.25">
      <c r="D10394" s="6">
        <v>1048.2190000000001</v>
      </c>
      <c r="E10394" s="6">
        <v>2799.1039999999998</v>
      </c>
    </row>
    <row r="10395" spans="4:5" x14ac:dyDescent="0.25">
      <c r="D10395" s="6">
        <v>484.70069999999998</v>
      </c>
      <c r="E10395" s="6">
        <v>1381.9739999999999</v>
      </c>
    </row>
    <row r="10396" spans="4:5" x14ac:dyDescent="0.25">
      <c r="D10396" s="6">
        <v>2788.4830000000002</v>
      </c>
      <c r="E10396" s="6">
        <v>809.78459999999995</v>
      </c>
    </row>
    <row r="10397" spans="4:5" x14ac:dyDescent="0.25">
      <c r="D10397" s="6">
        <v>1327.04</v>
      </c>
      <c r="E10397" s="6">
        <v>2104.9409999999998</v>
      </c>
    </row>
    <row r="10398" spans="4:5" x14ac:dyDescent="0.25">
      <c r="D10398" s="6">
        <v>778.77430000000004</v>
      </c>
      <c r="E10398" s="6">
        <v>565.30920000000003</v>
      </c>
    </row>
    <row r="10399" spans="4:5" x14ac:dyDescent="0.25">
      <c r="D10399" s="6">
        <v>625.26179999999999</v>
      </c>
      <c r="E10399" s="6">
        <v>3122.5729999999999</v>
      </c>
    </row>
    <row r="10400" spans="4:5" x14ac:dyDescent="0.25">
      <c r="D10400" s="6">
        <v>2901.2020000000002</v>
      </c>
      <c r="E10400" s="6">
        <v>974.39679999999998</v>
      </c>
    </row>
    <row r="10401" spans="4:5" x14ac:dyDescent="0.25">
      <c r="D10401" s="6">
        <v>3882.1149999999998</v>
      </c>
      <c r="E10401" s="6">
        <v>845.54880000000003</v>
      </c>
    </row>
    <row r="10402" spans="4:5" x14ac:dyDescent="0.25">
      <c r="D10402" s="6">
        <v>679.93799999999999</v>
      </c>
      <c r="E10402" s="6">
        <v>2083.7240000000002</v>
      </c>
    </row>
    <row r="10403" spans="4:5" x14ac:dyDescent="0.25">
      <c r="D10403" s="6">
        <v>1823.3989999999999</v>
      </c>
      <c r="E10403" s="6">
        <v>737.78330000000005</v>
      </c>
    </row>
    <row r="10404" spans="4:5" x14ac:dyDescent="0.25">
      <c r="D10404" s="6">
        <v>1053.807</v>
      </c>
      <c r="E10404" s="6">
        <v>8092.37</v>
      </c>
    </row>
    <row r="10405" spans="4:5" x14ac:dyDescent="0.25">
      <c r="D10405" s="6">
        <v>972.15290000000005</v>
      </c>
      <c r="E10405" s="6">
        <v>1134.364</v>
      </c>
    </row>
    <row r="10406" spans="4:5" x14ac:dyDescent="0.25">
      <c r="D10406" s="6">
        <v>2155.8530000000001</v>
      </c>
      <c r="E10406" s="6">
        <v>1044.3810000000001</v>
      </c>
    </row>
    <row r="10407" spans="4:5" x14ac:dyDescent="0.25">
      <c r="D10407" s="6">
        <v>2520.6039999999998</v>
      </c>
      <c r="E10407" s="6">
        <v>1432.9280000000001</v>
      </c>
    </row>
    <row r="10408" spans="4:5" x14ac:dyDescent="0.25">
      <c r="D10408" s="6">
        <v>1259.1949999999999</v>
      </c>
      <c r="E10408" s="6">
        <v>2908.9949999999999</v>
      </c>
    </row>
    <row r="10409" spans="4:5" x14ac:dyDescent="0.25">
      <c r="D10409" s="6">
        <v>1372.36</v>
      </c>
      <c r="E10409" s="6">
        <v>761.73389999999995</v>
      </c>
    </row>
    <row r="10410" spans="4:5" x14ac:dyDescent="0.25">
      <c r="D10410" s="6">
        <v>1937.2260000000001</v>
      </c>
      <c r="E10410" s="6">
        <v>3913.6480000000001</v>
      </c>
    </row>
    <row r="10411" spans="4:5" x14ac:dyDescent="0.25">
      <c r="D10411" s="6">
        <v>5615.3239999999996</v>
      </c>
      <c r="E10411" s="6">
        <v>880.23559999999998</v>
      </c>
    </row>
    <row r="10412" spans="4:5" x14ac:dyDescent="0.25">
      <c r="D10412" s="6">
        <v>3428.2939999999999</v>
      </c>
      <c r="E10412" s="6">
        <v>471.52839999999998</v>
      </c>
    </row>
    <row r="10413" spans="4:5" x14ac:dyDescent="0.25">
      <c r="D10413" s="6">
        <v>650.6173</v>
      </c>
      <c r="E10413" s="6">
        <v>2553.5279999999998</v>
      </c>
    </row>
    <row r="10414" spans="4:5" x14ac:dyDescent="0.25">
      <c r="D10414" s="6">
        <v>1360.202</v>
      </c>
      <c r="E10414" s="6">
        <v>2136.732</v>
      </c>
    </row>
    <row r="10415" spans="4:5" x14ac:dyDescent="0.25">
      <c r="D10415" s="6">
        <v>706.35910000000001</v>
      </c>
      <c r="E10415" s="6">
        <v>486.20460000000003</v>
      </c>
    </row>
    <row r="10416" spans="4:5" x14ac:dyDescent="0.25">
      <c r="D10416" s="6">
        <v>2387.1849999999999</v>
      </c>
      <c r="E10416" s="6">
        <v>2404.9380000000001</v>
      </c>
    </row>
    <row r="10417" spans="4:5" x14ac:dyDescent="0.25">
      <c r="D10417" s="6">
        <v>1465.827</v>
      </c>
      <c r="E10417" s="6">
        <v>767.38490000000002</v>
      </c>
    </row>
    <row r="10418" spans="4:5" x14ac:dyDescent="0.25">
      <c r="D10418" s="6">
        <v>1820.8040000000001</v>
      </c>
      <c r="E10418" s="6">
        <v>904.09760000000006</v>
      </c>
    </row>
    <row r="10419" spans="4:5" x14ac:dyDescent="0.25">
      <c r="D10419" s="6">
        <v>3529.31</v>
      </c>
      <c r="E10419" s="6">
        <v>812.78620000000001</v>
      </c>
    </row>
    <row r="10420" spans="4:5" x14ac:dyDescent="0.25">
      <c r="D10420" s="6">
        <v>1230.204</v>
      </c>
      <c r="E10420" s="6">
        <v>939.29489999999998</v>
      </c>
    </row>
    <row r="10421" spans="4:5" x14ac:dyDescent="0.25">
      <c r="D10421" s="6">
        <v>1331.7</v>
      </c>
      <c r="E10421" s="6">
        <v>2838.8180000000002</v>
      </c>
    </row>
    <row r="10422" spans="4:5" x14ac:dyDescent="0.25">
      <c r="D10422" s="6">
        <v>2965.1909999999998</v>
      </c>
      <c r="E10422" s="6">
        <v>1586.1030000000001</v>
      </c>
    </row>
    <row r="10423" spans="4:5" x14ac:dyDescent="0.25">
      <c r="D10423" s="6">
        <v>5332.9939999999997</v>
      </c>
      <c r="E10423" s="6">
        <v>2992.9580000000001</v>
      </c>
    </row>
    <row r="10424" spans="4:5" x14ac:dyDescent="0.25">
      <c r="D10424" s="6">
        <v>579.9452</v>
      </c>
      <c r="E10424" s="6">
        <v>1292.4860000000001</v>
      </c>
    </row>
    <row r="10425" spans="4:5" x14ac:dyDescent="0.25">
      <c r="D10425" s="6">
        <v>1177.047</v>
      </c>
      <c r="E10425" s="6">
        <v>738.07299999999998</v>
      </c>
    </row>
    <row r="10426" spans="4:5" x14ac:dyDescent="0.25">
      <c r="D10426" s="6">
        <v>1783.0219999999999</v>
      </c>
      <c r="E10426" s="6">
        <v>313.73860000000002</v>
      </c>
    </row>
    <row r="10427" spans="4:5" x14ac:dyDescent="0.25">
      <c r="D10427" s="6">
        <v>3294.6460000000002</v>
      </c>
      <c r="E10427" s="6">
        <v>931.96820000000002</v>
      </c>
    </row>
    <row r="10428" spans="4:5" x14ac:dyDescent="0.25">
      <c r="D10428" s="6">
        <v>736.20180000000005</v>
      </c>
      <c r="E10428" s="6">
        <v>1383.982</v>
      </c>
    </row>
    <row r="10429" spans="4:5" x14ac:dyDescent="0.25">
      <c r="D10429" s="6">
        <v>1485.08</v>
      </c>
      <c r="E10429" s="6">
        <v>467.32479999999998</v>
      </c>
    </row>
    <row r="10430" spans="4:5" x14ac:dyDescent="0.25">
      <c r="D10430" s="6">
        <v>922.7491</v>
      </c>
      <c r="E10430" s="6">
        <v>572.5575</v>
      </c>
    </row>
    <row r="10431" spans="4:5" x14ac:dyDescent="0.25">
      <c r="D10431" s="6">
        <v>3120.5340000000001</v>
      </c>
      <c r="E10431" s="6">
        <v>8160.8109999999997</v>
      </c>
    </row>
    <row r="10432" spans="4:5" x14ac:dyDescent="0.25">
      <c r="D10432" s="6">
        <v>468.40719999999999</v>
      </c>
      <c r="E10432" s="6">
        <v>845.69259999999997</v>
      </c>
    </row>
    <row r="10433" spans="4:5" x14ac:dyDescent="0.25">
      <c r="D10433" s="6">
        <v>1415.0340000000001</v>
      </c>
      <c r="E10433" s="6">
        <v>1228.527</v>
      </c>
    </row>
    <row r="10434" spans="4:5" x14ac:dyDescent="0.25">
      <c r="D10434" s="6">
        <v>3060.2330000000002</v>
      </c>
      <c r="E10434" s="6">
        <v>491.09690000000001</v>
      </c>
    </row>
    <row r="10435" spans="4:5" x14ac:dyDescent="0.25">
      <c r="D10435" s="6">
        <v>1365.498</v>
      </c>
      <c r="E10435" s="6">
        <v>453.6979</v>
      </c>
    </row>
    <row r="10436" spans="4:5" x14ac:dyDescent="0.25">
      <c r="D10436" s="6">
        <v>543.81669999999997</v>
      </c>
      <c r="E10436" s="6">
        <v>2525.712</v>
      </c>
    </row>
    <row r="10437" spans="4:5" x14ac:dyDescent="0.25">
      <c r="D10437" s="6">
        <v>4465.5600000000004</v>
      </c>
      <c r="E10437" s="6">
        <v>856.66869999999994</v>
      </c>
    </row>
    <row r="10438" spans="4:5" x14ac:dyDescent="0.25">
      <c r="D10438" s="6">
        <v>895.02790000000005</v>
      </c>
      <c r="E10438" s="6">
        <v>3640.5540000000001</v>
      </c>
    </row>
    <row r="10439" spans="4:5" x14ac:dyDescent="0.25">
      <c r="D10439" s="6">
        <v>1246.885</v>
      </c>
      <c r="E10439" s="6">
        <v>417.89440000000002</v>
      </c>
    </row>
    <row r="10440" spans="4:5" x14ac:dyDescent="0.25">
      <c r="D10440" s="6">
        <v>1226.5550000000001</v>
      </c>
      <c r="E10440" s="6">
        <v>500.70510000000002</v>
      </c>
    </row>
    <row r="10441" spans="4:5" x14ac:dyDescent="0.25">
      <c r="D10441" s="6">
        <v>751.55330000000004</v>
      </c>
      <c r="E10441" s="6">
        <v>1004.638</v>
      </c>
    </row>
    <row r="10442" spans="4:5" x14ac:dyDescent="0.25">
      <c r="D10442" s="6">
        <v>870.57659999999998</v>
      </c>
      <c r="E10442" s="6">
        <v>918.03380000000004</v>
      </c>
    </row>
    <row r="10443" spans="4:5" x14ac:dyDescent="0.25">
      <c r="D10443" s="6">
        <v>1596.144</v>
      </c>
      <c r="E10443" s="6">
        <v>1033.797</v>
      </c>
    </row>
    <row r="10444" spans="4:5" x14ac:dyDescent="0.25">
      <c r="D10444" s="6">
        <v>565.81299999999999</v>
      </c>
      <c r="E10444" s="6">
        <v>499.1096</v>
      </c>
    </row>
    <row r="10445" spans="4:5" x14ac:dyDescent="0.25">
      <c r="D10445" s="6">
        <v>459.72449999999998</v>
      </c>
      <c r="E10445" s="6">
        <v>2440.779</v>
      </c>
    </row>
    <row r="10446" spans="4:5" x14ac:dyDescent="0.25">
      <c r="D10446" s="6">
        <v>2801.7020000000002</v>
      </c>
      <c r="E10446" s="6">
        <v>436.67509999999999</v>
      </c>
    </row>
    <row r="10447" spans="4:5" x14ac:dyDescent="0.25">
      <c r="D10447" s="6">
        <v>378.05470000000003</v>
      </c>
      <c r="E10447" s="6">
        <v>796.8202</v>
      </c>
    </row>
    <row r="10448" spans="4:5" x14ac:dyDescent="0.25">
      <c r="D10448" s="6">
        <v>1081.202</v>
      </c>
      <c r="E10448" s="6">
        <v>161.86590000000001</v>
      </c>
    </row>
    <row r="10449" spans="4:5" x14ac:dyDescent="0.25">
      <c r="D10449" s="6">
        <v>1961.1949999999999</v>
      </c>
      <c r="E10449" s="6">
        <v>639.67449999999997</v>
      </c>
    </row>
    <row r="10450" spans="4:5" x14ac:dyDescent="0.25">
      <c r="D10450" s="6">
        <v>1237.4670000000001</v>
      </c>
      <c r="E10450" s="6">
        <v>1392.9680000000001</v>
      </c>
    </row>
    <row r="10451" spans="4:5" x14ac:dyDescent="0.25">
      <c r="D10451" s="6">
        <v>1345.423</v>
      </c>
      <c r="E10451" s="6">
        <v>1049.7619999999999</v>
      </c>
    </row>
    <row r="10452" spans="4:5" x14ac:dyDescent="0.25">
      <c r="D10452" s="6">
        <v>1239.423</v>
      </c>
      <c r="E10452" s="6">
        <v>438.50330000000002</v>
      </c>
    </row>
    <row r="10453" spans="4:5" x14ac:dyDescent="0.25">
      <c r="D10453" s="6">
        <v>1029.519</v>
      </c>
      <c r="E10453" s="6">
        <v>377.87360000000001</v>
      </c>
    </row>
    <row r="10454" spans="4:5" x14ac:dyDescent="0.25">
      <c r="D10454" s="6">
        <v>856.55359999999996</v>
      </c>
      <c r="E10454" s="6">
        <v>475.88589999999999</v>
      </c>
    </row>
    <row r="10455" spans="4:5" x14ac:dyDescent="0.25">
      <c r="D10455" s="6">
        <v>1165.066</v>
      </c>
      <c r="E10455" s="6">
        <v>1976.1320000000001</v>
      </c>
    </row>
    <row r="10456" spans="4:5" x14ac:dyDescent="0.25">
      <c r="D10456" s="6">
        <v>1597.8620000000001</v>
      </c>
      <c r="E10456" s="6">
        <v>1046.5440000000001</v>
      </c>
    </row>
    <row r="10457" spans="4:5" x14ac:dyDescent="0.25">
      <c r="D10457" s="6">
        <v>827.86590000000001</v>
      </c>
      <c r="E10457" s="6">
        <v>7799.7550000000001</v>
      </c>
    </row>
    <row r="10458" spans="4:5" x14ac:dyDescent="0.25">
      <c r="D10458" s="6">
        <v>1095.886</v>
      </c>
      <c r="E10458" s="6">
        <v>2130.7820000000002</v>
      </c>
    </row>
    <row r="10459" spans="4:5" x14ac:dyDescent="0.25">
      <c r="D10459" s="6">
        <v>1021.035</v>
      </c>
      <c r="E10459" s="6">
        <v>1297.376</v>
      </c>
    </row>
    <row r="10460" spans="4:5" x14ac:dyDescent="0.25">
      <c r="D10460" s="6">
        <v>624.01229999999998</v>
      </c>
      <c r="E10460" s="6">
        <v>985.524</v>
      </c>
    </row>
    <row r="10461" spans="4:5" x14ac:dyDescent="0.25">
      <c r="D10461" s="6">
        <v>2355.3119999999999</v>
      </c>
      <c r="E10461" s="6">
        <v>851.01229999999998</v>
      </c>
    </row>
    <row r="10462" spans="4:5" x14ac:dyDescent="0.25">
      <c r="D10462" s="6">
        <v>1232.57</v>
      </c>
      <c r="E10462" s="6">
        <v>4420.8230000000003</v>
      </c>
    </row>
    <row r="10463" spans="4:5" x14ac:dyDescent="0.25">
      <c r="D10463" s="6">
        <v>829</v>
      </c>
      <c r="E10463" s="6">
        <v>874.19510000000002</v>
      </c>
    </row>
    <row r="10464" spans="4:5" x14ac:dyDescent="0.25">
      <c r="D10464" s="6">
        <v>1908.89</v>
      </c>
      <c r="E10464" s="6">
        <v>672.69140000000004</v>
      </c>
    </row>
    <row r="10465" spans="4:5" x14ac:dyDescent="0.25">
      <c r="D10465" s="6">
        <v>1215.7829999999999</v>
      </c>
      <c r="E10465" s="6">
        <v>301.5</v>
      </c>
    </row>
    <row r="10466" spans="4:5" x14ac:dyDescent="0.25">
      <c r="D10466" s="6">
        <v>1448.0360000000001</v>
      </c>
      <c r="E10466" s="6">
        <v>938.33019999999999</v>
      </c>
    </row>
    <row r="10467" spans="4:5" x14ac:dyDescent="0.25">
      <c r="D10467" s="6">
        <v>1312.8040000000001</v>
      </c>
      <c r="E10467" s="6">
        <v>2227.1080000000002</v>
      </c>
    </row>
    <row r="10468" spans="4:5" x14ac:dyDescent="0.25">
      <c r="D10468" s="6">
        <v>1129.953</v>
      </c>
      <c r="E10468" s="6">
        <v>702.92660000000001</v>
      </c>
    </row>
    <row r="10469" spans="4:5" x14ac:dyDescent="0.25">
      <c r="D10469" s="6">
        <v>538.77779999999996</v>
      </c>
      <c r="E10469" s="6">
        <v>841.43169999999998</v>
      </c>
    </row>
    <row r="10470" spans="4:5" x14ac:dyDescent="0.25">
      <c r="D10470" s="6">
        <v>682.96979999999996</v>
      </c>
      <c r="E10470" s="6">
        <v>484.5136</v>
      </c>
    </row>
    <row r="10471" spans="4:5" x14ac:dyDescent="0.25">
      <c r="D10471" s="6">
        <v>1651.508</v>
      </c>
      <c r="E10471" s="6">
        <v>822.79489999999998</v>
      </c>
    </row>
    <row r="10472" spans="4:5" x14ac:dyDescent="0.25">
      <c r="D10472" s="6">
        <v>517.34550000000002</v>
      </c>
      <c r="E10472" s="6">
        <v>937.92370000000005</v>
      </c>
    </row>
    <row r="10473" spans="4:5" x14ac:dyDescent="0.25">
      <c r="D10473" s="6">
        <v>684.29560000000004</v>
      </c>
      <c r="E10473" s="6">
        <v>883.05200000000002</v>
      </c>
    </row>
    <row r="10474" spans="4:5" x14ac:dyDescent="0.25">
      <c r="D10474" s="6">
        <v>992.42960000000005</v>
      </c>
      <c r="E10474" s="6">
        <v>2773.0830000000001</v>
      </c>
    </row>
    <row r="10475" spans="4:5" x14ac:dyDescent="0.25">
      <c r="D10475" s="6">
        <v>701.37490000000003</v>
      </c>
      <c r="E10475" s="6">
        <v>1676.1669999999999</v>
      </c>
    </row>
    <row r="10476" spans="4:5" x14ac:dyDescent="0.25">
      <c r="D10476" s="6">
        <v>4525.0039999999999</v>
      </c>
      <c r="E10476" s="6">
        <v>926.42280000000005</v>
      </c>
    </row>
    <row r="10477" spans="4:5" x14ac:dyDescent="0.25">
      <c r="D10477" s="6">
        <v>1193.3779999999999</v>
      </c>
      <c r="E10477" s="6">
        <v>1025.797</v>
      </c>
    </row>
    <row r="10478" spans="4:5" x14ac:dyDescent="0.25">
      <c r="D10478" s="6">
        <v>1645.367</v>
      </c>
      <c r="E10478" s="6">
        <v>2349.5259999999998</v>
      </c>
    </row>
    <row r="10479" spans="4:5" x14ac:dyDescent="0.25">
      <c r="D10479" s="6">
        <v>713.00800000000004</v>
      </c>
      <c r="E10479" s="6">
        <v>4546.1260000000002</v>
      </c>
    </row>
    <row r="10480" spans="4:5" x14ac:dyDescent="0.25">
      <c r="D10480" s="6">
        <v>3574.8209999999999</v>
      </c>
      <c r="E10480" s="6">
        <v>1013.11</v>
      </c>
    </row>
    <row r="10481" spans="4:5" x14ac:dyDescent="0.25">
      <c r="D10481" s="6">
        <v>1824.6369999999999</v>
      </c>
      <c r="E10481" s="6">
        <v>1162.752</v>
      </c>
    </row>
    <row r="10482" spans="4:5" x14ac:dyDescent="0.25">
      <c r="D10482" s="6">
        <v>1122.5889999999999</v>
      </c>
      <c r="E10482" s="6">
        <v>848.35320000000002</v>
      </c>
    </row>
    <row r="10483" spans="4:5" x14ac:dyDescent="0.25">
      <c r="D10483" s="6">
        <v>1219.6179999999999</v>
      </c>
      <c r="E10483" s="6">
        <v>1148.463</v>
      </c>
    </row>
    <row r="10484" spans="4:5" x14ac:dyDescent="0.25">
      <c r="D10484" s="6">
        <v>833.82380000000001</v>
      </c>
      <c r="E10484" s="6">
        <v>1126.3900000000001</v>
      </c>
    </row>
    <row r="10485" spans="4:5" x14ac:dyDescent="0.25">
      <c r="D10485" s="6">
        <v>510.36410000000001</v>
      </c>
      <c r="E10485" s="6">
        <v>2518.0419999999999</v>
      </c>
    </row>
    <row r="10486" spans="4:5" x14ac:dyDescent="0.25">
      <c r="D10486" s="6">
        <v>1392.7639999999999</v>
      </c>
      <c r="E10486" s="6">
        <v>901.17060000000004</v>
      </c>
    </row>
    <row r="10487" spans="4:5" x14ac:dyDescent="0.25">
      <c r="D10487" s="6">
        <v>2262.7919999999999</v>
      </c>
      <c r="E10487" s="6">
        <v>2803.259</v>
      </c>
    </row>
    <row r="10488" spans="4:5" x14ac:dyDescent="0.25">
      <c r="D10488" s="6">
        <v>393.36790000000002</v>
      </c>
      <c r="E10488" s="6">
        <v>2636.547</v>
      </c>
    </row>
    <row r="10489" spans="4:5" x14ac:dyDescent="0.25">
      <c r="D10489" s="6">
        <v>656.19410000000005</v>
      </c>
      <c r="E10489" s="6">
        <v>829.74990000000003</v>
      </c>
    </row>
    <row r="10490" spans="4:5" x14ac:dyDescent="0.25">
      <c r="D10490" s="6">
        <v>1392.1479999999999</v>
      </c>
      <c r="E10490" s="6">
        <v>869.05470000000003</v>
      </c>
    </row>
    <row r="10491" spans="4:5" x14ac:dyDescent="0.25">
      <c r="D10491" s="6">
        <v>928.98019999999997</v>
      </c>
      <c r="E10491" s="6">
        <v>393.9375</v>
      </c>
    </row>
    <row r="10492" spans="4:5" x14ac:dyDescent="0.25">
      <c r="D10492" s="6">
        <v>1012.0359999999999</v>
      </c>
      <c r="E10492" s="6">
        <v>826.89660000000003</v>
      </c>
    </row>
    <row r="10493" spans="4:5" x14ac:dyDescent="0.25">
      <c r="D10493" s="6">
        <v>913.15210000000002</v>
      </c>
      <c r="E10493" s="6">
        <v>2348.4009999999998</v>
      </c>
    </row>
    <row r="10494" spans="4:5" x14ac:dyDescent="0.25">
      <c r="D10494" s="6">
        <v>1160.2159999999999</v>
      </c>
      <c r="E10494" s="6">
        <v>7651.4570000000003</v>
      </c>
    </row>
    <row r="10495" spans="4:5" x14ac:dyDescent="0.25">
      <c r="D10495" s="6">
        <v>715.06560000000002</v>
      </c>
      <c r="E10495" s="6">
        <v>1057.2470000000001</v>
      </c>
    </row>
    <row r="10496" spans="4:5" x14ac:dyDescent="0.25">
      <c r="D10496" s="6">
        <v>1081.1179999999999</v>
      </c>
      <c r="E10496" s="6">
        <v>1032.51</v>
      </c>
    </row>
    <row r="10497" spans="4:5" x14ac:dyDescent="0.25">
      <c r="D10497" s="6">
        <v>989.50980000000004</v>
      </c>
      <c r="E10497" s="6">
        <v>1281.4259999999999</v>
      </c>
    </row>
    <row r="10498" spans="4:5" x14ac:dyDescent="0.25">
      <c r="D10498" s="6">
        <v>1087.7059999999999</v>
      </c>
      <c r="E10498" s="6">
        <v>2177.1669999999999</v>
      </c>
    </row>
    <row r="10499" spans="4:5" x14ac:dyDescent="0.25">
      <c r="D10499" s="6">
        <v>862.74590000000001</v>
      </c>
      <c r="E10499" s="6">
        <v>2825.5940000000001</v>
      </c>
    </row>
    <row r="10500" spans="4:5" x14ac:dyDescent="0.25">
      <c r="D10500" s="6">
        <v>989.09019999999998</v>
      </c>
      <c r="E10500" s="6">
        <v>8566.4629999999997</v>
      </c>
    </row>
    <row r="10501" spans="4:5" x14ac:dyDescent="0.25">
      <c r="D10501" s="6">
        <v>549.47349999999994</v>
      </c>
      <c r="E10501" s="6">
        <v>1758.5060000000001</v>
      </c>
    </row>
    <row r="10502" spans="4:5" x14ac:dyDescent="0.25">
      <c r="D10502" s="6">
        <v>1835.5060000000001</v>
      </c>
      <c r="E10502" s="6">
        <v>7304.3950000000004</v>
      </c>
    </row>
    <row r="10503" spans="4:5" x14ac:dyDescent="0.25">
      <c r="D10503" s="6">
        <v>1220.702</v>
      </c>
      <c r="E10503" s="6">
        <v>1019.8579999999999</v>
      </c>
    </row>
    <row r="10504" spans="4:5" x14ac:dyDescent="0.25">
      <c r="D10504" s="6">
        <v>895.11289999999997</v>
      </c>
      <c r="E10504" s="6">
        <v>2797.75</v>
      </c>
    </row>
    <row r="10505" spans="4:5" x14ac:dyDescent="0.25">
      <c r="D10505" s="6">
        <v>2300.19</v>
      </c>
      <c r="E10505" s="6">
        <v>2974.567</v>
      </c>
    </row>
    <row r="10506" spans="4:5" x14ac:dyDescent="0.25">
      <c r="D10506" s="6">
        <v>1339.9190000000001</v>
      </c>
      <c r="E10506" s="6">
        <v>1466.06</v>
      </c>
    </row>
    <row r="10507" spans="4:5" x14ac:dyDescent="0.25">
      <c r="D10507" s="6">
        <v>848.19590000000005</v>
      </c>
      <c r="E10507" s="6">
        <v>3159.1149999999998</v>
      </c>
    </row>
    <row r="10508" spans="4:5" x14ac:dyDescent="0.25">
      <c r="D10508" s="6">
        <v>833.53869999999995</v>
      </c>
      <c r="E10508" s="6">
        <v>458.64330000000001</v>
      </c>
    </row>
    <row r="10509" spans="4:5" x14ac:dyDescent="0.25">
      <c r="D10509" s="6">
        <v>2173.6039999999998</v>
      </c>
      <c r="E10509" s="6">
        <v>687.6</v>
      </c>
    </row>
    <row r="10510" spans="4:5" x14ac:dyDescent="0.25">
      <c r="D10510" s="6">
        <v>1098.8779999999999</v>
      </c>
      <c r="E10510" s="6">
        <v>429.7097</v>
      </c>
    </row>
    <row r="10511" spans="4:5" x14ac:dyDescent="0.25">
      <c r="D10511" s="6">
        <v>3367.5659999999998</v>
      </c>
      <c r="E10511" s="6">
        <v>2385.6179999999999</v>
      </c>
    </row>
    <row r="10512" spans="4:5" x14ac:dyDescent="0.25">
      <c r="D10512" s="6">
        <v>2827.346</v>
      </c>
      <c r="E10512" s="6">
        <v>1456.0940000000001</v>
      </c>
    </row>
    <row r="10513" spans="4:5" x14ac:dyDescent="0.25">
      <c r="D10513" s="6">
        <v>1446.308</v>
      </c>
      <c r="E10513" s="6">
        <v>1081.9670000000001</v>
      </c>
    </row>
    <row r="10514" spans="4:5" x14ac:dyDescent="0.25">
      <c r="D10514" s="6">
        <v>1091.404</v>
      </c>
      <c r="E10514" s="6">
        <v>1203.355</v>
      </c>
    </row>
    <row r="10515" spans="4:5" x14ac:dyDescent="0.25">
      <c r="D10515" s="6">
        <v>1035.9639999999999</v>
      </c>
      <c r="E10515" s="6">
        <v>2734.261</v>
      </c>
    </row>
    <row r="10516" spans="4:5" x14ac:dyDescent="0.25">
      <c r="D10516" s="6">
        <v>902.45450000000005</v>
      </c>
      <c r="E10516" s="6">
        <v>1119.402</v>
      </c>
    </row>
    <row r="10517" spans="4:5" x14ac:dyDescent="0.25">
      <c r="D10517" s="6">
        <v>1456.3389999999999</v>
      </c>
      <c r="E10517" s="6">
        <v>4693.848</v>
      </c>
    </row>
    <row r="10518" spans="4:5" x14ac:dyDescent="0.25">
      <c r="D10518" s="6">
        <v>1327.5</v>
      </c>
      <c r="E10518" s="6">
        <v>1092.287</v>
      </c>
    </row>
    <row r="10519" spans="4:5" x14ac:dyDescent="0.25">
      <c r="D10519" s="6">
        <v>715.27970000000005</v>
      </c>
      <c r="E10519" s="6">
        <v>1046.383</v>
      </c>
    </row>
    <row r="10520" spans="4:5" x14ac:dyDescent="0.25">
      <c r="D10520" s="6">
        <v>1506.0119999999999</v>
      </c>
      <c r="E10520" s="6">
        <v>1124.154</v>
      </c>
    </row>
    <row r="10521" spans="4:5" x14ac:dyDescent="0.25">
      <c r="D10521" s="6">
        <v>988.28409999999997</v>
      </c>
      <c r="E10521" s="6">
        <v>1452.212</v>
      </c>
    </row>
    <row r="10522" spans="4:5" x14ac:dyDescent="0.25">
      <c r="D10522" s="6">
        <v>1665.338</v>
      </c>
      <c r="E10522" s="6">
        <v>1051.7</v>
      </c>
    </row>
    <row r="10523" spans="4:5" x14ac:dyDescent="0.25">
      <c r="D10523" s="6">
        <v>1085.778</v>
      </c>
      <c r="E10523" s="6">
        <v>512.69730000000004</v>
      </c>
    </row>
    <row r="10524" spans="4:5" x14ac:dyDescent="0.25">
      <c r="D10524" s="6">
        <v>428.31830000000002</v>
      </c>
      <c r="E10524" s="6">
        <v>1183.2570000000001</v>
      </c>
    </row>
    <row r="10525" spans="4:5" x14ac:dyDescent="0.25">
      <c r="D10525" s="6">
        <v>4589.3180000000002</v>
      </c>
      <c r="E10525" s="6">
        <v>2332.6610000000001</v>
      </c>
    </row>
    <row r="10526" spans="4:5" x14ac:dyDescent="0.25">
      <c r="D10526" s="6">
        <v>150.2723</v>
      </c>
      <c r="E10526" s="6">
        <v>2361.1239999999998</v>
      </c>
    </row>
    <row r="10527" spans="4:5" x14ac:dyDescent="0.25">
      <c r="D10527" s="6">
        <v>1513.077</v>
      </c>
      <c r="E10527" s="6">
        <v>3278.5479999999998</v>
      </c>
    </row>
    <row r="10528" spans="4:5" x14ac:dyDescent="0.25">
      <c r="D10528" s="6">
        <v>1379.5820000000001</v>
      </c>
      <c r="E10528" s="6">
        <v>2094.096</v>
      </c>
    </row>
    <row r="10529" spans="4:5" x14ac:dyDescent="0.25">
      <c r="D10529" s="6">
        <v>2357.75</v>
      </c>
      <c r="E10529" s="6">
        <v>1865.4280000000001</v>
      </c>
    </row>
    <row r="10530" spans="4:5" x14ac:dyDescent="0.25">
      <c r="D10530" s="6">
        <v>2208.6309999999999</v>
      </c>
      <c r="E10530" s="6">
        <v>1112.0930000000001</v>
      </c>
    </row>
    <row r="10531" spans="4:5" x14ac:dyDescent="0.25">
      <c r="D10531" s="6">
        <v>3183.9609999999998</v>
      </c>
      <c r="E10531" s="6">
        <v>661.15309999999999</v>
      </c>
    </row>
    <row r="10532" spans="4:5" x14ac:dyDescent="0.25">
      <c r="D10532" s="6">
        <v>3756.1480000000001</v>
      </c>
      <c r="E10532" s="6">
        <v>2452.373</v>
      </c>
    </row>
    <row r="10533" spans="4:5" x14ac:dyDescent="0.25">
      <c r="D10533" s="6">
        <v>673.65920000000006</v>
      </c>
      <c r="E10533" s="6">
        <v>428.65050000000002</v>
      </c>
    </row>
    <row r="10534" spans="4:5" x14ac:dyDescent="0.25">
      <c r="D10534" s="6">
        <v>1244.2550000000001</v>
      </c>
      <c r="E10534" s="6">
        <v>3626.8110000000001</v>
      </c>
    </row>
    <row r="10535" spans="4:5" x14ac:dyDescent="0.25">
      <c r="D10535" s="6">
        <v>1519.6669999999999</v>
      </c>
      <c r="E10535" s="6">
        <v>720.80769999999995</v>
      </c>
    </row>
    <row r="10536" spans="4:5" x14ac:dyDescent="0.25">
      <c r="D10536" s="6">
        <v>1342.5930000000001</v>
      </c>
      <c r="E10536" s="6">
        <v>492.99160000000001</v>
      </c>
    </row>
    <row r="10537" spans="4:5" x14ac:dyDescent="0.25">
      <c r="D10537" s="6">
        <v>520.49210000000005</v>
      </c>
      <c r="E10537" s="6">
        <v>1153.6510000000001</v>
      </c>
    </row>
    <row r="10538" spans="4:5" x14ac:dyDescent="0.25">
      <c r="D10538" s="6">
        <v>1180.2909999999999</v>
      </c>
      <c r="E10538" s="6">
        <v>1999.1320000000001</v>
      </c>
    </row>
    <row r="10539" spans="4:5" x14ac:dyDescent="0.25">
      <c r="D10539" s="6">
        <v>1281.3689999999999</v>
      </c>
      <c r="E10539" s="6">
        <v>1567.963</v>
      </c>
    </row>
    <row r="10540" spans="4:5" x14ac:dyDescent="0.25">
      <c r="D10540" s="6">
        <v>1196.8969999999999</v>
      </c>
      <c r="E10540" s="6">
        <v>1276.05</v>
      </c>
    </row>
    <row r="10541" spans="4:5" x14ac:dyDescent="0.25">
      <c r="D10541" s="6">
        <v>512.06349999999998</v>
      </c>
      <c r="E10541" s="6">
        <v>758.16600000000005</v>
      </c>
    </row>
    <row r="10542" spans="4:5" x14ac:dyDescent="0.25">
      <c r="D10542" s="6">
        <v>1688.278</v>
      </c>
      <c r="E10542" s="6">
        <v>863.13390000000004</v>
      </c>
    </row>
    <row r="10543" spans="4:5" x14ac:dyDescent="0.25">
      <c r="D10543" s="6">
        <v>554.19299999999998</v>
      </c>
      <c r="E10543" s="6">
        <v>653.56089999999995</v>
      </c>
    </row>
    <row r="10544" spans="4:5" x14ac:dyDescent="0.25">
      <c r="D10544" s="6">
        <v>1550.989</v>
      </c>
      <c r="E10544" s="6">
        <v>1994.338</v>
      </c>
    </row>
    <row r="10545" spans="4:5" x14ac:dyDescent="0.25">
      <c r="D10545" s="6">
        <v>726.50699999999995</v>
      </c>
      <c r="E10545" s="6">
        <v>474.23829999999998</v>
      </c>
    </row>
    <row r="10546" spans="4:5" x14ac:dyDescent="0.25">
      <c r="D10546" s="6">
        <v>1162.825</v>
      </c>
      <c r="E10546" s="6">
        <v>965.36749999999995</v>
      </c>
    </row>
    <row r="10547" spans="4:5" x14ac:dyDescent="0.25">
      <c r="D10547" s="6">
        <v>3027.877</v>
      </c>
      <c r="E10547" s="6">
        <v>422.78440000000001</v>
      </c>
    </row>
    <row r="10548" spans="4:5" x14ac:dyDescent="0.25">
      <c r="D10548" s="6">
        <v>1462.451</v>
      </c>
      <c r="E10548" s="6">
        <v>847.16840000000002</v>
      </c>
    </row>
    <row r="10549" spans="4:5" x14ac:dyDescent="0.25">
      <c r="D10549" s="6">
        <v>801.28719999999998</v>
      </c>
      <c r="E10549" s="6">
        <v>1581.4760000000001</v>
      </c>
    </row>
    <row r="10550" spans="4:5" x14ac:dyDescent="0.25">
      <c r="D10550" s="6">
        <v>1727.2270000000001</v>
      </c>
      <c r="E10550" s="6">
        <v>479.25979999999998</v>
      </c>
    </row>
    <row r="10551" spans="4:5" x14ac:dyDescent="0.25">
      <c r="D10551" s="6">
        <v>1308.855</v>
      </c>
      <c r="E10551" s="6">
        <v>1561.4449999999999</v>
      </c>
    </row>
    <row r="10552" spans="4:5" x14ac:dyDescent="0.25">
      <c r="D10552" s="6">
        <v>653.57280000000003</v>
      </c>
      <c r="E10552" s="6">
        <v>1864.521</v>
      </c>
    </row>
    <row r="10553" spans="4:5" x14ac:dyDescent="0.25">
      <c r="D10553" s="6">
        <v>6869.1670000000004</v>
      </c>
      <c r="E10553" s="6">
        <v>772.26649999999995</v>
      </c>
    </row>
    <row r="10554" spans="4:5" x14ac:dyDescent="0.25">
      <c r="D10554" s="6">
        <v>1619.421</v>
      </c>
      <c r="E10554" s="6">
        <v>3473.098</v>
      </c>
    </row>
    <row r="10555" spans="4:5" x14ac:dyDescent="0.25">
      <c r="D10555" s="6">
        <v>849.84</v>
      </c>
      <c r="E10555" s="6">
        <v>1682.588</v>
      </c>
    </row>
    <row r="10556" spans="4:5" x14ac:dyDescent="0.25">
      <c r="D10556" s="6">
        <v>2753.9189999999999</v>
      </c>
      <c r="E10556" s="6">
        <v>727.04190000000006</v>
      </c>
    </row>
    <row r="10557" spans="4:5" x14ac:dyDescent="0.25">
      <c r="D10557" s="6">
        <v>1022.047</v>
      </c>
      <c r="E10557" s="6">
        <v>510.88350000000003</v>
      </c>
    </row>
    <row r="10558" spans="4:5" x14ac:dyDescent="0.25">
      <c r="D10558" s="6">
        <v>2709.9960000000001</v>
      </c>
      <c r="E10558" s="6">
        <v>1406.212</v>
      </c>
    </row>
    <row r="10559" spans="4:5" x14ac:dyDescent="0.25">
      <c r="D10559" s="6">
        <v>1038.3979999999999</v>
      </c>
      <c r="E10559" s="6">
        <v>2855.0210000000002</v>
      </c>
    </row>
    <row r="10560" spans="4:5" x14ac:dyDescent="0.25">
      <c r="D10560" s="6">
        <v>3978.636</v>
      </c>
      <c r="E10560" s="6">
        <v>1804.1130000000001</v>
      </c>
    </row>
    <row r="10561" spans="4:5" x14ac:dyDescent="0.25">
      <c r="D10561" s="6">
        <v>2017.3</v>
      </c>
      <c r="E10561" s="6">
        <v>947.37879999999996</v>
      </c>
    </row>
    <row r="10562" spans="4:5" x14ac:dyDescent="0.25">
      <c r="D10562" s="6">
        <v>701.33</v>
      </c>
      <c r="E10562" s="6">
        <v>979.12459999999999</v>
      </c>
    </row>
    <row r="10563" spans="4:5" x14ac:dyDescent="0.25">
      <c r="D10563" s="6">
        <v>639.98230000000001</v>
      </c>
      <c r="E10563" s="6">
        <v>2908.6480000000001</v>
      </c>
    </row>
    <row r="10564" spans="4:5" x14ac:dyDescent="0.25">
      <c r="D10564" s="6">
        <v>561.30949999999996</v>
      </c>
      <c r="E10564" s="6">
        <v>2521.1170000000002</v>
      </c>
    </row>
    <row r="10565" spans="4:5" x14ac:dyDescent="0.25">
      <c r="D10565" s="6">
        <v>2082.44</v>
      </c>
      <c r="E10565" s="6">
        <v>951.08529999999996</v>
      </c>
    </row>
    <row r="10566" spans="4:5" x14ac:dyDescent="0.25">
      <c r="D10566" s="6">
        <v>1241.27</v>
      </c>
      <c r="E10566" s="6">
        <v>2170.8589999999999</v>
      </c>
    </row>
    <row r="10567" spans="4:5" x14ac:dyDescent="0.25">
      <c r="D10567" s="6">
        <v>3498.3919999999998</v>
      </c>
      <c r="E10567" s="6">
        <v>551.91989999999998</v>
      </c>
    </row>
    <row r="10568" spans="4:5" x14ac:dyDescent="0.25">
      <c r="D10568" s="6">
        <v>2470.2579999999998</v>
      </c>
      <c r="E10568" s="6">
        <v>1077.184</v>
      </c>
    </row>
    <row r="10569" spans="4:5" x14ac:dyDescent="0.25">
      <c r="D10569" s="6">
        <v>1501.4659999999999</v>
      </c>
      <c r="E10569" s="6">
        <v>586.38080000000002</v>
      </c>
    </row>
    <row r="10570" spans="4:5" x14ac:dyDescent="0.25">
      <c r="D10570" s="6">
        <v>2216.1109999999999</v>
      </c>
      <c r="E10570" s="6">
        <v>741.32010000000002</v>
      </c>
    </row>
    <row r="10571" spans="4:5" x14ac:dyDescent="0.25">
      <c r="D10571" s="6">
        <v>6193.11</v>
      </c>
      <c r="E10571" s="6">
        <v>765.673</v>
      </c>
    </row>
    <row r="10572" spans="4:5" x14ac:dyDescent="0.25">
      <c r="D10572" s="6">
        <v>1118.241</v>
      </c>
      <c r="E10572" s="6">
        <v>786.29369999999994</v>
      </c>
    </row>
    <row r="10573" spans="4:5" x14ac:dyDescent="0.25">
      <c r="D10573" s="6">
        <v>531.28729999999996</v>
      </c>
      <c r="E10573" s="6">
        <v>2367.2750000000001</v>
      </c>
    </row>
    <row r="10574" spans="4:5" x14ac:dyDescent="0.25">
      <c r="D10574" s="6">
        <v>1404.502</v>
      </c>
      <c r="E10574" s="6">
        <v>1055.174</v>
      </c>
    </row>
    <row r="10575" spans="4:5" x14ac:dyDescent="0.25">
      <c r="D10575" s="6">
        <v>1747.38</v>
      </c>
      <c r="E10575" s="6">
        <v>3119.4960000000001</v>
      </c>
    </row>
    <row r="10576" spans="4:5" x14ac:dyDescent="0.25">
      <c r="D10576" s="6">
        <v>3062.0990000000002</v>
      </c>
      <c r="E10576" s="6">
        <v>3946.4479999999999</v>
      </c>
    </row>
    <row r="10577" spans="4:5" x14ac:dyDescent="0.25">
      <c r="D10577" s="6">
        <v>2330.884</v>
      </c>
      <c r="E10577" s="6">
        <v>8968.5910000000003</v>
      </c>
    </row>
    <row r="10578" spans="4:5" x14ac:dyDescent="0.25">
      <c r="D10578" s="6">
        <v>2843.701</v>
      </c>
      <c r="E10578" s="6">
        <v>1874.48</v>
      </c>
    </row>
    <row r="10579" spans="4:5" x14ac:dyDescent="0.25">
      <c r="D10579" s="6">
        <v>1054.6759999999999</v>
      </c>
      <c r="E10579" s="6">
        <v>582.20579999999995</v>
      </c>
    </row>
    <row r="10580" spans="4:5" x14ac:dyDescent="0.25">
      <c r="D10580" s="6">
        <v>2695.4209999999998</v>
      </c>
      <c r="E10580" s="6">
        <v>552.64670000000001</v>
      </c>
    </row>
    <row r="10581" spans="4:5" x14ac:dyDescent="0.25">
      <c r="D10581" s="6">
        <v>1307.6220000000001</v>
      </c>
      <c r="E10581" s="6">
        <v>2414.7199999999998</v>
      </c>
    </row>
    <row r="10582" spans="4:5" x14ac:dyDescent="0.25">
      <c r="D10582" s="6">
        <v>1341.2739999999999</v>
      </c>
      <c r="E10582" s="6">
        <v>2051.7779999999998</v>
      </c>
    </row>
    <row r="10583" spans="4:5" x14ac:dyDescent="0.25">
      <c r="D10583" s="6">
        <v>1144.777</v>
      </c>
      <c r="E10583" s="6">
        <v>950.41669999999999</v>
      </c>
    </row>
    <row r="10584" spans="4:5" x14ac:dyDescent="0.25">
      <c r="D10584" s="6">
        <v>1324.424</v>
      </c>
      <c r="E10584" s="6">
        <v>771.01649999999995</v>
      </c>
    </row>
    <row r="10585" spans="4:5" x14ac:dyDescent="0.25">
      <c r="D10585" s="6">
        <v>820.55600000000004</v>
      </c>
      <c r="E10585" s="6">
        <v>409.03320000000002</v>
      </c>
    </row>
    <row r="10586" spans="4:5" x14ac:dyDescent="0.25">
      <c r="D10586" s="6">
        <v>472.7647</v>
      </c>
      <c r="E10586" s="6">
        <v>491.0849</v>
      </c>
    </row>
    <row r="10587" spans="4:5" x14ac:dyDescent="0.25">
      <c r="D10587" s="6">
        <v>783.12310000000002</v>
      </c>
      <c r="E10587" s="6">
        <v>1360.97</v>
      </c>
    </row>
    <row r="10588" spans="4:5" x14ac:dyDescent="0.25">
      <c r="D10588" s="6">
        <v>1077.4159999999999</v>
      </c>
      <c r="E10588" s="6">
        <v>824.89329999999995</v>
      </c>
    </row>
    <row r="10589" spans="4:5" x14ac:dyDescent="0.25">
      <c r="D10589" s="6">
        <v>2073.7109999999998</v>
      </c>
      <c r="E10589" s="6">
        <v>1412.11</v>
      </c>
    </row>
    <row r="10590" spans="4:5" x14ac:dyDescent="0.25">
      <c r="D10590" s="6">
        <v>1851.8520000000001</v>
      </c>
      <c r="E10590" s="6">
        <v>2607.62</v>
      </c>
    </row>
    <row r="10591" spans="4:5" x14ac:dyDescent="0.25">
      <c r="D10591" s="6">
        <v>3471.6790000000001</v>
      </c>
      <c r="E10591" s="6">
        <v>398.00790000000001</v>
      </c>
    </row>
    <row r="10592" spans="4:5" x14ac:dyDescent="0.25">
      <c r="D10592" s="6">
        <v>596.57280000000003</v>
      </c>
      <c r="E10592" s="6">
        <v>450.4547</v>
      </c>
    </row>
    <row r="10593" spans="4:5" x14ac:dyDescent="0.25">
      <c r="D10593" s="6">
        <v>1738.0450000000001</v>
      </c>
      <c r="E10593" s="6">
        <v>2607.62</v>
      </c>
    </row>
    <row r="10594" spans="4:5" x14ac:dyDescent="0.25">
      <c r="D10594" s="6">
        <v>2707.4830000000002</v>
      </c>
      <c r="E10594" s="6">
        <v>939.71230000000003</v>
      </c>
    </row>
    <row r="10595" spans="4:5" x14ac:dyDescent="0.25">
      <c r="D10595" s="6">
        <v>4754.6099999999997</v>
      </c>
      <c r="E10595" s="6">
        <v>2352.0189999999998</v>
      </c>
    </row>
    <row r="10596" spans="4:5" x14ac:dyDescent="0.25">
      <c r="D10596" s="6">
        <v>1283.1220000000001</v>
      </c>
      <c r="E10596" s="6">
        <v>2254.8939999999998</v>
      </c>
    </row>
    <row r="10597" spans="4:5" x14ac:dyDescent="0.25">
      <c r="D10597" s="6">
        <v>3200.3690000000001</v>
      </c>
      <c r="E10597" s="6">
        <v>1449.299</v>
      </c>
    </row>
    <row r="10598" spans="4:5" x14ac:dyDescent="0.25">
      <c r="D10598" s="6">
        <v>882.94640000000004</v>
      </c>
      <c r="E10598" s="6">
        <v>616.47940000000006</v>
      </c>
    </row>
    <row r="10599" spans="4:5" x14ac:dyDescent="0.25">
      <c r="D10599" s="6">
        <v>4066.8180000000002</v>
      </c>
      <c r="E10599" s="6">
        <v>1355.963</v>
      </c>
    </row>
    <row r="10600" spans="4:5" x14ac:dyDescent="0.25">
      <c r="D10600" s="6">
        <v>1381.056</v>
      </c>
      <c r="E10600" s="6">
        <v>684.17330000000004</v>
      </c>
    </row>
    <row r="10601" spans="4:5" x14ac:dyDescent="0.25">
      <c r="D10601" s="6">
        <v>1311.1310000000001</v>
      </c>
      <c r="E10601" s="6">
        <v>492.41500000000002</v>
      </c>
    </row>
    <row r="10602" spans="4:5" x14ac:dyDescent="0.25">
      <c r="D10602" s="6">
        <v>941.8098</v>
      </c>
      <c r="E10602" s="6">
        <v>970.02179999999998</v>
      </c>
    </row>
    <row r="10603" spans="4:5" x14ac:dyDescent="0.25">
      <c r="D10603" s="6">
        <v>2698.1550000000002</v>
      </c>
      <c r="E10603" s="6">
        <v>2490.4119999999998</v>
      </c>
    </row>
    <row r="10604" spans="4:5" x14ac:dyDescent="0.25">
      <c r="D10604" s="6">
        <v>1004.034</v>
      </c>
      <c r="E10604" s="6">
        <v>2615.9470000000001</v>
      </c>
    </row>
    <row r="10605" spans="4:5" x14ac:dyDescent="0.25">
      <c r="D10605" s="6">
        <v>944.1046</v>
      </c>
      <c r="E10605" s="6">
        <v>2942.71</v>
      </c>
    </row>
    <row r="10606" spans="4:5" x14ac:dyDescent="0.25">
      <c r="D10606" s="6">
        <v>1425.732</v>
      </c>
      <c r="E10606" s="6">
        <v>2171.9549999999999</v>
      </c>
    </row>
    <row r="10607" spans="4:5" x14ac:dyDescent="0.25">
      <c r="D10607" s="6">
        <v>1434.3240000000001</v>
      </c>
      <c r="E10607" s="6">
        <v>3643.1770000000001</v>
      </c>
    </row>
    <row r="10608" spans="4:5" x14ac:dyDescent="0.25">
      <c r="D10608" s="6">
        <v>658.14160000000004</v>
      </c>
      <c r="E10608" s="6">
        <v>1071.6790000000001</v>
      </c>
    </row>
    <row r="10609" spans="4:5" x14ac:dyDescent="0.25">
      <c r="D10609" s="6">
        <v>1817.4749999999999</v>
      </c>
      <c r="E10609" s="6">
        <v>799.15750000000003</v>
      </c>
    </row>
    <row r="10610" spans="4:5" x14ac:dyDescent="0.25">
      <c r="D10610" s="6">
        <v>609.76930000000004</v>
      </c>
      <c r="E10610" s="6">
        <v>1194.2570000000001</v>
      </c>
    </row>
    <row r="10611" spans="4:5" x14ac:dyDescent="0.25">
      <c r="D10611" s="6">
        <v>912.00480000000005</v>
      </c>
      <c r="E10611" s="6">
        <v>2997.7350000000001</v>
      </c>
    </row>
    <row r="10612" spans="4:5" x14ac:dyDescent="0.25">
      <c r="D10612" s="6">
        <v>1881.1310000000001</v>
      </c>
      <c r="E10612" s="6">
        <v>325.60000000000002</v>
      </c>
    </row>
    <row r="10613" spans="4:5" x14ac:dyDescent="0.25">
      <c r="D10613" s="6">
        <v>1855.2940000000001</v>
      </c>
      <c r="E10613" s="6">
        <v>1110.2819999999999</v>
      </c>
    </row>
    <row r="10614" spans="4:5" x14ac:dyDescent="0.25">
      <c r="D10614" s="6">
        <v>1433.8489999999999</v>
      </c>
      <c r="E10614" s="6">
        <v>3050.0050000000001</v>
      </c>
    </row>
    <row r="10615" spans="4:5" x14ac:dyDescent="0.25">
      <c r="D10615" s="6">
        <v>1053.5039999999999</v>
      </c>
      <c r="E10615" s="6">
        <v>1932.76</v>
      </c>
    </row>
    <row r="10616" spans="4:5" x14ac:dyDescent="0.25">
      <c r="D10616" s="6">
        <v>694.08690000000001</v>
      </c>
      <c r="E10616" s="6">
        <v>3242.451</v>
      </c>
    </row>
    <row r="10617" spans="4:5" x14ac:dyDescent="0.25">
      <c r="D10617" s="6">
        <v>1097.2380000000001</v>
      </c>
      <c r="E10617" s="6">
        <v>1251.6289999999999</v>
      </c>
    </row>
    <row r="10618" spans="4:5" x14ac:dyDescent="0.25">
      <c r="D10618" s="6">
        <v>654.4606</v>
      </c>
      <c r="E10618" s="6">
        <v>1774.251</v>
      </c>
    </row>
    <row r="10619" spans="4:5" x14ac:dyDescent="0.25">
      <c r="D10619" s="6">
        <v>817.13310000000001</v>
      </c>
      <c r="E10619" s="6">
        <v>1134.9880000000001</v>
      </c>
    </row>
    <row r="10620" spans="4:5" x14ac:dyDescent="0.25">
      <c r="D10620" s="6">
        <v>621.82830000000001</v>
      </c>
      <c r="E10620" s="6">
        <v>3453.0039999999999</v>
      </c>
    </row>
    <row r="10621" spans="4:5" x14ac:dyDescent="0.25">
      <c r="D10621" s="6">
        <v>1373.385</v>
      </c>
      <c r="E10621" s="6">
        <v>824.90970000000004</v>
      </c>
    </row>
    <row r="10622" spans="4:5" x14ac:dyDescent="0.25">
      <c r="D10622" s="6">
        <v>1339.5239999999999</v>
      </c>
      <c r="E10622" s="6">
        <v>2082.6260000000002</v>
      </c>
    </row>
    <row r="10623" spans="4:5" x14ac:dyDescent="0.25">
      <c r="D10623" s="6">
        <v>3509.1239999999998</v>
      </c>
      <c r="E10623" s="6">
        <v>499.16469999999998</v>
      </c>
    </row>
    <row r="10624" spans="4:5" x14ac:dyDescent="0.25">
      <c r="D10624" s="6">
        <v>1134.751</v>
      </c>
      <c r="E10624" s="6">
        <v>1158.7560000000001</v>
      </c>
    </row>
    <row r="10625" spans="4:5" x14ac:dyDescent="0.25">
      <c r="D10625" s="6">
        <v>3842.2809999999999</v>
      </c>
      <c r="E10625" s="6">
        <v>964.10680000000002</v>
      </c>
    </row>
    <row r="10626" spans="4:5" x14ac:dyDescent="0.25">
      <c r="D10626" s="6">
        <v>1210.6780000000001</v>
      </c>
      <c r="E10626" s="6">
        <v>1860.787</v>
      </c>
    </row>
    <row r="10627" spans="4:5" x14ac:dyDescent="0.25">
      <c r="D10627" s="6">
        <v>1597.405</v>
      </c>
      <c r="E10627" s="6">
        <v>638.49940000000004</v>
      </c>
    </row>
    <row r="10628" spans="4:5" x14ac:dyDescent="0.25">
      <c r="D10628" s="6">
        <v>1012.5839999999999</v>
      </c>
      <c r="E10628" s="6">
        <v>2709.8389999999999</v>
      </c>
    </row>
    <row r="10629" spans="4:5" x14ac:dyDescent="0.25">
      <c r="D10629" s="6">
        <v>514.94150000000002</v>
      </c>
      <c r="E10629" s="6">
        <v>3276.2779999999998</v>
      </c>
    </row>
    <row r="10630" spans="4:5" x14ac:dyDescent="0.25">
      <c r="D10630" s="6">
        <v>1386.567</v>
      </c>
      <c r="E10630" s="6">
        <v>3451.17</v>
      </c>
    </row>
    <row r="10631" spans="4:5" x14ac:dyDescent="0.25">
      <c r="D10631" s="6">
        <v>676.625</v>
      </c>
      <c r="E10631" s="6">
        <v>1851.9949999999999</v>
      </c>
    </row>
    <row r="10632" spans="4:5" x14ac:dyDescent="0.25">
      <c r="D10632" s="6">
        <v>816.30340000000001</v>
      </c>
      <c r="E10632" s="6">
        <v>939.09109999999998</v>
      </c>
    </row>
    <row r="10633" spans="4:5" x14ac:dyDescent="0.25">
      <c r="D10633" s="6">
        <v>1393.2280000000001</v>
      </c>
      <c r="E10633" s="6">
        <v>1124.2080000000001</v>
      </c>
    </row>
    <row r="10634" spans="4:5" x14ac:dyDescent="0.25">
      <c r="D10634" s="6">
        <v>1560.675</v>
      </c>
      <c r="E10634" s="6">
        <v>809.15589999999997</v>
      </c>
    </row>
    <row r="10635" spans="4:5" x14ac:dyDescent="0.25">
      <c r="D10635" s="6">
        <v>896.84690000000001</v>
      </c>
      <c r="E10635" s="6">
        <v>1063.5409999999999</v>
      </c>
    </row>
    <row r="10636" spans="4:5" x14ac:dyDescent="0.25">
      <c r="D10636" s="6">
        <v>3122.7159999999999</v>
      </c>
      <c r="E10636" s="6">
        <v>2411.3519999999999</v>
      </c>
    </row>
    <row r="10637" spans="4:5" x14ac:dyDescent="0.25">
      <c r="D10637" s="6">
        <v>2028.13</v>
      </c>
      <c r="E10637" s="6">
        <v>1085.3109999999999</v>
      </c>
    </row>
    <row r="10638" spans="4:5" x14ac:dyDescent="0.25">
      <c r="D10638" s="6">
        <v>787.12310000000002</v>
      </c>
      <c r="E10638" s="6">
        <v>1342.3109999999999</v>
      </c>
    </row>
    <row r="10639" spans="4:5" x14ac:dyDescent="0.25">
      <c r="D10639" s="6">
        <v>1210.1099999999999</v>
      </c>
      <c r="E10639" s="6">
        <v>1604.4059999999999</v>
      </c>
    </row>
    <row r="10640" spans="4:5" x14ac:dyDescent="0.25">
      <c r="D10640" s="6">
        <v>2229.4499999999998</v>
      </c>
      <c r="E10640" s="6">
        <v>742.82339999999999</v>
      </c>
    </row>
    <row r="10641" spans="4:5" x14ac:dyDescent="0.25">
      <c r="D10641" s="6">
        <v>6035.9059999999999</v>
      </c>
      <c r="E10641" s="6">
        <v>940.44010000000003</v>
      </c>
    </row>
    <row r="10642" spans="4:5" x14ac:dyDescent="0.25">
      <c r="D10642" s="6">
        <v>1143.25</v>
      </c>
      <c r="E10642" s="6">
        <v>546.53279999999995</v>
      </c>
    </row>
    <row r="10643" spans="4:5" x14ac:dyDescent="0.25">
      <c r="D10643" s="6">
        <v>679.20600000000002</v>
      </c>
      <c r="E10643" s="6">
        <v>1264.307</v>
      </c>
    </row>
    <row r="10644" spans="4:5" x14ac:dyDescent="0.25">
      <c r="D10644" s="6">
        <v>3578.498</v>
      </c>
      <c r="E10644" s="6">
        <v>2436.0929999999998</v>
      </c>
    </row>
    <row r="10645" spans="4:5" x14ac:dyDescent="0.25">
      <c r="D10645" s="6">
        <v>514.45140000000004</v>
      </c>
      <c r="E10645" s="6">
        <v>680.0172</v>
      </c>
    </row>
    <row r="10646" spans="4:5" x14ac:dyDescent="0.25">
      <c r="D10646" s="6">
        <v>1293.539</v>
      </c>
      <c r="E10646" s="6">
        <v>1723.1010000000001</v>
      </c>
    </row>
    <row r="10647" spans="4:5" x14ac:dyDescent="0.25">
      <c r="D10647" s="6">
        <v>1405.0119999999999</v>
      </c>
      <c r="E10647" s="6">
        <v>547.91470000000004</v>
      </c>
    </row>
    <row r="10648" spans="4:5" x14ac:dyDescent="0.25">
      <c r="D10648" s="6">
        <v>2969.9870000000001</v>
      </c>
      <c r="E10648" s="6">
        <v>294.02089999999998</v>
      </c>
    </row>
    <row r="10649" spans="4:5" x14ac:dyDescent="0.25">
      <c r="D10649" s="6">
        <v>989.06129999999996</v>
      </c>
      <c r="E10649" s="6">
        <v>2741.3150000000001</v>
      </c>
    </row>
    <row r="10650" spans="4:5" x14ac:dyDescent="0.25">
      <c r="D10650" s="6">
        <v>652.11929999999995</v>
      </c>
      <c r="E10650" s="6">
        <v>2576.9110000000001</v>
      </c>
    </row>
    <row r="10651" spans="4:5" x14ac:dyDescent="0.25">
      <c r="D10651" s="6">
        <v>785.28620000000001</v>
      </c>
      <c r="E10651" s="6">
        <v>773.88589999999999</v>
      </c>
    </row>
    <row r="10652" spans="4:5" x14ac:dyDescent="0.25">
      <c r="D10652" s="6">
        <v>1389.5039999999999</v>
      </c>
      <c r="E10652" s="6">
        <v>847.34749999999997</v>
      </c>
    </row>
    <row r="10653" spans="4:5" x14ac:dyDescent="0.25">
      <c r="D10653" s="6">
        <v>3669.3980000000001</v>
      </c>
      <c r="E10653" s="6">
        <v>1571.836</v>
      </c>
    </row>
    <row r="10654" spans="4:5" x14ac:dyDescent="0.25">
      <c r="D10654" s="6">
        <v>653.5992</v>
      </c>
      <c r="E10654" s="6">
        <v>845.09100000000001</v>
      </c>
    </row>
    <row r="10655" spans="4:5" x14ac:dyDescent="0.25">
      <c r="D10655" s="6">
        <v>3856.4369999999999</v>
      </c>
      <c r="E10655" s="6">
        <v>2683.0770000000002</v>
      </c>
    </row>
    <row r="10656" spans="4:5" x14ac:dyDescent="0.25">
      <c r="D10656" s="6">
        <v>1882.44</v>
      </c>
      <c r="E10656" s="6">
        <v>2374.5810000000001</v>
      </c>
    </row>
    <row r="10657" spans="4:5" x14ac:dyDescent="0.25">
      <c r="D10657" s="6">
        <v>1023.603</v>
      </c>
      <c r="E10657" s="6">
        <v>1201.595</v>
      </c>
    </row>
    <row r="10658" spans="4:5" x14ac:dyDescent="0.25">
      <c r="D10658" s="6">
        <v>977.81709999999998</v>
      </c>
      <c r="E10658" s="6">
        <v>783.97479999999996</v>
      </c>
    </row>
    <row r="10659" spans="4:5" x14ac:dyDescent="0.25">
      <c r="D10659" s="6">
        <v>1679.2280000000001</v>
      </c>
      <c r="E10659" s="6">
        <v>1375.595</v>
      </c>
    </row>
    <row r="10660" spans="4:5" x14ac:dyDescent="0.25">
      <c r="D10660" s="6">
        <v>5060.8270000000002</v>
      </c>
      <c r="E10660" s="6">
        <v>11127.56</v>
      </c>
    </row>
    <row r="10661" spans="4:5" x14ac:dyDescent="0.25">
      <c r="D10661" s="6">
        <v>1635.8150000000001</v>
      </c>
      <c r="E10661" s="6">
        <v>514.24279999999999</v>
      </c>
    </row>
    <row r="10662" spans="4:5" x14ac:dyDescent="0.25">
      <c r="D10662" s="6">
        <v>2458.741</v>
      </c>
      <c r="E10662" s="6">
        <v>1716.5</v>
      </c>
    </row>
    <row r="10663" spans="4:5" x14ac:dyDescent="0.25">
      <c r="D10663" s="6">
        <v>1021.253</v>
      </c>
      <c r="E10663" s="6">
        <v>3890.6379999999999</v>
      </c>
    </row>
    <row r="10664" spans="4:5" x14ac:dyDescent="0.25">
      <c r="D10664" s="6">
        <v>540.62509999999997</v>
      </c>
      <c r="E10664" s="6">
        <v>1104.874</v>
      </c>
    </row>
    <row r="10665" spans="4:5" x14ac:dyDescent="0.25">
      <c r="D10665" s="6">
        <v>2264.1489999999999</v>
      </c>
      <c r="E10665" s="6">
        <v>958.97370000000001</v>
      </c>
    </row>
    <row r="10666" spans="4:5" x14ac:dyDescent="0.25">
      <c r="D10666" s="6">
        <v>1534.11</v>
      </c>
      <c r="E10666" s="6">
        <v>1578.788</v>
      </c>
    </row>
    <row r="10667" spans="4:5" x14ac:dyDescent="0.25">
      <c r="D10667" s="6">
        <v>713.75779999999997</v>
      </c>
      <c r="E10667" s="6">
        <v>1294.944</v>
      </c>
    </row>
    <row r="10668" spans="4:5" x14ac:dyDescent="0.25">
      <c r="D10668" s="6">
        <v>3972.7779999999998</v>
      </c>
      <c r="E10668" s="6">
        <v>2852.5309999999999</v>
      </c>
    </row>
    <row r="10669" spans="4:5" x14ac:dyDescent="0.25">
      <c r="D10669" s="6">
        <v>621.23080000000004</v>
      </c>
      <c r="E10669" s="6">
        <v>1939.374</v>
      </c>
    </row>
    <row r="10670" spans="4:5" x14ac:dyDescent="0.25">
      <c r="D10670" s="6">
        <v>3382.8339999999998</v>
      </c>
      <c r="E10670" s="6">
        <v>1644.771</v>
      </c>
    </row>
    <row r="10671" spans="4:5" x14ac:dyDescent="0.25">
      <c r="D10671" s="6">
        <v>458.7353</v>
      </c>
      <c r="E10671" s="6">
        <v>940.42309999999998</v>
      </c>
    </row>
    <row r="10672" spans="4:5" x14ac:dyDescent="0.25">
      <c r="D10672" s="6">
        <v>1341.296</v>
      </c>
      <c r="E10672" s="6">
        <v>534.36360000000002</v>
      </c>
    </row>
    <row r="10673" spans="4:5" x14ac:dyDescent="0.25">
      <c r="D10673" s="6">
        <v>2276.741</v>
      </c>
      <c r="E10673" s="6">
        <v>2571.578</v>
      </c>
    </row>
    <row r="10674" spans="4:5" x14ac:dyDescent="0.25">
      <c r="D10674" s="6">
        <v>11312.31</v>
      </c>
      <c r="E10674" s="6">
        <v>818.57780000000002</v>
      </c>
    </row>
    <row r="10675" spans="4:5" x14ac:dyDescent="0.25">
      <c r="D10675" s="6">
        <v>738</v>
      </c>
      <c r="E10675" s="6">
        <v>1788.463</v>
      </c>
    </row>
    <row r="10676" spans="4:5" x14ac:dyDescent="0.25">
      <c r="D10676" s="6">
        <v>684.67880000000002</v>
      </c>
      <c r="E10676" s="6">
        <v>885.43640000000005</v>
      </c>
    </row>
    <row r="10677" spans="4:5" x14ac:dyDescent="0.25">
      <c r="D10677" s="6">
        <v>2587.39</v>
      </c>
      <c r="E10677" s="6">
        <v>2721.3879999999999</v>
      </c>
    </row>
    <row r="10678" spans="4:5" x14ac:dyDescent="0.25">
      <c r="D10678" s="6">
        <v>5003.9960000000001</v>
      </c>
      <c r="E10678" s="6">
        <v>11642.4</v>
      </c>
    </row>
    <row r="10679" spans="4:5" x14ac:dyDescent="0.25">
      <c r="D10679" s="6">
        <v>1942.694</v>
      </c>
      <c r="E10679" s="6">
        <v>536.71230000000003</v>
      </c>
    </row>
    <row r="10680" spans="4:5" x14ac:dyDescent="0.25">
      <c r="D10680" s="6">
        <v>644</v>
      </c>
      <c r="E10680" s="6">
        <v>1012.09</v>
      </c>
    </row>
    <row r="10681" spans="4:5" x14ac:dyDescent="0.25">
      <c r="D10681" s="6">
        <v>466.45929999999998</v>
      </c>
      <c r="E10681" s="6">
        <v>1004.177</v>
      </c>
    </row>
    <row r="10682" spans="4:5" x14ac:dyDescent="0.25">
      <c r="D10682" s="6">
        <v>1711.088</v>
      </c>
      <c r="E10682" s="6">
        <v>995.56219999999996</v>
      </c>
    </row>
    <row r="10683" spans="4:5" x14ac:dyDescent="0.25">
      <c r="D10683" s="6">
        <v>5422.9480000000003</v>
      </c>
      <c r="E10683" s="6">
        <v>707.55820000000006</v>
      </c>
    </row>
    <row r="10684" spans="4:5" x14ac:dyDescent="0.25">
      <c r="D10684" s="6">
        <v>861.34690000000001</v>
      </c>
      <c r="E10684" s="6">
        <v>2678.127</v>
      </c>
    </row>
    <row r="10685" spans="4:5" x14ac:dyDescent="0.25">
      <c r="D10685" s="6">
        <v>741.78520000000003</v>
      </c>
      <c r="E10685" s="6">
        <v>834.64800000000002</v>
      </c>
    </row>
    <row r="10686" spans="4:5" x14ac:dyDescent="0.25">
      <c r="D10686" s="6">
        <v>1138.3019999999999</v>
      </c>
      <c r="E10686" s="6">
        <v>983.97299999999996</v>
      </c>
    </row>
    <row r="10687" spans="4:5" x14ac:dyDescent="0.25">
      <c r="D10687" s="6">
        <v>1380.018</v>
      </c>
      <c r="E10687" s="6">
        <v>1245.7470000000001</v>
      </c>
    </row>
    <row r="10688" spans="4:5" x14ac:dyDescent="0.25">
      <c r="D10688" s="6">
        <v>3401.5569999999998</v>
      </c>
      <c r="E10688" s="6">
        <v>2063.9319999999998</v>
      </c>
    </row>
    <row r="10689" spans="4:5" x14ac:dyDescent="0.25">
      <c r="D10689" s="6">
        <v>471.94069999999999</v>
      </c>
      <c r="E10689" s="6">
        <v>1984.2760000000001</v>
      </c>
    </row>
    <row r="10690" spans="4:5" x14ac:dyDescent="0.25">
      <c r="D10690" s="6">
        <v>1734.318</v>
      </c>
      <c r="E10690" s="6">
        <v>1947.15</v>
      </c>
    </row>
    <row r="10691" spans="4:5" x14ac:dyDescent="0.25">
      <c r="D10691" s="6">
        <v>959.0548</v>
      </c>
      <c r="E10691" s="6">
        <v>840.92859999999996</v>
      </c>
    </row>
    <row r="10692" spans="4:5" x14ac:dyDescent="0.25">
      <c r="D10692" s="6">
        <v>1652.498</v>
      </c>
      <c r="E10692" s="6">
        <v>1194.624</v>
      </c>
    </row>
    <row r="10693" spans="4:5" x14ac:dyDescent="0.25">
      <c r="D10693" s="6">
        <v>754.6309</v>
      </c>
      <c r="E10693" s="6">
        <v>447.02260000000001</v>
      </c>
    </row>
    <row r="10694" spans="4:5" x14ac:dyDescent="0.25">
      <c r="D10694" s="6">
        <v>1420.7139999999999</v>
      </c>
      <c r="E10694" s="6">
        <v>2581.2089999999998</v>
      </c>
    </row>
    <row r="10695" spans="4:5" x14ac:dyDescent="0.25">
      <c r="D10695" s="6">
        <v>692.61360000000002</v>
      </c>
      <c r="E10695" s="6">
        <v>924.97910000000002</v>
      </c>
    </row>
    <row r="10696" spans="4:5" x14ac:dyDescent="0.25">
      <c r="D10696" s="6">
        <v>1298.587</v>
      </c>
      <c r="E10696" s="6">
        <v>782.70569999999998</v>
      </c>
    </row>
    <row r="10697" spans="4:5" x14ac:dyDescent="0.25">
      <c r="D10697" s="6">
        <v>613.26480000000004</v>
      </c>
      <c r="E10697" s="6">
        <v>2903.7649999999999</v>
      </c>
    </row>
    <row r="10698" spans="4:5" x14ac:dyDescent="0.25">
      <c r="D10698" s="6">
        <v>1193.2650000000001</v>
      </c>
      <c r="E10698" s="6">
        <v>1026.519</v>
      </c>
    </row>
    <row r="10699" spans="4:5" x14ac:dyDescent="0.25">
      <c r="D10699" s="6">
        <v>851.55560000000003</v>
      </c>
      <c r="E10699" s="6">
        <v>685.25840000000005</v>
      </c>
    </row>
    <row r="10700" spans="4:5" x14ac:dyDescent="0.25">
      <c r="D10700" s="6">
        <v>1468.098</v>
      </c>
      <c r="E10700" s="6">
        <v>1371.3969999999999</v>
      </c>
    </row>
    <row r="10701" spans="4:5" x14ac:dyDescent="0.25">
      <c r="D10701" s="6">
        <v>935.52850000000001</v>
      </c>
      <c r="E10701" s="6">
        <v>3012.2150000000001</v>
      </c>
    </row>
    <row r="10702" spans="4:5" x14ac:dyDescent="0.25">
      <c r="D10702" s="6">
        <v>1949.5160000000001</v>
      </c>
      <c r="E10702" s="6">
        <v>972.91570000000002</v>
      </c>
    </row>
    <row r="10703" spans="4:5" x14ac:dyDescent="0.25">
      <c r="D10703" s="6">
        <v>1197.7439999999999</v>
      </c>
      <c r="E10703" s="6">
        <v>1780.8330000000001</v>
      </c>
    </row>
    <row r="10704" spans="4:5" x14ac:dyDescent="0.25">
      <c r="D10704" s="6">
        <v>1738.7</v>
      </c>
      <c r="E10704" s="6">
        <v>1989.828</v>
      </c>
    </row>
    <row r="10705" spans="4:5" x14ac:dyDescent="0.25">
      <c r="D10705" s="6">
        <v>526.70569999999998</v>
      </c>
      <c r="E10705" s="6">
        <v>1783.97</v>
      </c>
    </row>
    <row r="10706" spans="4:5" x14ac:dyDescent="0.25">
      <c r="D10706" s="6">
        <v>542.49919999999997</v>
      </c>
      <c r="E10706" s="6">
        <v>1086.9449999999999</v>
      </c>
    </row>
    <row r="10707" spans="4:5" x14ac:dyDescent="0.25">
      <c r="D10707" s="6">
        <v>1213.1279999999999</v>
      </c>
      <c r="E10707" s="6">
        <v>440.57150000000001</v>
      </c>
    </row>
    <row r="10708" spans="4:5" x14ac:dyDescent="0.25">
      <c r="D10708" s="6">
        <v>1236.8779999999999</v>
      </c>
      <c r="E10708" s="6">
        <v>11429.05</v>
      </c>
    </row>
    <row r="10709" spans="4:5" x14ac:dyDescent="0.25">
      <c r="D10709" s="6">
        <v>4457.6030000000001</v>
      </c>
      <c r="E10709" s="6">
        <v>1529.4290000000001</v>
      </c>
    </row>
    <row r="10710" spans="4:5" x14ac:dyDescent="0.25">
      <c r="D10710" s="6">
        <v>2754.5279999999998</v>
      </c>
      <c r="E10710" s="6">
        <v>1808.02</v>
      </c>
    </row>
    <row r="10711" spans="4:5" x14ac:dyDescent="0.25">
      <c r="D10711" s="6">
        <v>5984.9290000000001</v>
      </c>
      <c r="E10711" s="6">
        <v>2824.7820000000002</v>
      </c>
    </row>
    <row r="10712" spans="4:5" x14ac:dyDescent="0.25">
      <c r="D10712" s="6">
        <v>1080.6669999999999</v>
      </c>
      <c r="E10712" s="6">
        <v>695.29719999999998</v>
      </c>
    </row>
    <row r="10713" spans="4:5" x14ac:dyDescent="0.25">
      <c r="D10713" s="6">
        <v>3251.0149999999999</v>
      </c>
      <c r="E10713" s="6">
        <v>836.7414</v>
      </c>
    </row>
    <row r="10714" spans="4:5" x14ac:dyDescent="0.25">
      <c r="D10714" s="6">
        <v>911.42340000000002</v>
      </c>
      <c r="E10714" s="6">
        <v>1015.107</v>
      </c>
    </row>
    <row r="10715" spans="4:5" x14ac:dyDescent="0.25">
      <c r="D10715" s="6">
        <v>1376.848</v>
      </c>
      <c r="E10715" s="6">
        <v>2854.6489999999999</v>
      </c>
    </row>
    <row r="10716" spans="4:5" x14ac:dyDescent="0.25">
      <c r="D10716" s="6">
        <v>1460.049</v>
      </c>
      <c r="E10716" s="6">
        <v>1996.8230000000001</v>
      </c>
    </row>
    <row r="10717" spans="4:5" x14ac:dyDescent="0.25">
      <c r="D10717" s="6">
        <v>1624.2429999999999</v>
      </c>
      <c r="E10717" s="6">
        <v>534.38720000000001</v>
      </c>
    </row>
    <row r="10718" spans="4:5" x14ac:dyDescent="0.25">
      <c r="D10718" s="6">
        <v>744.34460000000001</v>
      </c>
      <c r="E10718" s="6">
        <v>335.52629999999999</v>
      </c>
    </row>
    <row r="10719" spans="4:5" x14ac:dyDescent="0.25">
      <c r="D10719" s="6">
        <v>1519.2650000000001</v>
      </c>
      <c r="E10719" s="6">
        <v>2946.3139999999999</v>
      </c>
    </row>
    <row r="10720" spans="4:5" x14ac:dyDescent="0.25">
      <c r="D10720" s="6">
        <v>612.49239999999998</v>
      </c>
      <c r="E10720" s="6">
        <v>2688.65</v>
      </c>
    </row>
    <row r="10721" spans="4:5" x14ac:dyDescent="0.25">
      <c r="D10721" s="6">
        <v>848.11670000000004</v>
      </c>
      <c r="E10721" s="6">
        <v>2718.279</v>
      </c>
    </row>
    <row r="10722" spans="4:5" x14ac:dyDescent="0.25">
      <c r="D10722" s="6">
        <v>2077.933</v>
      </c>
      <c r="E10722" s="6">
        <v>861.60820000000001</v>
      </c>
    </row>
    <row r="10723" spans="4:5" x14ac:dyDescent="0.25">
      <c r="D10723" s="6">
        <v>1412.712</v>
      </c>
      <c r="E10723" s="6">
        <v>884.19899999999996</v>
      </c>
    </row>
    <row r="10724" spans="4:5" x14ac:dyDescent="0.25">
      <c r="D10724" s="6">
        <v>655.31240000000003</v>
      </c>
      <c r="E10724" s="6">
        <v>2796.335</v>
      </c>
    </row>
    <row r="10725" spans="4:5" x14ac:dyDescent="0.25">
      <c r="D10725" s="6">
        <v>1205.614</v>
      </c>
      <c r="E10725" s="6">
        <v>2624.9560000000001</v>
      </c>
    </row>
    <row r="10726" spans="4:5" x14ac:dyDescent="0.25">
      <c r="D10726" s="6">
        <v>519.94219999999996</v>
      </c>
      <c r="E10726" s="6">
        <v>1096.7750000000001</v>
      </c>
    </row>
    <row r="10727" spans="4:5" x14ac:dyDescent="0.25">
      <c r="D10727" s="6">
        <v>768.69420000000002</v>
      </c>
      <c r="E10727" s="6">
        <v>1087.6189999999999</v>
      </c>
    </row>
    <row r="10728" spans="4:5" x14ac:dyDescent="0.25">
      <c r="D10728" s="6">
        <v>2899.6570000000002</v>
      </c>
      <c r="E10728" s="6">
        <v>1415.009</v>
      </c>
    </row>
    <row r="10729" spans="4:5" x14ac:dyDescent="0.25">
      <c r="D10729" s="6">
        <v>6306.7650000000003</v>
      </c>
      <c r="E10729" s="6">
        <v>2855.0529999999999</v>
      </c>
    </row>
    <row r="10730" spans="4:5" x14ac:dyDescent="0.25">
      <c r="D10730" s="6">
        <v>609.89279999999997</v>
      </c>
      <c r="E10730" s="6">
        <v>1270.9390000000001</v>
      </c>
    </row>
    <row r="10731" spans="4:5" x14ac:dyDescent="0.25">
      <c r="D10731" s="6">
        <v>1324.211</v>
      </c>
      <c r="E10731" s="6">
        <v>598.47720000000004</v>
      </c>
    </row>
    <row r="10732" spans="4:5" x14ac:dyDescent="0.25">
      <c r="D10732" s="6">
        <v>3087.6759999999999</v>
      </c>
      <c r="E10732" s="6">
        <v>1124.951</v>
      </c>
    </row>
    <row r="10733" spans="4:5" x14ac:dyDescent="0.25">
      <c r="D10733" s="6">
        <v>2112.6869999999999</v>
      </c>
      <c r="E10733" s="6">
        <v>1545.4390000000001</v>
      </c>
    </row>
    <row r="10734" spans="4:5" x14ac:dyDescent="0.25">
      <c r="D10734" s="6">
        <v>1535.377</v>
      </c>
      <c r="E10734" s="6">
        <v>3517.0430000000001</v>
      </c>
    </row>
    <row r="10735" spans="4:5" x14ac:dyDescent="0.25">
      <c r="D10735" s="6">
        <v>2406.5189999999998</v>
      </c>
      <c r="E10735" s="6">
        <v>2433.71</v>
      </c>
    </row>
    <row r="10736" spans="4:5" x14ac:dyDescent="0.25">
      <c r="D10736" s="6">
        <v>1855.6489999999999</v>
      </c>
      <c r="E10736" s="6">
        <v>2511.5230000000001</v>
      </c>
    </row>
    <row r="10737" spans="4:5" x14ac:dyDescent="0.25">
      <c r="D10737" s="6">
        <v>1317.279</v>
      </c>
      <c r="E10737" s="6">
        <v>841.47850000000005</v>
      </c>
    </row>
    <row r="10738" spans="4:5" x14ac:dyDescent="0.25">
      <c r="D10738" s="6">
        <v>1460.7619999999999</v>
      </c>
      <c r="E10738" s="6">
        <v>994.24220000000003</v>
      </c>
    </row>
    <row r="10739" spans="4:5" x14ac:dyDescent="0.25">
      <c r="D10739" s="6">
        <v>1188.405</v>
      </c>
      <c r="E10739" s="6">
        <v>237.05879999999999</v>
      </c>
    </row>
    <row r="10740" spans="4:5" x14ac:dyDescent="0.25">
      <c r="D10740" s="6">
        <v>1114.752</v>
      </c>
      <c r="E10740" s="6">
        <v>5866.9250000000002</v>
      </c>
    </row>
    <row r="10741" spans="4:5" x14ac:dyDescent="0.25">
      <c r="D10741" s="6">
        <v>1392.953</v>
      </c>
      <c r="E10741" s="6">
        <v>943.80050000000006</v>
      </c>
    </row>
    <row r="10742" spans="4:5" x14ac:dyDescent="0.25">
      <c r="D10742" s="6">
        <v>973.47130000000004</v>
      </c>
      <c r="E10742" s="6">
        <v>957.18100000000004</v>
      </c>
    </row>
    <row r="10743" spans="4:5" x14ac:dyDescent="0.25">
      <c r="D10743" s="6">
        <v>3434.1460000000002</v>
      </c>
      <c r="E10743" s="6">
        <v>554.78729999999996</v>
      </c>
    </row>
    <row r="10744" spans="4:5" x14ac:dyDescent="0.25">
      <c r="D10744" s="6">
        <v>1310.4449999999999</v>
      </c>
      <c r="E10744" s="6">
        <v>1064.45</v>
      </c>
    </row>
    <row r="10745" spans="4:5" x14ac:dyDescent="0.25">
      <c r="D10745" s="6">
        <v>622.22370000000001</v>
      </c>
      <c r="E10745" s="6">
        <v>2924.5569999999998</v>
      </c>
    </row>
    <row r="10746" spans="4:5" x14ac:dyDescent="0.25">
      <c r="D10746" s="6">
        <v>704.78729999999996</v>
      </c>
      <c r="E10746" s="6">
        <v>1589.14</v>
      </c>
    </row>
    <row r="10747" spans="4:5" x14ac:dyDescent="0.25">
      <c r="D10747" s="6">
        <v>1773.848</v>
      </c>
      <c r="E10747" s="6">
        <v>484.68459999999999</v>
      </c>
    </row>
    <row r="10748" spans="4:5" x14ac:dyDescent="0.25">
      <c r="D10748" s="6">
        <v>487.9821</v>
      </c>
      <c r="E10748" s="6">
        <v>1063.075</v>
      </c>
    </row>
    <row r="10749" spans="4:5" x14ac:dyDescent="0.25">
      <c r="D10749" s="6">
        <v>1619.6610000000001</v>
      </c>
      <c r="E10749" s="6">
        <v>2067.4949999999999</v>
      </c>
    </row>
    <row r="10750" spans="4:5" x14ac:dyDescent="0.25">
      <c r="D10750" s="6">
        <v>4344.5</v>
      </c>
      <c r="E10750" s="6">
        <v>524.40840000000003</v>
      </c>
    </row>
    <row r="10751" spans="4:5" x14ac:dyDescent="0.25">
      <c r="D10751" s="6">
        <v>847.74599999999998</v>
      </c>
      <c r="E10751" s="6">
        <v>2407.9549999999999</v>
      </c>
    </row>
    <row r="10752" spans="4:5" x14ac:dyDescent="0.25">
      <c r="D10752" s="6">
        <v>651.69000000000005</v>
      </c>
      <c r="E10752" s="6">
        <v>1122.7760000000001</v>
      </c>
    </row>
    <row r="10753" spans="4:5" x14ac:dyDescent="0.25">
      <c r="D10753" s="6">
        <v>2388.7379999999998</v>
      </c>
      <c r="E10753" s="6">
        <v>1258.489</v>
      </c>
    </row>
    <row r="10754" spans="4:5" x14ac:dyDescent="0.25">
      <c r="D10754" s="6">
        <v>1084.1890000000001</v>
      </c>
      <c r="E10754" s="6">
        <v>710.37980000000005</v>
      </c>
    </row>
    <row r="10755" spans="4:5" x14ac:dyDescent="0.25">
      <c r="D10755" s="6">
        <v>1055.32</v>
      </c>
      <c r="E10755" s="6">
        <v>1290.0070000000001</v>
      </c>
    </row>
    <row r="10756" spans="4:5" x14ac:dyDescent="0.25">
      <c r="D10756" s="6">
        <v>921.31820000000005</v>
      </c>
      <c r="E10756" s="6">
        <v>771.69119999999998</v>
      </c>
    </row>
    <row r="10757" spans="4:5" x14ac:dyDescent="0.25">
      <c r="D10757" s="6">
        <v>972.77819999999997</v>
      </c>
      <c r="E10757" s="6">
        <v>1117.107</v>
      </c>
    </row>
    <row r="10758" spans="4:5" x14ac:dyDescent="0.25">
      <c r="D10758" s="6">
        <v>1220.4459999999999</v>
      </c>
      <c r="E10758" s="6">
        <v>1197.8520000000001</v>
      </c>
    </row>
    <row r="10759" spans="4:5" x14ac:dyDescent="0.25">
      <c r="D10759" s="6">
        <v>1197.162</v>
      </c>
      <c r="E10759" s="6">
        <v>1136.5509999999999</v>
      </c>
    </row>
    <row r="10760" spans="4:5" x14ac:dyDescent="0.25">
      <c r="D10760" s="6">
        <v>1045.3979999999999</v>
      </c>
      <c r="E10760" s="6">
        <v>1206.923</v>
      </c>
    </row>
    <row r="10761" spans="4:5" x14ac:dyDescent="0.25">
      <c r="D10761" s="6">
        <v>903.29859999999996</v>
      </c>
      <c r="E10761" s="6">
        <v>1611.652</v>
      </c>
    </row>
    <row r="10762" spans="4:5" x14ac:dyDescent="0.25">
      <c r="D10762" s="6">
        <v>818.90719999999999</v>
      </c>
      <c r="E10762" s="6">
        <v>1418.029</v>
      </c>
    </row>
    <row r="10763" spans="4:5" x14ac:dyDescent="0.25">
      <c r="D10763" s="6">
        <v>2834.1350000000002</v>
      </c>
      <c r="E10763" s="6">
        <v>2091.88</v>
      </c>
    </row>
    <row r="10764" spans="4:5" x14ac:dyDescent="0.25">
      <c r="D10764" s="6">
        <v>1241.9110000000001</v>
      </c>
      <c r="E10764" s="6">
        <v>711.59709999999995</v>
      </c>
    </row>
    <row r="10765" spans="4:5" x14ac:dyDescent="0.25">
      <c r="D10765" s="6">
        <v>4188.4489999999996</v>
      </c>
      <c r="E10765" s="6">
        <v>3821.6010000000001</v>
      </c>
    </row>
    <row r="10766" spans="4:5" x14ac:dyDescent="0.25">
      <c r="D10766" s="6">
        <v>682.14919999999995</v>
      </c>
      <c r="E10766" s="6">
        <v>1609.51</v>
      </c>
    </row>
    <row r="10767" spans="4:5" x14ac:dyDescent="0.25">
      <c r="D10767" s="6">
        <v>1909.164</v>
      </c>
      <c r="E10767" s="6">
        <v>1457.308</v>
      </c>
    </row>
    <row r="10768" spans="4:5" x14ac:dyDescent="0.25">
      <c r="D10768" s="6">
        <v>776.91849999999999</v>
      </c>
      <c r="E10768" s="6">
        <v>926.99890000000005</v>
      </c>
    </row>
    <row r="10769" spans="4:5" x14ac:dyDescent="0.25">
      <c r="D10769" s="6">
        <v>1404.5119999999999</v>
      </c>
      <c r="E10769" s="6">
        <v>1286.2670000000001</v>
      </c>
    </row>
    <row r="10770" spans="4:5" x14ac:dyDescent="0.25">
      <c r="D10770" s="6">
        <v>2075.9409999999998</v>
      </c>
      <c r="E10770" s="6">
        <v>767.3845</v>
      </c>
    </row>
    <row r="10771" spans="4:5" x14ac:dyDescent="0.25">
      <c r="D10771" s="6">
        <v>2280.6590000000001</v>
      </c>
      <c r="E10771" s="6">
        <v>5291.5</v>
      </c>
    </row>
    <row r="10772" spans="4:5" x14ac:dyDescent="0.25">
      <c r="D10772" s="6">
        <v>1209.9179999999999</v>
      </c>
      <c r="E10772" s="6">
        <v>441.375</v>
      </c>
    </row>
    <row r="10773" spans="4:5" x14ac:dyDescent="0.25">
      <c r="D10773" s="6">
        <v>1189.6010000000001</v>
      </c>
      <c r="E10773" s="6">
        <v>2238.1909999999998</v>
      </c>
    </row>
    <row r="10774" spans="4:5" x14ac:dyDescent="0.25">
      <c r="D10774" s="6">
        <v>1263.702</v>
      </c>
      <c r="E10774" s="6">
        <v>541.72619999999995</v>
      </c>
    </row>
    <row r="10775" spans="4:5" x14ac:dyDescent="0.25">
      <c r="D10775" s="6">
        <v>1227.2370000000001</v>
      </c>
      <c r="E10775" s="6">
        <v>2778</v>
      </c>
    </row>
    <row r="10776" spans="4:5" x14ac:dyDescent="0.25">
      <c r="D10776" s="6">
        <v>6400.6670000000004</v>
      </c>
      <c r="E10776" s="6">
        <v>478.73289999999997</v>
      </c>
    </row>
    <row r="10777" spans="4:5" x14ac:dyDescent="0.25">
      <c r="D10777" s="6">
        <v>1206.4459999999999</v>
      </c>
      <c r="E10777" s="6">
        <v>998.81399999999996</v>
      </c>
    </row>
    <row r="10778" spans="4:5" x14ac:dyDescent="0.25">
      <c r="D10778" s="6">
        <v>435.9778</v>
      </c>
      <c r="E10778" s="6">
        <v>972.84289999999999</v>
      </c>
    </row>
    <row r="10779" spans="4:5" x14ac:dyDescent="0.25">
      <c r="D10779" s="6">
        <v>672.94240000000002</v>
      </c>
      <c r="E10779" s="6">
        <v>2091.5880000000002</v>
      </c>
    </row>
    <row r="10780" spans="4:5" x14ac:dyDescent="0.25">
      <c r="D10780" s="6">
        <v>957.0865</v>
      </c>
      <c r="E10780" s="6">
        <v>806.28330000000005</v>
      </c>
    </row>
    <row r="10781" spans="4:5" x14ac:dyDescent="0.25">
      <c r="D10781" s="6">
        <v>1277.008</v>
      </c>
      <c r="E10781" s="6">
        <v>2080</v>
      </c>
    </row>
    <row r="10782" spans="4:5" x14ac:dyDescent="0.25">
      <c r="D10782" s="6">
        <v>1002.438</v>
      </c>
      <c r="E10782" s="6">
        <v>921.35820000000001</v>
      </c>
    </row>
    <row r="10783" spans="4:5" x14ac:dyDescent="0.25">
      <c r="D10783" s="6">
        <v>740.64800000000002</v>
      </c>
      <c r="E10783" s="6">
        <v>2283.8139999999999</v>
      </c>
    </row>
    <row r="10784" spans="4:5" x14ac:dyDescent="0.25">
      <c r="D10784" s="6">
        <v>988.48689999999999</v>
      </c>
      <c r="E10784" s="6">
        <v>2255.9479999999999</v>
      </c>
    </row>
    <row r="10785" spans="4:5" x14ac:dyDescent="0.25">
      <c r="D10785" s="6">
        <v>929.50559999999996</v>
      </c>
      <c r="E10785" s="6">
        <v>1791.1769999999999</v>
      </c>
    </row>
    <row r="10786" spans="4:5" x14ac:dyDescent="0.25">
      <c r="D10786" s="6">
        <v>923.10400000000004</v>
      </c>
      <c r="E10786" s="6">
        <v>713.72410000000002</v>
      </c>
    </row>
    <row r="10787" spans="4:5" x14ac:dyDescent="0.25">
      <c r="D10787" s="6">
        <v>2720.5859999999998</v>
      </c>
      <c r="E10787" s="6">
        <v>1671.47</v>
      </c>
    </row>
    <row r="10788" spans="4:5" x14ac:dyDescent="0.25">
      <c r="D10788" s="6">
        <v>705.38630000000001</v>
      </c>
      <c r="E10788" s="6">
        <v>493.2088</v>
      </c>
    </row>
    <row r="10789" spans="4:5" x14ac:dyDescent="0.25">
      <c r="D10789" s="6">
        <v>532.65530000000001</v>
      </c>
      <c r="E10789" s="6">
        <v>936.00699999999995</v>
      </c>
    </row>
    <row r="10790" spans="4:5" x14ac:dyDescent="0.25">
      <c r="D10790" s="6">
        <v>2059</v>
      </c>
      <c r="E10790" s="6">
        <v>1576.577</v>
      </c>
    </row>
    <row r="10791" spans="4:5" x14ac:dyDescent="0.25">
      <c r="D10791" s="6">
        <v>904.82619999999997</v>
      </c>
      <c r="E10791" s="6">
        <v>2772.2339999999999</v>
      </c>
    </row>
    <row r="10792" spans="4:5" x14ac:dyDescent="0.25">
      <c r="D10792" s="6">
        <v>542</v>
      </c>
      <c r="E10792" s="6">
        <v>1486.152</v>
      </c>
    </row>
    <row r="10793" spans="4:5" x14ac:dyDescent="0.25">
      <c r="D10793" s="6">
        <v>1491.2819999999999</v>
      </c>
      <c r="E10793" s="6">
        <v>981.85329999999999</v>
      </c>
    </row>
    <row r="10794" spans="4:5" x14ac:dyDescent="0.25">
      <c r="D10794" s="6">
        <v>2176.826</v>
      </c>
      <c r="E10794" s="6">
        <v>1085.731</v>
      </c>
    </row>
    <row r="10795" spans="4:5" x14ac:dyDescent="0.25">
      <c r="D10795" s="6">
        <v>2376.1489999999999</v>
      </c>
      <c r="E10795" s="6">
        <v>2654.6559999999999</v>
      </c>
    </row>
    <row r="10796" spans="4:5" x14ac:dyDescent="0.25">
      <c r="D10796" s="6">
        <v>1763.5909999999999</v>
      </c>
      <c r="E10796" s="6">
        <v>1088.8499999999999</v>
      </c>
    </row>
    <row r="10797" spans="4:5" x14ac:dyDescent="0.25">
      <c r="D10797" s="6">
        <v>2676.4450000000002</v>
      </c>
      <c r="E10797" s="6">
        <v>951.0915</v>
      </c>
    </row>
    <row r="10798" spans="4:5" x14ac:dyDescent="0.25">
      <c r="D10798" s="6">
        <v>1611.009</v>
      </c>
      <c r="E10798" s="6">
        <v>1669.4369999999999</v>
      </c>
    </row>
    <row r="10799" spans="4:5" x14ac:dyDescent="0.25">
      <c r="D10799" s="6">
        <v>656.18359999999996</v>
      </c>
      <c r="E10799" s="6">
        <v>2766.2020000000002</v>
      </c>
    </row>
    <row r="10800" spans="4:5" x14ac:dyDescent="0.25">
      <c r="D10800" s="6">
        <v>1243.923</v>
      </c>
      <c r="E10800" s="6">
        <v>10318.39</v>
      </c>
    </row>
    <row r="10801" spans="4:5" x14ac:dyDescent="0.25">
      <c r="D10801" s="6">
        <v>556.90309999999999</v>
      </c>
      <c r="E10801" s="6">
        <v>843.45719999999994</v>
      </c>
    </row>
    <row r="10802" spans="4:5" x14ac:dyDescent="0.25">
      <c r="D10802" s="6">
        <v>5600.6850000000004</v>
      </c>
      <c r="E10802" s="6">
        <v>2142.8879999999999</v>
      </c>
    </row>
    <row r="10803" spans="4:5" x14ac:dyDescent="0.25">
      <c r="D10803" s="6">
        <v>1260.239</v>
      </c>
      <c r="E10803" s="6">
        <v>1733.271</v>
      </c>
    </row>
    <row r="10804" spans="4:5" x14ac:dyDescent="0.25">
      <c r="D10804" s="6">
        <v>4398.8249999999998</v>
      </c>
      <c r="E10804" s="6">
        <v>584.21320000000003</v>
      </c>
    </row>
    <row r="10805" spans="4:5" x14ac:dyDescent="0.25">
      <c r="D10805" s="6">
        <v>1559.492</v>
      </c>
      <c r="E10805" s="6">
        <v>2343.576</v>
      </c>
    </row>
    <row r="10806" spans="4:5" x14ac:dyDescent="0.25">
      <c r="D10806" s="6">
        <v>6326.5680000000002</v>
      </c>
      <c r="E10806" s="6">
        <v>1361.184</v>
      </c>
    </row>
    <row r="10807" spans="4:5" x14ac:dyDescent="0.25">
      <c r="D10807" s="6">
        <v>1392.1659999999999</v>
      </c>
      <c r="E10807" s="6">
        <v>830.76620000000003</v>
      </c>
    </row>
    <row r="10808" spans="4:5" x14ac:dyDescent="0.25">
      <c r="D10808" s="6">
        <v>1518.72</v>
      </c>
      <c r="E10808" s="6">
        <v>407.33330000000001</v>
      </c>
    </row>
    <row r="10809" spans="4:5" x14ac:dyDescent="0.25">
      <c r="D10809" s="6">
        <v>1149.4849999999999</v>
      </c>
      <c r="E10809" s="6">
        <v>846.55730000000005</v>
      </c>
    </row>
    <row r="10810" spans="4:5" x14ac:dyDescent="0.25">
      <c r="D10810" s="6">
        <v>1803.1790000000001</v>
      </c>
      <c r="E10810" s="6">
        <v>1094.3340000000001</v>
      </c>
    </row>
    <row r="10811" spans="4:5" x14ac:dyDescent="0.25">
      <c r="D10811" s="6">
        <v>1242.4010000000001</v>
      </c>
      <c r="E10811" s="6">
        <v>1019.728</v>
      </c>
    </row>
    <row r="10812" spans="4:5" x14ac:dyDescent="0.25">
      <c r="D10812" s="6">
        <v>4346.2709999999997</v>
      </c>
      <c r="E10812" s="6">
        <v>738.80790000000002</v>
      </c>
    </row>
    <row r="10813" spans="4:5" x14ac:dyDescent="0.25">
      <c r="D10813" s="6">
        <v>2655.2779999999998</v>
      </c>
      <c r="E10813" s="6">
        <v>868.06910000000005</v>
      </c>
    </row>
    <row r="10814" spans="4:5" x14ac:dyDescent="0.25">
      <c r="D10814" s="6">
        <v>1386.5170000000001</v>
      </c>
      <c r="E10814" s="6">
        <v>690.19259999999997</v>
      </c>
    </row>
    <row r="10815" spans="4:5" x14ac:dyDescent="0.25">
      <c r="D10815" s="6">
        <v>1946.691</v>
      </c>
      <c r="E10815" s="6">
        <v>3093.3710000000001</v>
      </c>
    </row>
    <row r="10816" spans="4:5" x14ac:dyDescent="0.25">
      <c r="D10816" s="6">
        <v>1121.4349999999999</v>
      </c>
      <c r="E10816" s="6">
        <v>771.57320000000004</v>
      </c>
    </row>
    <row r="10817" spans="4:5" x14ac:dyDescent="0.25">
      <c r="D10817" s="6">
        <v>2302.3049999999998</v>
      </c>
      <c r="E10817" s="6">
        <v>1591.433</v>
      </c>
    </row>
    <row r="10818" spans="4:5" x14ac:dyDescent="0.25">
      <c r="D10818" s="6">
        <v>710</v>
      </c>
      <c r="E10818" s="6">
        <v>2563.335</v>
      </c>
    </row>
    <row r="10819" spans="4:5" x14ac:dyDescent="0.25">
      <c r="D10819" s="6">
        <v>959.11810000000003</v>
      </c>
      <c r="E10819" s="6">
        <v>1591.9280000000001</v>
      </c>
    </row>
    <row r="10820" spans="4:5" x14ac:dyDescent="0.25">
      <c r="D10820" s="6">
        <v>1007.279</v>
      </c>
      <c r="E10820" s="6">
        <v>422.16669999999999</v>
      </c>
    </row>
    <row r="10821" spans="4:5" x14ac:dyDescent="0.25">
      <c r="D10821" s="6">
        <v>1585.009</v>
      </c>
      <c r="E10821" s="6">
        <v>1047.3689999999999</v>
      </c>
    </row>
    <row r="10822" spans="4:5" x14ac:dyDescent="0.25">
      <c r="D10822" s="6">
        <v>976.78880000000004</v>
      </c>
      <c r="E10822" s="6">
        <v>866.64030000000002</v>
      </c>
    </row>
    <row r="10823" spans="4:5" x14ac:dyDescent="0.25">
      <c r="D10823" s="6">
        <v>580.80359999999996</v>
      </c>
      <c r="E10823" s="6">
        <v>925</v>
      </c>
    </row>
    <row r="10824" spans="4:5" x14ac:dyDescent="0.25">
      <c r="D10824" s="6">
        <v>1091.479</v>
      </c>
      <c r="E10824" s="6">
        <v>1069.1479999999999</v>
      </c>
    </row>
    <row r="10825" spans="4:5" x14ac:dyDescent="0.25">
      <c r="D10825" s="6">
        <v>2881.7689999999998</v>
      </c>
      <c r="E10825" s="6">
        <v>2552.4250000000002</v>
      </c>
    </row>
    <row r="10826" spans="4:5" x14ac:dyDescent="0.25">
      <c r="D10826" s="6">
        <v>2105.1770000000001</v>
      </c>
      <c r="E10826" s="6">
        <v>1036.2529999999999</v>
      </c>
    </row>
    <row r="10827" spans="4:5" x14ac:dyDescent="0.25">
      <c r="D10827" s="6">
        <v>2959.701</v>
      </c>
      <c r="E10827" s="6">
        <v>469.23540000000003</v>
      </c>
    </row>
    <row r="10828" spans="4:5" x14ac:dyDescent="0.25">
      <c r="D10828" s="6">
        <v>851.70489999999995</v>
      </c>
      <c r="E10828" s="6">
        <v>961.40089999999998</v>
      </c>
    </row>
    <row r="10829" spans="4:5" x14ac:dyDescent="0.25">
      <c r="D10829" s="6">
        <v>1218.991</v>
      </c>
      <c r="E10829" s="6">
        <v>1106.8510000000001</v>
      </c>
    </row>
    <row r="10830" spans="4:5" x14ac:dyDescent="0.25">
      <c r="D10830" s="6">
        <v>1830.2560000000001</v>
      </c>
      <c r="E10830" s="6">
        <v>2079.4470000000001</v>
      </c>
    </row>
    <row r="10831" spans="4:5" x14ac:dyDescent="0.25">
      <c r="D10831" s="6">
        <v>489.33690000000001</v>
      </c>
      <c r="E10831" s="6">
        <v>2027.479</v>
      </c>
    </row>
    <row r="10832" spans="4:5" x14ac:dyDescent="0.25">
      <c r="D10832" s="6">
        <v>1133.9110000000001</v>
      </c>
      <c r="E10832" s="6">
        <v>2163.9969999999998</v>
      </c>
    </row>
    <row r="10833" spans="4:5" x14ac:dyDescent="0.25">
      <c r="D10833" s="6">
        <v>3689.279</v>
      </c>
      <c r="E10833" s="6">
        <v>1237.617</v>
      </c>
    </row>
    <row r="10834" spans="4:5" x14ac:dyDescent="0.25">
      <c r="D10834" s="6">
        <v>3595.143</v>
      </c>
      <c r="E10834" s="6">
        <v>1824.193</v>
      </c>
    </row>
    <row r="10835" spans="4:5" x14ac:dyDescent="0.25">
      <c r="D10835" s="6">
        <v>1733.86</v>
      </c>
      <c r="E10835" s="6">
        <v>874.59199999999998</v>
      </c>
    </row>
    <row r="10836" spans="4:5" x14ac:dyDescent="0.25">
      <c r="D10836" s="6">
        <v>951.61990000000003</v>
      </c>
      <c r="E10836" s="6">
        <v>1586.2670000000001</v>
      </c>
    </row>
    <row r="10837" spans="4:5" x14ac:dyDescent="0.25">
      <c r="D10837" s="6">
        <v>1736.72</v>
      </c>
      <c r="E10837" s="6">
        <v>562.95039999999995</v>
      </c>
    </row>
    <row r="10838" spans="4:5" x14ac:dyDescent="0.25">
      <c r="D10838" s="6">
        <v>1893.143</v>
      </c>
      <c r="E10838" s="6">
        <v>891.61469999999997</v>
      </c>
    </row>
    <row r="10839" spans="4:5" x14ac:dyDescent="0.25">
      <c r="D10839" s="6">
        <v>1019.105</v>
      </c>
      <c r="E10839" s="6">
        <v>869.62279999999998</v>
      </c>
    </row>
    <row r="10840" spans="4:5" x14ac:dyDescent="0.25">
      <c r="D10840" s="6">
        <v>733.0838</v>
      </c>
      <c r="E10840" s="6">
        <v>12791.37</v>
      </c>
    </row>
    <row r="10841" spans="4:5" x14ac:dyDescent="0.25">
      <c r="D10841" s="6">
        <v>705.87249999999995</v>
      </c>
      <c r="E10841" s="6">
        <v>794.44029999999998</v>
      </c>
    </row>
    <row r="10842" spans="4:5" x14ac:dyDescent="0.25">
      <c r="D10842" s="6">
        <v>1214.6890000000001</v>
      </c>
      <c r="E10842" s="6">
        <v>1189.096</v>
      </c>
    </row>
    <row r="10843" spans="4:5" x14ac:dyDescent="0.25">
      <c r="D10843" s="6">
        <v>7522</v>
      </c>
      <c r="E10843" s="6">
        <v>2099.9789999999998</v>
      </c>
    </row>
    <row r="10844" spans="4:5" x14ac:dyDescent="0.25">
      <c r="D10844" s="6">
        <v>1573.89</v>
      </c>
      <c r="E10844" s="6">
        <v>1191</v>
      </c>
    </row>
    <row r="10845" spans="4:5" x14ac:dyDescent="0.25">
      <c r="D10845" s="6">
        <v>486.96570000000003</v>
      </c>
      <c r="E10845" s="6">
        <v>2680.77</v>
      </c>
    </row>
    <row r="10846" spans="4:5" x14ac:dyDescent="0.25">
      <c r="D10846" s="6">
        <v>517.89189999999996</v>
      </c>
      <c r="E10846" s="6">
        <v>995.36609999999996</v>
      </c>
    </row>
    <row r="10847" spans="4:5" x14ac:dyDescent="0.25">
      <c r="D10847" s="6">
        <v>2687.2449999999999</v>
      </c>
      <c r="E10847" s="6">
        <v>842.93520000000001</v>
      </c>
    </row>
    <row r="10848" spans="4:5" x14ac:dyDescent="0.25">
      <c r="D10848" s="6">
        <v>1435.65</v>
      </c>
      <c r="E10848" s="6">
        <v>409.19560000000001</v>
      </c>
    </row>
    <row r="10849" spans="4:5" x14ac:dyDescent="0.25">
      <c r="D10849" s="6">
        <v>527.53480000000002</v>
      </c>
      <c r="E10849" s="6">
        <v>501.30410000000001</v>
      </c>
    </row>
    <row r="10850" spans="4:5" x14ac:dyDescent="0.25">
      <c r="D10850" s="6">
        <v>584.61699999999996</v>
      </c>
      <c r="E10850" s="6">
        <v>1079.6610000000001</v>
      </c>
    </row>
    <row r="10851" spans="4:5" x14ac:dyDescent="0.25">
      <c r="D10851" s="6">
        <v>632.67589999999996</v>
      </c>
      <c r="E10851" s="6">
        <v>1076.675</v>
      </c>
    </row>
    <row r="10852" spans="4:5" x14ac:dyDescent="0.25">
      <c r="D10852" s="6">
        <v>543.66740000000004</v>
      </c>
      <c r="E10852" s="6">
        <v>1505.4059999999999</v>
      </c>
    </row>
    <row r="10853" spans="4:5" x14ac:dyDescent="0.25">
      <c r="D10853" s="6">
        <v>1273.144</v>
      </c>
      <c r="E10853" s="6">
        <v>1251.933</v>
      </c>
    </row>
    <row r="10854" spans="4:5" x14ac:dyDescent="0.25">
      <c r="D10854" s="6">
        <v>555.76919999999996</v>
      </c>
      <c r="E10854" s="6">
        <v>421.02170000000001</v>
      </c>
    </row>
    <row r="10855" spans="4:5" x14ac:dyDescent="0.25">
      <c r="D10855" s="6">
        <v>1973.7940000000001</v>
      </c>
      <c r="E10855" s="6">
        <v>1135.2470000000001</v>
      </c>
    </row>
    <row r="10856" spans="4:5" x14ac:dyDescent="0.25">
      <c r="D10856" s="6">
        <v>805.62909999999999</v>
      </c>
      <c r="E10856" s="6">
        <v>730.57140000000004</v>
      </c>
    </row>
    <row r="10857" spans="4:5" x14ac:dyDescent="0.25">
      <c r="D10857" s="6">
        <v>3140.114</v>
      </c>
      <c r="E10857" s="6">
        <v>2577.8389999999999</v>
      </c>
    </row>
    <row r="10858" spans="4:5" x14ac:dyDescent="0.25">
      <c r="D10858" s="6">
        <v>1704.559</v>
      </c>
      <c r="E10858" s="6">
        <v>10633.42</v>
      </c>
    </row>
    <row r="10859" spans="4:5" x14ac:dyDescent="0.25">
      <c r="D10859" s="6">
        <v>1114.7260000000001</v>
      </c>
      <c r="E10859" s="6">
        <v>481.6524</v>
      </c>
    </row>
    <row r="10860" spans="4:5" x14ac:dyDescent="0.25">
      <c r="D10860" s="6">
        <v>1447.443</v>
      </c>
      <c r="E10860" s="6">
        <v>790.10509999999999</v>
      </c>
    </row>
    <row r="10861" spans="4:5" x14ac:dyDescent="0.25">
      <c r="D10861" s="6">
        <v>1149.029</v>
      </c>
      <c r="E10861" s="6">
        <v>631.30269999999996</v>
      </c>
    </row>
    <row r="10862" spans="4:5" x14ac:dyDescent="0.25">
      <c r="D10862" s="6">
        <v>701.1454</v>
      </c>
      <c r="E10862" s="6">
        <v>1360.8150000000001</v>
      </c>
    </row>
    <row r="10863" spans="4:5" x14ac:dyDescent="0.25">
      <c r="D10863" s="6">
        <v>1944.395</v>
      </c>
      <c r="E10863" s="6">
        <v>3490.0239999999999</v>
      </c>
    </row>
    <row r="10864" spans="4:5" x14ac:dyDescent="0.25">
      <c r="D10864" s="6">
        <v>1440.335</v>
      </c>
      <c r="E10864" s="6">
        <v>2917.2269999999999</v>
      </c>
    </row>
    <row r="10865" spans="4:5" x14ac:dyDescent="0.25">
      <c r="D10865" s="6">
        <v>794.07050000000004</v>
      </c>
      <c r="E10865" s="6">
        <v>3651.2550000000001</v>
      </c>
    </row>
    <row r="10866" spans="4:5" x14ac:dyDescent="0.25">
      <c r="D10866" s="6">
        <v>2824.346</v>
      </c>
      <c r="E10866" s="6">
        <v>861.50329999999997</v>
      </c>
    </row>
    <row r="10867" spans="4:5" x14ac:dyDescent="0.25">
      <c r="D10867" s="6">
        <v>1346.7190000000001</v>
      </c>
      <c r="E10867" s="6">
        <v>664.30600000000004</v>
      </c>
    </row>
    <row r="10868" spans="4:5" x14ac:dyDescent="0.25">
      <c r="D10868" s="6">
        <v>1311.357</v>
      </c>
      <c r="E10868" s="6">
        <v>1141.9190000000001</v>
      </c>
    </row>
    <row r="10869" spans="4:5" x14ac:dyDescent="0.25">
      <c r="D10869" s="6">
        <v>2118.7629999999999</v>
      </c>
      <c r="E10869" s="6">
        <v>2382.25</v>
      </c>
    </row>
    <row r="10870" spans="4:5" x14ac:dyDescent="0.25">
      <c r="D10870" s="6">
        <v>585.95950000000005</v>
      </c>
      <c r="E10870" s="6">
        <v>2500.5079999999998</v>
      </c>
    </row>
    <row r="10871" spans="4:5" x14ac:dyDescent="0.25">
      <c r="D10871" s="6">
        <v>580.84649999999999</v>
      </c>
      <c r="E10871" s="6">
        <v>918.25800000000004</v>
      </c>
    </row>
    <row r="10872" spans="4:5" x14ac:dyDescent="0.25">
      <c r="D10872" s="6">
        <v>974.99260000000004</v>
      </c>
      <c r="E10872" s="6">
        <v>5872.56</v>
      </c>
    </row>
    <row r="10873" spans="4:5" x14ac:dyDescent="0.25">
      <c r="D10873" s="6">
        <v>1738.9780000000001</v>
      </c>
      <c r="E10873" s="6">
        <v>608.56780000000003</v>
      </c>
    </row>
    <row r="10874" spans="4:5" x14ac:dyDescent="0.25">
      <c r="D10874" s="6">
        <v>1088.085</v>
      </c>
      <c r="E10874" s="6">
        <v>2485.8679999999999</v>
      </c>
    </row>
    <row r="10875" spans="4:5" x14ac:dyDescent="0.25">
      <c r="D10875" s="6">
        <v>1439.174</v>
      </c>
      <c r="E10875" s="6">
        <v>1040.758</v>
      </c>
    </row>
    <row r="10876" spans="4:5" x14ac:dyDescent="0.25">
      <c r="D10876" s="6">
        <v>450.46120000000002</v>
      </c>
      <c r="E10876" s="6">
        <v>1091.569</v>
      </c>
    </row>
    <row r="10877" spans="4:5" x14ac:dyDescent="0.25">
      <c r="D10877" s="6">
        <v>2080.4789999999998</v>
      </c>
      <c r="E10877" s="6">
        <v>1061.0319999999999</v>
      </c>
    </row>
    <row r="10878" spans="4:5" x14ac:dyDescent="0.25">
      <c r="D10878" s="6">
        <v>1100.4880000000001</v>
      </c>
      <c r="E10878" s="6">
        <v>2421.9749999999999</v>
      </c>
    </row>
    <row r="10879" spans="4:5" x14ac:dyDescent="0.25">
      <c r="D10879" s="6">
        <v>473.46109999999999</v>
      </c>
      <c r="E10879" s="6">
        <v>1768.3320000000001</v>
      </c>
    </row>
    <row r="10880" spans="4:5" x14ac:dyDescent="0.25">
      <c r="D10880" s="6">
        <v>1670.952</v>
      </c>
      <c r="E10880" s="6">
        <v>448.72340000000003</v>
      </c>
    </row>
    <row r="10881" spans="4:5" x14ac:dyDescent="0.25">
      <c r="D10881" s="6">
        <v>826.74879999999996</v>
      </c>
      <c r="E10881" s="6">
        <v>884</v>
      </c>
    </row>
    <row r="10882" spans="4:5" x14ac:dyDescent="0.25">
      <c r="D10882" s="6">
        <v>812.31709999999998</v>
      </c>
      <c r="E10882" s="6">
        <v>1136.3920000000001</v>
      </c>
    </row>
    <row r="10883" spans="4:5" x14ac:dyDescent="0.25">
      <c r="D10883" s="6">
        <v>2008.337</v>
      </c>
      <c r="E10883" s="6">
        <v>2069.317</v>
      </c>
    </row>
    <row r="10884" spans="4:5" x14ac:dyDescent="0.25">
      <c r="D10884" s="6">
        <v>1672.51</v>
      </c>
      <c r="E10884" s="6">
        <v>1005.936</v>
      </c>
    </row>
    <row r="10885" spans="4:5" x14ac:dyDescent="0.25">
      <c r="D10885" s="6">
        <v>553.90129999999999</v>
      </c>
      <c r="E10885" s="6">
        <v>453.42720000000003</v>
      </c>
    </row>
    <row r="10886" spans="4:5" x14ac:dyDescent="0.25">
      <c r="D10886" s="6">
        <v>1550.204</v>
      </c>
      <c r="E10886" s="6">
        <v>1792.9380000000001</v>
      </c>
    </row>
    <row r="10887" spans="4:5" x14ac:dyDescent="0.25">
      <c r="D10887" s="6">
        <v>1396.8440000000001</v>
      </c>
      <c r="E10887" s="6">
        <v>805.19979999999998</v>
      </c>
    </row>
    <row r="10888" spans="4:5" x14ac:dyDescent="0.25">
      <c r="D10888" s="6">
        <v>2247.85</v>
      </c>
      <c r="E10888" s="6">
        <v>880.76369999999997</v>
      </c>
    </row>
    <row r="10889" spans="4:5" x14ac:dyDescent="0.25">
      <c r="D10889" s="6">
        <v>1639.691</v>
      </c>
      <c r="E10889" s="6">
        <v>749.30430000000001</v>
      </c>
    </row>
    <row r="10890" spans="4:5" x14ac:dyDescent="0.25">
      <c r="D10890" s="6">
        <v>3145.1610000000001</v>
      </c>
      <c r="E10890" s="6">
        <v>1294.9590000000001</v>
      </c>
    </row>
    <row r="10891" spans="4:5" x14ac:dyDescent="0.25">
      <c r="D10891" s="6">
        <v>539.45699999999999</v>
      </c>
      <c r="E10891" s="6">
        <v>1182.31</v>
      </c>
    </row>
    <row r="10892" spans="4:5" x14ac:dyDescent="0.25">
      <c r="D10892" s="6">
        <v>1545.896</v>
      </c>
      <c r="E10892" s="6">
        <v>894.14440000000002</v>
      </c>
    </row>
    <row r="10893" spans="4:5" x14ac:dyDescent="0.25">
      <c r="D10893" s="6">
        <v>1248.7919999999999</v>
      </c>
      <c r="E10893" s="6">
        <v>1283.269</v>
      </c>
    </row>
    <row r="10894" spans="4:5" x14ac:dyDescent="0.25">
      <c r="D10894" s="6">
        <v>1966.0440000000001</v>
      </c>
      <c r="E10894" s="6">
        <v>1528.789</v>
      </c>
    </row>
    <row r="10895" spans="4:5" x14ac:dyDescent="0.25">
      <c r="D10895" s="6">
        <v>2582.4609999999998</v>
      </c>
      <c r="E10895" s="6">
        <v>746.64750000000004</v>
      </c>
    </row>
    <row r="10896" spans="4:5" x14ac:dyDescent="0.25">
      <c r="D10896" s="6">
        <v>3951.37</v>
      </c>
      <c r="E10896" s="6">
        <v>808.83429999999998</v>
      </c>
    </row>
    <row r="10897" spans="4:5" x14ac:dyDescent="0.25">
      <c r="D10897" s="6">
        <v>1570.605</v>
      </c>
      <c r="E10897" s="6">
        <v>415.33300000000003</v>
      </c>
    </row>
    <row r="10898" spans="4:5" x14ac:dyDescent="0.25">
      <c r="D10898" s="6">
        <v>1686.384</v>
      </c>
      <c r="E10898" s="6">
        <v>2315.924</v>
      </c>
    </row>
    <row r="10899" spans="4:5" x14ac:dyDescent="0.25">
      <c r="D10899" s="6">
        <v>2620.058</v>
      </c>
      <c r="E10899" s="6">
        <v>915.49239999999998</v>
      </c>
    </row>
    <row r="10900" spans="4:5" x14ac:dyDescent="0.25">
      <c r="D10900" s="6">
        <v>618.7287</v>
      </c>
      <c r="E10900" s="6">
        <v>1240.625</v>
      </c>
    </row>
    <row r="10901" spans="4:5" x14ac:dyDescent="0.25">
      <c r="D10901" s="6">
        <v>469.5</v>
      </c>
      <c r="E10901" s="6">
        <v>416.6875</v>
      </c>
    </row>
    <row r="10902" spans="4:5" x14ac:dyDescent="0.25">
      <c r="D10902" s="6">
        <v>1331.5419999999999</v>
      </c>
      <c r="E10902" s="6">
        <v>1348.2950000000001</v>
      </c>
    </row>
    <row r="10903" spans="4:5" x14ac:dyDescent="0.25">
      <c r="D10903" s="6">
        <v>1849.2670000000001</v>
      </c>
      <c r="E10903" s="6">
        <v>1525.8989999999999</v>
      </c>
    </row>
    <row r="10904" spans="4:5" x14ac:dyDescent="0.25">
      <c r="D10904" s="6">
        <v>750.94029999999998</v>
      </c>
      <c r="E10904" s="6">
        <v>1338.5840000000001</v>
      </c>
    </row>
    <row r="10905" spans="4:5" x14ac:dyDescent="0.25">
      <c r="D10905" s="6">
        <v>1389.9870000000001</v>
      </c>
      <c r="E10905" s="6">
        <v>815.1105</v>
      </c>
    </row>
    <row r="10906" spans="4:5" x14ac:dyDescent="0.25">
      <c r="D10906" s="6">
        <v>1441.338</v>
      </c>
      <c r="E10906" s="6">
        <v>542.28570000000002</v>
      </c>
    </row>
    <row r="10907" spans="4:5" x14ac:dyDescent="0.25">
      <c r="D10907" s="6">
        <v>1842.4970000000001</v>
      </c>
      <c r="E10907" s="6">
        <v>727.12400000000002</v>
      </c>
    </row>
    <row r="10908" spans="4:5" x14ac:dyDescent="0.25">
      <c r="D10908" s="6">
        <v>824.95899999999995</v>
      </c>
      <c r="E10908" s="6">
        <v>2839.4319999999998</v>
      </c>
    </row>
    <row r="10909" spans="4:5" x14ac:dyDescent="0.25">
      <c r="D10909" s="6">
        <v>341.91489999999999</v>
      </c>
      <c r="E10909" s="6">
        <v>580.91079999999999</v>
      </c>
    </row>
    <row r="10910" spans="4:5" x14ac:dyDescent="0.25">
      <c r="D10910" s="6">
        <v>855.37260000000003</v>
      </c>
      <c r="E10910" s="6">
        <v>1155.653</v>
      </c>
    </row>
    <row r="10911" spans="4:5" x14ac:dyDescent="0.25">
      <c r="D10911" s="6">
        <v>838.78570000000002</v>
      </c>
      <c r="E10911" s="6">
        <v>5284.8490000000002</v>
      </c>
    </row>
    <row r="10912" spans="4:5" x14ac:dyDescent="0.25">
      <c r="D10912" s="6">
        <v>1064.2739999999999</v>
      </c>
      <c r="E10912" s="6">
        <v>7034.665</v>
      </c>
    </row>
    <row r="10913" spans="4:5" x14ac:dyDescent="0.25">
      <c r="D10913" s="6">
        <v>3089.9609999999998</v>
      </c>
      <c r="E10913" s="6">
        <v>3803.3330000000001</v>
      </c>
    </row>
    <row r="10914" spans="4:5" x14ac:dyDescent="0.25">
      <c r="D10914" s="6">
        <v>1118.4349999999999</v>
      </c>
      <c r="E10914" s="6">
        <v>2039.3879999999999</v>
      </c>
    </row>
    <row r="10915" spans="4:5" x14ac:dyDescent="0.25">
      <c r="D10915" s="6">
        <v>794.61410000000001</v>
      </c>
      <c r="E10915" s="6">
        <v>1928.71</v>
      </c>
    </row>
    <row r="10916" spans="4:5" x14ac:dyDescent="0.25">
      <c r="D10916" s="6">
        <v>1683.9639999999999</v>
      </c>
      <c r="E10916" s="6">
        <v>1516.4290000000001</v>
      </c>
    </row>
    <row r="10917" spans="4:5" x14ac:dyDescent="0.25">
      <c r="D10917" s="6">
        <v>545.83510000000001</v>
      </c>
      <c r="E10917" s="6">
        <v>4071.6619999999998</v>
      </c>
    </row>
    <row r="10918" spans="4:5" x14ac:dyDescent="0.25">
      <c r="D10918" s="6">
        <v>1890.5630000000001</v>
      </c>
      <c r="E10918" s="6">
        <v>860.23929999999996</v>
      </c>
    </row>
    <row r="10919" spans="4:5" x14ac:dyDescent="0.25">
      <c r="D10919" s="6">
        <v>678.1703</v>
      </c>
      <c r="E10919" s="6">
        <v>3077.5189999999998</v>
      </c>
    </row>
    <row r="10920" spans="4:5" x14ac:dyDescent="0.25">
      <c r="D10920" s="6">
        <v>3809.8409999999999</v>
      </c>
      <c r="E10920" s="6">
        <v>692.72900000000004</v>
      </c>
    </row>
    <row r="10921" spans="4:5" x14ac:dyDescent="0.25">
      <c r="D10921" s="6">
        <v>501.84249999999997</v>
      </c>
      <c r="E10921" s="6">
        <v>1358.4739999999999</v>
      </c>
    </row>
    <row r="10922" spans="4:5" x14ac:dyDescent="0.25">
      <c r="D10922" s="6">
        <v>2437.643</v>
      </c>
      <c r="E10922" s="6">
        <v>1788.366</v>
      </c>
    </row>
    <row r="10923" spans="4:5" x14ac:dyDescent="0.25">
      <c r="D10923" s="6">
        <v>2203.1619999999998</v>
      </c>
      <c r="E10923" s="6">
        <v>468.52569999999997</v>
      </c>
    </row>
    <row r="10924" spans="4:5" x14ac:dyDescent="0.25">
      <c r="D10924" s="6">
        <v>741.46500000000003</v>
      </c>
      <c r="E10924" s="6">
        <v>2676.1060000000002</v>
      </c>
    </row>
    <row r="10925" spans="4:5" x14ac:dyDescent="0.25">
      <c r="D10925" s="6">
        <v>4283.6869999999999</v>
      </c>
      <c r="E10925" s="6">
        <v>1010.427</v>
      </c>
    </row>
    <row r="10926" spans="4:5" x14ac:dyDescent="0.25">
      <c r="D10926" s="6">
        <v>1872.3109999999999</v>
      </c>
      <c r="E10926" s="6">
        <v>796.42529999999999</v>
      </c>
    </row>
    <row r="10927" spans="4:5" x14ac:dyDescent="0.25">
      <c r="D10927" s="6">
        <v>897.00909999999999</v>
      </c>
      <c r="E10927" s="6">
        <v>667.02599999999995</v>
      </c>
    </row>
    <row r="10928" spans="4:5" x14ac:dyDescent="0.25">
      <c r="D10928" s="6">
        <v>907.2414</v>
      </c>
      <c r="E10928" s="6">
        <v>300.57830000000001</v>
      </c>
    </row>
    <row r="10929" spans="4:5" x14ac:dyDescent="0.25">
      <c r="D10929" s="6">
        <v>1753.5609999999999</v>
      </c>
      <c r="E10929" s="6">
        <v>3878.6959999999999</v>
      </c>
    </row>
    <row r="10930" spans="4:5" x14ac:dyDescent="0.25">
      <c r="D10930" s="6">
        <v>642.5992</v>
      </c>
      <c r="E10930" s="6">
        <v>1673.076</v>
      </c>
    </row>
    <row r="10931" spans="4:5" x14ac:dyDescent="0.25">
      <c r="D10931" s="6">
        <v>1020.795</v>
      </c>
      <c r="E10931" s="6">
        <v>3513.0889999999999</v>
      </c>
    </row>
    <row r="10932" spans="4:5" x14ac:dyDescent="0.25">
      <c r="D10932" s="6">
        <v>3820.1990000000001</v>
      </c>
      <c r="E10932" s="6">
        <v>1015.179</v>
      </c>
    </row>
    <row r="10933" spans="4:5" x14ac:dyDescent="0.25">
      <c r="D10933" s="6">
        <v>1847.2729999999999</v>
      </c>
      <c r="E10933" s="6">
        <v>691.59659999999997</v>
      </c>
    </row>
    <row r="10934" spans="4:5" x14ac:dyDescent="0.25">
      <c r="D10934" s="6">
        <v>352.40789999999998</v>
      </c>
      <c r="E10934" s="6">
        <v>632.30579999999998</v>
      </c>
    </row>
    <row r="10935" spans="4:5" x14ac:dyDescent="0.25">
      <c r="D10935" s="6">
        <v>661.1259</v>
      </c>
      <c r="E10935" s="6">
        <v>488.68950000000001</v>
      </c>
    </row>
    <row r="10936" spans="4:5" x14ac:dyDescent="0.25">
      <c r="D10936" s="6">
        <v>2177.0830000000001</v>
      </c>
      <c r="E10936" s="6">
        <v>2547.2649999999999</v>
      </c>
    </row>
    <row r="10937" spans="4:5" x14ac:dyDescent="0.25">
      <c r="D10937" s="6">
        <v>931.60299999999995</v>
      </c>
      <c r="E10937" s="6">
        <v>4732.924</v>
      </c>
    </row>
    <row r="10938" spans="4:5" x14ac:dyDescent="0.25">
      <c r="D10938" s="6">
        <v>2107.7130000000002</v>
      </c>
      <c r="E10938" s="6">
        <v>723.45389999999998</v>
      </c>
    </row>
    <row r="10939" spans="4:5" x14ac:dyDescent="0.25">
      <c r="D10939" s="6">
        <v>742.13509999999997</v>
      </c>
      <c r="E10939" s="6">
        <v>465.375</v>
      </c>
    </row>
    <row r="10940" spans="4:5" x14ac:dyDescent="0.25">
      <c r="D10940" s="6">
        <v>2417.9079999999999</v>
      </c>
      <c r="E10940" s="6">
        <v>873.63329999999996</v>
      </c>
    </row>
    <row r="10941" spans="4:5" x14ac:dyDescent="0.25">
      <c r="D10941" s="6">
        <v>689.02239999999995</v>
      </c>
      <c r="E10941" s="6">
        <v>810.12630000000001</v>
      </c>
    </row>
    <row r="10942" spans="4:5" x14ac:dyDescent="0.25">
      <c r="D10942" s="6">
        <v>835.33019999999999</v>
      </c>
      <c r="E10942" s="6">
        <v>1008.522</v>
      </c>
    </row>
    <row r="10943" spans="4:5" x14ac:dyDescent="0.25">
      <c r="D10943" s="6">
        <v>747.08330000000001</v>
      </c>
      <c r="E10943" s="6">
        <v>3994.6280000000002</v>
      </c>
    </row>
    <row r="10944" spans="4:5" x14ac:dyDescent="0.25">
      <c r="D10944" s="6">
        <v>936.20090000000005</v>
      </c>
      <c r="E10944" s="6">
        <v>3489.569</v>
      </c>
    </row>
    <row r="10945" spans="4:5" x14ac:dyDescent="0.25">
      <c r="D10945" s="6">
        <v>1523.175</v>
      </c>
      <c r="E10945" s="6">
        <v>4617.55</v>
      </c>
    </row>
    <row r="10946" spans="4:5" x14ac:dyDescent="0.25">
      <c r="D10946" s="6">
        <v>1487.749</v>
      </c>
      <c r="E10946" s="6">
        <v>657.13459999999998</v>
      </c>
    </row>
    <row r="10947" spans="4:5" x14ac:dyDescent="0.25">
      <c r="D10947" s="6">
        <v>1766.3240000000001</v>
      </c>
      <c r="E10947" s="6">
        <v>2269.9180000000001</v>
      </c>
    </row>
    <row r="10948" spans="4:5" x14ac:dyDescent="0.25">
      <c r="D10948" s="6">
        <v>2510.7930000000001</v>
      </c>
      <c r="E10948" s="6">
        <v>466.97949999999997</v>
      </c>
    </row>
    <row r="10949" spans="4:5" x14ac:dyDescent="0.25">
      <c r="D10949" s="6">
        <v>880.97239999999999</v>
      </c>
      <c r="E10949" s="6">
        <v>2507.1239999999998</v>
      </c>
    </row>
    <row r="10950" spans="4:5" x14ac:dyDescent="0.25">
      <c r="D10950" s="6">
        <v>3762.12</v>
      </c>
      <c r="E10950" s="6">
        <v>579.73820000000001</v>
      </c>
    </row>
    <row r="10951" spans="4:5" x14ac:dyDescent="0.25">
      <c r="D10951" s="6">
        <v>1303.626</v>
      </c>
      <c r="E10951" s="6">
        <v>2579.1979999999999</v>
      </c>
    </row>
    <row r="10952" spans="4:5" x14ac:dyDescent="0.25">
      <c r="D10952" s="6">
        <v>1114.654</v>
      </c>
      <c r="E10952" s="6">
        <v>1135.326</v>
      </c>
    </row>
    <row r="10953" spans="4:5" x14ac:dyDescent="0.25">
      <c r="D10953" s="6">
        <v>2316.808</v>
      </c>
      <c r="E10953" s="6">
        <v>1038.3040000000001</v>
      </c>
    </row>
    <row r="10954" spans="4:5" x14ac:dyDescent="0.25">
      <c r="D10954" s="6">
        <v>3721.5929999999998</v>
      </c>
      <c r="E10954" s="6">
        <v>882.27139999999997</v>
      </c>
    </row>
    <row r="10955" spans="4:5" x14ac:dyDescent="0.25">
      <c r="D10955" s="6">
        <v>2064.46</v>
      </c>
      <c r="E10955" s="6">
        <v>968.29939999999999</v>
      </c>
    </row>
    <row r="10956" spans="4:5" x14ac:dyDescent="0.25">
      <c r="D10956" s="6">
        <v>2690.866</v>
      </c>
      <c r="E10956" s="6">
        <v>1138.1659999999999</v>
      </c>
    </row>
    <row r="10957" spans="4:5" x14ac:dyDescent="0.25">
      <c r="D10957" s="6">
        <v>784.62279999999998</v>
      </c>
      <c r="E10957" s="6">
        <v>2625.1529999999998</v>
      </c>
    </row>
    <row r="10958" spans="4:5" x14ac:dyDescent="0.25">
      <c r="D10958" s="6">
        <v>1112.098</v>
      </c>
      <c r="E10958" s="6">
        <v>2362.1880000000001</v>
      </c>
    </row>
    <row r="10959" spans="4:5" x14ac:dyDescent="0.25">
      <c r="D10959" s="6">
        <v>1201.664</v>
      </c>
      <c r="E10959" s="6">
        <v>7727.5609999999997</v>
      </c>
    </row>
    <row r="10960" spans="4:5" x14ac:dyDescent="0.25">
      <c r="D10960" s="6">
        <v>1264.739</v>
      </c>
      <c r="E10960" s="6">
        <v>809.34969999999998</v>
      </c>
    </row>
    <row r="10961" spans="4:5" x14ac:dyDescent="0.25">
      <c r="D10961" s="6">
        <v>1273.354</v>
      </c>
      <c r="E10961" s="6">
        <v>1313.3340000000001</v>
      </c>
    </row>
    <row r="10962" spans="4:5" x14ac:dyDescent="0.25">
      <c r="D10962" s="6">
        <v>1106.83</v>
      </c>
      <c r="E10962" s="6">
        <v>936.05029999999999</v>
      </c>
    </row>
    <row r="10963" spans="4:5" x14ac:dyDescent="0.25">
      <c r="D10963" s="6">
        <v>1623.1479999999999</v>
      </c>
      <c r="E10963" s="6">
        <v>1139.9369999999999</v>
      </c>
    </row>
    <row r="10964" spans="4:5" x14ac:dyDescent="0.25">
      <c r="D10964" s="6">
        <v>875.32240000000002</v>
      </c>
      <c r="E10964" s="6">
        <v>1170.1590000000001</v>
      </c>
    </row>
    <row r="10965" spans="4:5" x14ac:dyDescent="0.25">
      <c r="D10965" s="6">
        <v>1324.491</v>
      </c>
      <c r="E10965" s="6">
        <v>1346.066</v>
      </c>
    </row>
    <row r="10966" spans="4:5" x14ac:dyDescent="0.25">
      <c r="D10966" s="6">
        <v>3193.181</v>
      </c>
      <c r="E10966" s="6">
        <v>844.0702</v>
      </c>
    </row>
    <row r="10967" spans="4:5" x14ac:dyDescent="0.25">
      <c r="D10967" s="6">
        <v>1080.2760000000001</v>
      </c>
      <c r="E10967" s="6">
        <v>3748.1120000000001</v>
      </c>
    </row>
    <row r="10968" spans="4:5" x14ac:dyDescent="0.25">
      <c r="D10968" s="6">
        <v>998.11680000000001</v>
      </c>
      <c r="E10968" s="6">
        <v>4603.7910000000002</v>
      </c>
    </row>
    <row r="10969" spans="4:5" x14ac:dyDescent="0.25">
      <c r="D10969" s="6">
        <v>1531.74</v>
      </c>
      <c r="E10969" s="6">
        <v>1103.596</v>
      </c>
    </row>
    <row r="10970" spans="4:5" x14ac:dyDescent="0.25">
      <c r="D10970" s="6">
        <v>2609.2950000000001</v>
      </c>
      <c r="E10970" s="6">
        <v>2367.2370000000001</v>
      </c>
    </row>
    <row r="10971" spans="4:5" x14ac:dyDescent="0.25">
      <c r="D10971" s="6">
        <v>503.94170000000003</v>
      </c>
      <c r="E10971" s="6">
        <v>1081.857</v>
      </c>
    </row>
    <row r="10972" spans="4:5" x14ac:dyDescent="0.25">
      <c r="D10972" s="6">
        <v>1861.182</v>
      </c>
      <c r="E10972" s="6">
        <v>516.86429999999996</v>
      </c>
    </row>
    <row r="10973" spans="4:5" x14ac:dyDescent="0.25">
      <c r="D10973" s="6">
        <v>1723.471</v>
      </c>
      <c r="E10973" s="6">
        <v>771.23320000000001</v>
      </c>
    </row>
    <row r="10974" spans="4:5" x14ac:dyDescent="0.25">
      <c r="D10974" s="6">
        <v>1038.8969999999999</v>
      </c>
      <c r="E10974" s="6">
        <v>1302.2439999999999</v>
      </c>
    </row>
    <row r="10975" spans="4:5" x14ac:dyDescent="0.25">
      <c r="D10975" s="6">
        <v>1833.451</v>
      </c>
      <c r="E10975" s="6">
        <v>2854.848</v>
      </c>
    </row>
    <row r="10976" spans="4:5" x14ac:dyDescent="0.25">
      <c r="D10976" s="6">
        <v>3792.9360000000001</v>
      </c>
      <c r="E10976" s="6">
        <v>1724.941</v>
      </c>
    </row>
    <row r="10977" spans="4:5" x14ac:dyDescent="0.25">
      <c r="D10977" s="6">
        <v>1878.854</v>
      </c>
      <c r="E10977" s="6">
        <v>1290.242</v>
      </c>
    </row>
    <row r="10978" spans="4:5" x14ac:dyDescent="0.25">
      <c r="D10978" s="6">
        <v>716.51940000000002</v>
      </c>
      <c r="E10978" s="6">
        <v>1549.1179999999999</v>
      </c>
    </row>
    <row r="10979" spans="4:5" x14ac:dyDescent="0.25">
      <c r="D10979" s="6">
        <v>611.44949999999994</v>
      </c>
      <c r="E10979" s="6">
        <v>12034.95</v>
      </c>
    </row>
    <row r="10980" spans="4:5" x14ac:dyDescent="0.25">
      <c r="D10980" s="6">
        <v>619.97820000000002</v>
      </c>
      <c r="E10980" s="6">
        <v>2062.8389999999999</v>
      </c>
    </row>
    <row r="10981" spans="4:5" x14ac:dyDescent="0.25">
      <c r="D10981" s="6">
        <v>1714.288</v>
      </c>
      <c r="E10981" s="6">
        <v>419.47379999999998</v>
      </c>
    </row>
    <row r="10982" spans="4:5" x14ac:dyDescent="0.25">
      <c r="D10982" s="6">
        <v>6925.366</v>
      </c>
      <c r="E10982" s="6">
        <v>1483.9639999999999</v>
      </c>
    </row>
    <row r="10983" spans="4:5" x14ac:dyDescent="0.25">
      <c r="D10983" s="6">
        <v>861.60119999999995</v>
      </c>
      <c r="E10983" s="6">
        <v>1716.191</v>
      </c>
    </row>
    <row r="10984" spans="4:5" x14ac:dyDescent="0.25">
      <c r="D10984" s="6">
        <v>628.05399999999997</v>
      </c>
      <c r="E10984" s="6">
        <v>1229.6189999999999</v>
      </c>
    </row>
    <row r="10985" spans="4:5" x14ac:dyDescent="0.25">
      <c r="D10985" s="6">
        <v>4158.1880000000001</v>
      </c>
      <c r="E10985" s="6">
        <v>1384.124</v>
      </c>
    </row>
    <row r="10986" spans="4:5" x14ac:dyDescent="0.25">
      <c r="D10986" s="6">
        <v>12182.5</v>
      </c>
      <c r="E10986" s="6">
        <v>2630.0729999999999</v>
      </c>
    </row>
    <row r="10987" spans="4:5" x14ac:dyDescent="0.25">
      <c r="D10987" s="6">
        <v>3222.32</v>
      </c>
      <c r="E10987" s="6">
        <v>868.97630000000004</v>
      </c>
    </row>
    <row r="10988" spans="4:5" x14ac:dyDescent="0.25">
      <c r="D10988" s="6">
        <v>618.54280000000006</v>
      </c>
      <c r="E10988" s="6">
        <v>860.19330000000002</v>
      </c>
    </row>
    <row r="10989" spans="4:5" x14ac:dyDescent="0.25">
      <c r="D10989" s="6">
        <v>2204.3029999999999</v>
      </c>
      <c r="E10989" s="6">
        <v>2039.597</v>
      </c>
    </row>
    <row r="10990" spans="4:5" x14ac:dyDescent="0.25">
      <c r="D10990" s="6">
        <v>814.01070000000004</v>
      </c>
      <c r="E10990" s="6">
        <v>1018.212</v>
      </c>
    </row>
    <row r="10991" spans="4:5" x14ac:dyDescent="0.25">
      <c r="D10991" s="6">
        <v>1573.499</v>
      </c>
      <c r="E10991" s="6">
        <v>432.97129999999999</v>
      </c>
    </row>
    <row r="10992" spans="4:5" x14ac:dyDescent="0.25">
      <c r="D10992" s="6">
        <v>872.06849999999997</v>
      </c>
      <c r="E10992" s="6">
        <v>4129.6639999999998</v>
      </c>
    </row>
    <row r="10993" spans="4:5" x14ac:dyDescent="0.25">
      <c r="D10993" s="6">
        <v>3274.3069999999998</v>
      </c>
      <c r="E10993" s="6">
        <v>1195.796</v>
      </c>
    </row>
    <row r="10994" spans="4:5" x14ac:dyDescent="0.25">
      <c r="D10994" s="6">
        <v>1242.1890000000001</v>
      </c>
      <c r="E10994" s="6">
        <v>728.96010000000001</v>
      </c>
    </row>
    <row r="10995" spans="4:5" x14ac:dyDescent="0.25">
      <c r="D10995" s="6">
        <v>989.1</v>
      </c>
      <c r="E10995" s="6">
        <v>2347.172</v>
      </c>
    </row>
    <row r="10996" spans="4:5" x14ac:dyDescent="0.25">
      <c r="D10996" s="6">
        <v>604.73620000000005</v>
      </c>
      <c r="E10996" s="6">
        <v>2451.221</v>
      </c>
    </row>
    <row r="10997" spans="4:5" x14ac:dyDescent="0.25">
      <c r="D10997" s="6">
        <v>918.30190000000005</v>
      </c>
      <c r="E10997" s="6">
        <v>971.077</v>
      </c>
    </row>
    <row r="10998" spans="4:5" x14ac:dyDescent="0.25">
      <c r="D10998" s="6">
        <v>491.63839999999999</v>
      </c>
      <c r="E10998" s="6">
        <v>1793.1980000000001</v>
      </c>
    </row>
    <row r="10999" spans="4:5" x14ac:dyDescent="0.25">
      <c r="D10999" s="6">
        <v>786.22479999999996</v>
      </c>
      <c r="E10999" s="6">
        <v>996.49890000000005</v>
      </c>
    </row>
    <row r="11000" spans="4:5" x14ac:dyDescent="0.25">
      <c r="D11000" s="6">
        <v>950.8</v>
      </c>
      <c r="E11000" s="6">
        <v>1949.98</v>
      </c>
    </row>
    <row r="11001" spans="4:5" x14ac:dyDescent="0.25">
      <c r="D11001" s="6">
        <v>558.32190000000003</v>
      </c>
      <c r="E11001" s="6">
        <v>2061.547</v>
      </c>
    </row>
    <row r="11002" spans="4:5" x14ac:dyDescent="0.25">
      <c r="D11002" s="6">
        <v>1063.038</v>
      </c>
      <c r="E11002" s="6">
        <v>856.75710000000004</v>
      </c>
    </row>
    <row r="11003" spans="4:5" x14ac:dyDescent="0.25">
      <c r="D11003" s="6">
        <v>687</v>
      </c>
      <c r="E11003" s="6">
        <v>1484.192</v>
      </c>
    </row>
    <row r="11004" spans="4:5" x14ac:dyDescent="0.25">
      <c r="D11004" s="6">
        <v>1993.0160000000001</v>
      </c>
      <c r="E11004" s="6">
        <v>712.47559999999999</v>
      </c>
    </row>
    <row r="11005" spans="4:5" x14ac:dyDescent="0.25">
      <c r="D11005" s="6">
        <v>968.33810000000005</v>
      </c>
      <c r="E11005" s="6">
        <v>2040.761</v>
      </c>
    </row>
    <row r="11006" spans="4:5" x14ac:dyDescent="0.25">
      <c r="D11006" s="6">
        <v>1216.2080000000001</v>
      </c>
      <c r="E11006" s="6">
        <v>3341.192</v>
      </c>
    </row>
    <row r="11007" spans="4:5" x14ac:dyDescent="0.25">
      <c r="D11007" s="6">
        <v>2944.0770000000002</v>
      </c>
      <c r="E11007" s="6">
        <v>1952.4770000000001</v>
      </c>
    </row>
    <row r="11008" spans="4:5" x14ac:dyDescent="0.25">
      <c r="D11008" s="6">
        <v>1103.1130000000001</v>
      </c>
      <c r="E11008" s="6">
        <v>840.15390000000002</v>
      </c>
    </row>
    <row r="11009" spans="4:5" x14ac:dyDescent="0.25">
      <c r="D11009" s="6">
        <v>1068.3399999999999</v>
      </c>
      <c r="E11009" s="6">
        <v>8587.6059999999998</v>
      </c>
    </row>
    <row r="11010" spans="4:5" x14ac:dyDescent="0.25">
      <c r="D11010" s="6">
        <v>698.86199999999997</v>
      </c>
      <c r="E11010" s="6">
        <v>1716.7660000000001</v>
      </c>
    </row>
    <row r="11011" spans="4:5" x14ac:dyDescent="0.25">
      <c r="D11011" s="6">
        <v>1683.2719999999999</v>
      </c>
      <c r="E11011" s="6">
        <v>1022.394</v>
      </c>
    </row>
    <row r="11012" spans="4:5" x14ac:dyDescent="0.25">
      <c r="D11012" s="6">
        <v>2523.5349999999999</v>
      </c>
      <c r="E11012" s="6">
        <v>1081.7529999999999</v>
      </c>
    </row>
    <row r="11013" spans="4:5" x14ac:dyDescent="0.25">
      <c r="D11013" s="6">
        <v>535.00760000000002</v>
      </c>
      <c r="E11013" s="6">
        <v>3329.9560000000001</v>
      </c>
    </row>
    <row r="11014" spans="4:5" x14ac:dyDescent="0.25">
      <c r="D11014" s="6">
        <v>887.37030000000004</v>
      </c>
      <c r="E11014" s="6">
        <v>2430.8939999999998</v>
      </c>
    </row>
    <row r="11015" spans="4:5" x14ac:dyDescent="0.25">
      <c r="D11015" s="6">
        <v>1654.479</v>
      </c>
      <c r="E11015" s="6">
        <v>2251.8649999999998</v>
      </c>
    </row>
    <row r="11016" spans="4:5" x14ac:dyDescent="0.25">
      <c r="D11016" s="6">
        <v>1114.8689999999999</v>
      </c>
      <c r="E11016" s="6">
        <v>3662.5309999999999</v>
      </c>
    </row>
    <row r="11017" spans="4:5" x14ac:dyDescent="0.25">
      <c r="D11017" s="6">
        <v>3923.8440000000001</v>
      </c>
      <c r="E11017" s="6">
        <v>811.84739999999999</v>
      </c>
    </row>
    <row r="11018" spans="4:5" x14ac:dyDescent="0.25">
      <c r="D11018" s="6">
        <v>606.17430000000002</v>
      </c>
      <c r="E11018" s="6">
        <v>4370.4560000000001</v>
      </c>
    </row>
    <row r="11019" spans="4:5" x14ac:dyDescent="0.25">
      <c r="D11019" s="6">
        <v>636.48829999999998</v>
      </c>
      <c r="E11019" s="6">
        <v>526.08879999999999</v>
      </c>
    </row>
    <row r="11020" spans="4:5" x14ac:dyDescent="0.25">
      <c r="D11020" s="6">
        <v>763.52800000000002</v>
      </c>
      <c r="E11020" s="6">
        <v>1040.335</v>
      </c>
    </row>
    <row r="11021" spans="4:5" x14ac:dyDescent="0.25">
      <c r="D11021" s="6">
        <v>942.82479999999998</v>
      </c>
      <c r="E11021" s="6">
        <v>1575.6120000000001</v>
      </c>
    </row>
    <row r="11022" spans="4:5" x14ac:dyDescent="0.25">
      <c r="D11022" s="6">
        <v>2402.5819999999999</v>
      </c>
      <c r="E11022" s="6">
        <v>1526.6469999999999</v>
      </c>
    </row>
    <row r="11023" spans="4:5" x14ac:dyDescent="0.25">
      <c r="D11023" s="6">
        <v>1194.393</v>
      </c>
      <c r="E11023" s="6">
        <v>2214.5320000000002</v>
      </c>
    </row>
    <row r="11024" spans="4:5" x14ac:dyDescent="0.25">
      <c r="D11024" s="6">
        <v>1621.0350000000001</v>
      </c>
      <c r="E11024" s="6">
        <v>599.31859999999995</v>
      </c>
    </row>
    <row r="11025" spans="4:5" x14ac:dyDescent="0.25">
      <c r="D11025" s="6">
        <v>1230.8779999999999</v>
      </c>
      <c r="E11025" s="6">
        <v>3320.4360000000001</v>
      </c>
    </row>
    <row r="11026" spans="4:5" x14ac:dyDescent="0.25">
      <c r="D11026" s="6">
        <v>704.60490000000004</v>
      </c>
      <c r="E11026" s="6">
        <v>746.23099999999999</v>
      </c>
    </row>
    <row r="11027" spans="4:5" x14ac:dyDescent="0.25">
      <c r="D11027" s="6">
        <v>1589.431</v>
      </c>
      <c r="E11027" s="6">
        <v>921.92460000000005</v>
      </c>
    </row>
    <row r="11028" spans="4:5" x14ac:dyDescent="0.25">
      <c r="D11028" s="6">
        <v>1549.981</v>
      </c>
      <c r="E11028" s="6">
        <v>1494.883</v>
      </c>
    </row>
    <row r="11029" spans="4:5" x14ac:dyDescent="0.25">
      <c r="D11029" s="6">
        <v>3730.1109999999999</v>
      </c>
      <c r="E11029" s="6">
        <v>953.67579999999998</v>
      </c>
    </row>
    <row r="11030" spans="4:5" x14ac:dyDescent="0.25">
      <c r="D11030" s="6">
        <v>1219.886</v>
      </c>
      <c r="E11030" s="6">
        <v>3593.49</v>
      </c>
    </row>
    <row r="11031" spans="4:5" x14ac:dyDescent="0.25">
      <c r="D11031" s="6">
        <v>1077.7190000000001</v>
      </c>
      <c r="E11031" s="6">
        <v>1599.194</v>
      </c>
    </row>
    <row r="11032" spans="4:5" x14ac:dyDescent="0.25">
      <c r="D11032" s="6">
        <v>173.05260000000001</v>
      </c>
      <c r="E11032" s="6">
        <v>2058.585</v>
      </c>
    </row>
    <row r="11033" spans="4:5" x14ac:dyDescent="0.25">
      <c r="D11033" s="6">
        <v>4073.7860000000001</v>
      </c>
      <c r="E11033" s="6">
        <v>716.1377</v>
      </c>
    </row>
    <row r="11034" spans="4:5" x14ac:dyDescent="0.25">
      <c r="D11034" s="6">
        <v>1293.348</v>
      </c>
      <c r="E11034" s="6">
        <v>572.39549999999997</v>
      </c>
    </row>
    <row r="11035" spans="4:5" x14ac:dyDescent="0.25">
      <c r="D11035" s="6">
        <v>2131.3829999999998</v>
      </c>
      <c r="E11035" s="6">
        <v>946.15729999999996</v>
      </c>
    </row>
    <row r="11036" spans="4:5" x14ac:dyDescent="0.25">
      <c r="D11036" s="6">
        <v>7487.3779999999997</v>
      </c>
      <c r="E11036" s="6">
        <v>2065.9180000000001</v>
      </c>
    </row>
    <row r="11037" spans="4:5" x14ac:dyDescent="0.25">
      <c r="D11037" s="6">
        <v>1612.2439999999999</v>
      </c>
      <c r="E11037" s="6">
        <v>495.9255</v>
      </c>
    </row>
    <row r="11038" spans="4:5" x14ac:dyDescent="0.25">
      <c r="D11038" s="6">
        <v>869.47879999999998</v>
      </c>
      <c r="E11038" s="6">
        <v>630.73490000000004</v>
      </c>
    </row>
    <row r="11039" spans="4:5" x14ac:dyDescent="0.25">
      <c r="D11039" s="6">
        <v>787.05730000000005</v>
      </c>
      <c r="E11039" s="6">
        <v>1888.586</v>
      </c>
    </row>
    <row r="11040" spans="4:5" x14ac:dyDescent="0.25">
      <c r="D11040" s="6">
        <v>973.81590000000006</v>
      </c>
      <c r="E11040" s="6">
        <v>6627.8410000000003</v>
      </c>
    </row>
    <row r="11041" spans="4:5" x14ac:dyDescent="0.25">
      <c r="D11041" s="6">
        <v>3677.9789999999998</v>
      </c>
      <c r="E11041" s="6">
        <v>1642.251</v>
      </c>
    </row>
    <row r="11042" spans="4:5" x14ac:dyDescent="0.25">
      <c r="D11042" s="6">
        <v>1382.7139999999999</v>
      </c>
      <c r="E11042" s="6">
        <v>1797.7550000000001</v>
      </c>
    </row>
    <row r="11043" spans="4:5" x14ac:dyDescent="0.25">
      <c r="D11043" s="6">
        <v>1079.827</v>
      </c>
      <c r="E11043" s="6">
        <v>1049.749</v>
      </c>
    </row>
    <row r="11044" spans="4:5" x14ac:dyDescent="0.25">
      <c r="D11044" s="6">
        <v>1013.249</v>
      </c>
      <c r="E11044" s="6">
        <v>1272.0170000000001</v>
      </c>
    </row>
    <row r="11045" spans="4:5" x14ac:dyDescent="0.25">
      <c r="D11045" s="6">
        <v>890.18510000000003</v>
      </c>
      <c r="E11045" s="6">
        <v>815.43409999999994</v>
      </c>
    </row>
    <row r="11046" spans="4:5" x14ac:dyDescent="0.25">
      <c r="D11046" s="6">
        <v>864.54769999999996</v>
      </c>
      <c r="E11046" s="6">
        <v>2570.3609999999999</v>
      </c>
    </row>
    <row r="11047" spans="4:5" x14ac:dyDescent="0.25">
      <c r="D11047" s="6">
        <v>890.54380000000003</v>
      </c>
      <c r="E11047" s="6">
        <v>492.3458</v>
      </c>
    </row>
    <row r="11048" spans="4:5" x14ac:dyDescent="0.25">
      <c r="D11048" s="6">
        <v>4701.1970000000001</v>
      </c>
      <c r="E11048" s="6">
        <v>317.4058</v>
      </c>
    </row>
    <row r="11049" spans="4:5" x14ac:dyDescent="0.25">
      <c r="D11049" s="6">
        <v>543.44619999999998</v>
      </c>
      <c r="E11049" s="6">
        <v>2064.0920000000001</v>
      </c>
    </row>
    <row r="11050" spans="4:5" x14ac:dyDescent="0.25">
      <c r="D11050" s="6">
        <v>1383.1120000000001</v>
      </c>
      <c r="E11050" s="6">
        <v>983.66060000000004</v>
      </c>
    </row>
    <row r="11051" spans="4:5" x14ac:dyDescent="0.25">
      <c r="D11051" s="6">
        <v>1202.7080000000001</v>
      </c>
      <c r="E11051" s="6">
        <v>1158.5050000000001</v>
      </c>
    </row>
    <row r="11052" spans="4:5" x14ac:dyDescent="0.25">
      <c r="D11052" s="6">
        <v>3918.857</v>
      </c>
      <c r="E11052" s="6">
        <v>2201.0970000000002</v>
      </c>
    </row>
    <row r="11053" spans="4:5" x14ac:dyDescent="0.25">
      <c r="D11053" s="6">
        <v>833.44770000000005</v>
      </c>
      <c r="E11053" s="6">
        <v>592.38490000000002</v>
      </c>
    </row>
    <row r="11054" spans="4:5" x14ac:dyDescent="0.25">
      <c r="D11054" s="6">
        <v>981.79939999999999</v>
      </c>
      <c r="E11054" s="6">
        <v>1013.9109999999999</v>
      </c>
    </row>
    <row r="11055" spans="4:5" x14ac:dyDescent="0.25">
      <c r="D11055" s="6">
        <v>1383.7159999999999</v>
      </c>
      <c r="E11055" s="6">
        <v>1205.7660000000001</v>
      </c>
    </row>
    <row r="11056" spans="4:5" x14ac:dyDescent="0.25">
      <c r="D11056" s="6">
        <v>910.70669999999996</v>
      </c>
      <c r="E11056" s="6">
        <v>1843.9159999999999</v>
      </c>
    </row>
    <row r="11057" spans="4:5" x14ac:dyDescent="0.25">
      <c r="D11057" s="6">
        <v>952.72820000000002</v>
      </c>
      <c r="E11057" s="6">
        <v>1230.376</v>
      </c>
    </row>
    <row r="11058" spans="4:5" x14ac:dyDescent="0.25">
      <c r="D11058" s="6">
        <v>504.86149999999998</v>
      </c>
      <c r="E11058" s="6">
        <v>1848.213</v>
      </c>
    </row>
    <row r="11059" spans="4:5" x14ac:dyDescent="0.25">
      <c r="D11059" s="6">
        <v>958.61109999999996</v>
      </c>
      <c r="E11059" s="6">
        <v>2919.0419999999999</v>
      </c>
    </row>
    <row r="11060" spans="4:5" x14ac:dyDescent="0.25">
      <c r="D11060" s="6">
        <v>828.5</v>
      </c>
      <c r="E11060" s="6">
        <v>1113.654</v>
      </c>
    </row>
    <row r="11061" spans="4:5" x14ac:dyDescent="0.25">
      <c r="D11061" s="6">
        <v>1035.0419999999999</v>
      </c>
      <c r="E11061" s="6">
        <v>1325.877</v>
      </c>
    </row>
    <row r="11062" spans="4:5" x14ac:dyDescent="0.25">
      <c r="D11062" s="6">
        <v>1414.364</v>
      </c>
      <c r="E11062" s="6">
        <v>621.57830000000001</v>
      </c>
    </row>
    <row r="11063" spans="4:5" x14ac:dyDescent="0.25">
      <c r="D11063" s="6">
        <v>3427.75</v>
      </c>
      <c r="E11063" s="6">
        <v>3167.5070000000001</v>
      </c>
    </row>
    <row r="11064" spans="4:5" x14ac:dyDescent="0.25">
      <c r="D11064" s="6">
        <v>511.92770000000002</v>
      </c>
      <c r="E11064" s="6">
        <v>2321.1480000000001</v>
      </c>
    </row>
    <row r="11065" spans="4:5" x14ac:dyDescent="0.25">
      <c r="D11065" s="6">
        <v>2631.9009999999998</v>
      </c>
      <c r="E11065" s="6">
        <v>644.27679999999998</v>
      </c>
    </row>
    <row r="11066" spans="4:5" x14ac:dyDescent="0.25">
      <c r="D11066" s="6">
        <v>656.00220000000002</v>
      </c>
      <c r="E11066" s="6">
        <v>1697.8389999999999</v>
      </c>
    </row>
    <row r="11067" spans="4:5" x14ac:dyDescent="0.25">
      <c r="D11067" s="6">
        <v>1097.2180000000001</v>
      </c>
      <c r="E11067" s="6">
        <v>7685.7389999999996</v>
      </c>
    </row>
    <row r="11068" spans="4:5" x14ac:dyDescent="0.25">
      <c r="D11068" s="6">
        <v>761.85239999999999</v>
      </c>
      <c r="E11068" s="6">
        <v>1871.375</v>
      </c>
    </row>
    <row r="11069" spans="4:5" x14ac:dyDescent="0.25">
      <c r="D11069" s="6">
        <v>982.39570000000003</v>
      </c>
      <c r="E11069" s="6">
        <v>5589.7950000000001</v>
      </c>
    </row>
    <row r="11070" spans="4:5" x14ac:dyDescent="0.25">
      <c r="D11070" s="6">
        <v>1039.4829999999999</v>
      </c>
      <c r="E11070" s="6">
        <v>9735.3909999999996</v>
      </c>
    </row>
    <row r="11071" spans="4:5" x14ac:dyDescent="0.25">
      <c r="D11071" s="6">
        <v>2824.8270000000002</v>
      </c>
      <c r="E11071" s="6">
        <v>1166.4179999999999</v>
      </c>
    </row>
    <row r="11072" spans="4:5" x14ac:dyDescent="0.25">
      <c r="D11072" s="6">
        <v>1353.047</v>
      </c>
      <c r="E11072" s="6">
        <v>2301.2449999999999</v>
      </c>
    </row>
    <row r="11073" spans="4:5" x14ac:dyDescent="0.25">
      <c r="D11073" s="6">
        <v>1415.4010000000001</v>
      </c>
      <c r="E11073" s="6">
        <v>469.12270000000001</v>
      </c>
    </row>
    <row r="11074" spans="4:5" x14ac:dyDescent="0.25">
      <c r="D11074" s="6">
        <v>3592.3789999999999</v>
      </c>
      <c r="E11074" s="6">
        <v>3373.99</v>
      </c>
    </row>
    <row r="11075" spans="4:5" x14ac:dyDescent="0.25">
      <c r="D11075" s="6">
        <v>520.51279999999997</v>
      </c>
      <c r="E11075" s="6">
        <v>623.78380000000004</v>
      </c>
    </row>
    <row r="11076" spans="4:5" x14ac:dyDescent="0.25">
      <c r="D11076" s="6">
        <v>2992.7979999999998</v>
      </c>
      <c r="E11076" s="6">
        <v>700.78499999999997</v>
      </c>
    </row>
    <row r="11077" spans="4:5" x14ac:dyDescent="0.25">
      <c r="D11077" s="6">
        <v>1228.7</v>
      </c>
      <c r="E11077" s="6">
        <v>1413.048</v>
      </c>
    </row>
    <row r="11078" spans="4:5" x14ac:dyDescent="0.25">
      <c r="D11078" s="6">
        <v>1248.778</v>
      </c>
      <c r="E11078" s="6">
        <v>1456.058</v>
      </c>
    </row>
    <row r="11079" spans="4:5" x14ac:dyDescent="0.25">
      <c r="D11079" s="6">
        <v>585.7319</v>
      </c>
      <c r="E11079" s="6">
        <v>8383.9660000000003</v>
      </c>
    </row>
    <row r="11080" spans="4:5" x14ac:dyDescent="0.25">
      <c r="D11080" s="6">
        <v>2356.2089999999998</v>
      </c>
      <c r="E11080" s="6">
        <v>2283.58</v>
      </c>
    </row>
    <row r="11081" spans="4:5" x14ac:dyDescent="0.25">
      <c r="D11081" s="6">
        <v>2102.2539999999999</v>
      </c>
      <c r="E11081" s="6">
        <v>1187.2550000000001</v>
      </c>
    </row>
    <row r="11082" spans="4:5" x14ac:dyDescent="0.25">
      <c r="D11082" s="6">
        <v>1716.759</v>
      </c>
      <c r="E11082" s="6">
        <v>531.745</v>
      </c>
    </row>
    <row r="11083" spans="4:5" x14ac:dyDescent="0.25">
      <c r="D11083" s="6">
        <v>1924.7929999999999</v>
      </c>
      <c r="E11083" s="6">
        <v>948.26199999999994</v>
      </c>
    </row>
    <row r="11084" spans="4:5" x14ac:dyDescent="0.25">
      <c r="D11084" s="6">
        <v>1921.3009999999999</v>
      </c>
      <c r="E11084" s="6">
        <v>1343.5250000000001</v>
      </c>
    </row>
    <row r="11085" spans="4:5" x14ac:dyDescent="0.25">
      <c r="D11085" s="6">
        <v>1641.999</v>
      </c>
      <c r="E11085" s="6">
        <v>821.89700000000005</v>
      </c>
    </row>
    <row r="11086" spans="4:5" x14ac:dyDescent="0.25">
      <c r="D11086" s="6">
        <v>628.11410000000001</v>
      </c>
      <c r="E11086" s="6">
        <v>928.83550000000002</v>
      </c>
    </row>
    <row r="11087" spans="4:5" x14ac:dyDescent="0.25">
      <c r="D11087" s="6">
        <v>773.66139999999996</v>
      </c>
      <c r="E11087" s="6">
        <v>9786.5920000000006</v>
      </c>
    </row>
    <row r="11088" spans="4:5" x14ac:dyDescent="0.25">
      <c r="D11088" s="6">
        <v>3028.9810000000002</v>
      </c>
      <c r="E11088" s="6">
        <v>1453.982</v>
      </c>
    </row>
    <row r="11089" spans="4:5" x14ac:dyDescent="0.25">
      <c r="D11089" s="6">
        <v>1401.414</v>
      </c>
      <c r="E11089" s="6">
        <v>891.01260000000002</v>
      </c>
    </row>
    <row r="11090" spans="4:5" x14ac:dyDescent="0.25">
      <c r="D11090" s="6">
        <v>2779.7719999999999</v>
      </c>
      <c r="E11090" s="6">
        <v>1004.841</v>
      </c>
    </row>
    <row r="11091" spans="4:5" x14ac:dyDescent="0.25">
      <c r="D11091" s="6">
        <v>4138.2700000000004</v>
      </c>
      <c r="E11091" s="6">
        <v>2907.4490000000001</v>
      </c>
    </row>
    <row r="11092" spans="4:5" x14ac:dyDescent="0.25">
      <c r="D11092" s="6">
        <v>781.76469999999995</v>
      </c>
      <c r="E11092" s="6">
        <v>3961.203</v>
      </c>
    </row>
    <row r="11093" spans="4:5" x14ac:dyDescent="0.25">
      <c r="D11093" s="6">
        <v>1257.4179999999999</v>
      </c>
      <c r="E11093" s="6">
        <v>1531.5309999999999</v>
      </c>
    </row>
    <row r="11094" spans="4:5" x14ac:dyDescent="0.25">
      <c r="D11094" s="6">
        <v>1558.799</v>
      </c>
      <c r="E11094" s="6">
        <v>1105.6659999999999</v>
      </c>
    </row>
    <row r="11095" spans="4:5" x14ac:dyDescent="0.25">
      <c r="D11095" s="6">
        <v>1811.56</v>
      </c>
      <c r="E11095" s="6">
        <v>4137.8620000000001</v>
      </c>
    </row>
    <row r="11096" spans="4:5" x14ac:dyDescent="0.25">
      <c r="D11096" s="6">
        <v>1221.7670000000001</v>
      </c>
      <c r="E11096" s="6">
        <v>950.10850000000005</v>
      </c>
    </row>
    <row r="11097" spans="4:5" x14ac:dyDescent="0.25">
      <c r="D11097" s="6">
        <v>1031.5329999999999</v>
      </c>
      <c r="E11097" s="6">
        <v>2966.0630000000001</v>
      </c>
    </row>
    <row r="11098" spans="4:5" x14ac:dyDescent="0.25">
      <c r="D11098" s="6">
        <v>2862.0079999999998</v>
      </c>
      <c r="E11098" s="6">
        <v>2086.5410000000002</v>
      </c>
    </row>
    <row r="11099" spans="4:5" x14ac:dyDescent="0.25">
      <c r="D11099" s="6">
        <v>1588.125</v>
      </c>
      <c r="E11099" s="6">
        <v>550.84680000000003</v>
      </c>
    </row>
    <row r="11100" spans="4:5" x14ac:dyDescent="0.25">
      <c r="D11100" s="6">
        <v>1159.191</v>
      </c>
      <c r="E11100" s="6">
        <v>1067.5999999999999</v>
      </c>
    </row>
    <row r="11101" spans="4:5" x14ac:dyDescent="0.25">
      <c r="D11101" s="6">
        <v>2643.6759999999999</v>
      </c>
      <c r="E11101" s="6">
        <v>4034.8330000000001</v>
      </c>
    </row>
    <row r="11102" spans="4:5" x14ac:dyDescent="0.25">
      <c r="D11102" s="6">
        <v>991.1123</v>
      </c>
      <c r="E11102" s="6">
        <v>771.99210000000005</v>
      </c>
    </row>
    <row r="11103" spans="4:5" x14ac:dyDescent="0.25">
      <c r="D11103" s="6">
        <v>2139.7910000000002</v>
      </c>
      <c r="E11103" s="6">
        <v>10240.870000000001</v>
      </c>
    </row>
    <row r="11104" spans="4:5" x14ac:dyDescent="0.25">
      <c r="D11104" s="6">
        <v>1118.1610000000001</v>
      </c>
      <c r="E11104" s="6">
        <v>1040.184</v>
      </c>
    </row>
    <row r="11105" spans="4:5" x14ac:dyDescent="0.25">
      <c r="D11105" s="6">
        <v>517.69489999999996</v>
      </c>
      <c r="E11105" s="6">
        <v>759.76670000000001</v>
      </c>
    </row>
    <row r="11106" spans="4:5" x14ac:dyDescent="0.25">
      <c r="D11106" s="6">
        <v>642.81970000000001</v>
      </c>
      <c r="E11106" s="6">
        <v>1001.5170000000001</v>
      </c>
    </row>
    <row r="11107" spans="4:5" x14ac:dyDescent="0.25">
      <c r="D11107" s="6">
        <v>1263.8710000000001</v>
      </c>
      <c r="E11107" s="6">
        <v>2531.1489999999999</v>
      </c>
    </row>
    <row r="11108" spans="4:5" x14ac:dyDescent="0.25">
      <c r="D11108" s="6">
        <v>1563.72</v>
      </c>
      <c r="E11108" s="6">
        <v>905.27530000000002</v>
      </c>
    </row>
    <row r="11109" spans="4:5" x14ac:dyDescent="0.25">
      <c r="D11109" s="6">
        <v>1578.5060000000001</v>
      </c>
      <c r="E11109" s="6">
        <v>805.27419999999995</v>
      </c>
    </row>
    <row r="11110" spans="4:5" x14ac:dyDescent="0.25">
      <c r="D11110" s="6">
        <v>967.91499999999996</v>
      </c>
      <c r="E11110" s="6">
        <v>399.72019999999998</v>
      </c>
    </row>
    <row r="11111" spans="4:5" x14ac:dyDescent="0.25">
      <c r="D11111" s="6">
        <v>465.69389999999999</v>
      </c>
      <c r="E11111" s="6">
        <v>587.2808</v>
      </c>
    </row>
    <row r="11112" spans="4:5" x14ac:dyDescent="0.25">
      <c r="D11112" s="6">
        <v>3883.6979999999999</v>
      </c>
      <c r="E11112" s="6">
        <v>1172.2080000000001</v>
      </c>
    </row>
    <row r="11113" spans="4:5" x14ac:dyDescent="0.25">
      <c r="D11113" s="6">
        <v>1039.0229999999999</v>
      </c>
      <c r="E11113" s="6">
        <v>12954</v>
      </c>
    </row>
    <row r="11114" spans="4:5" x14ac:dyDescent="0.25">
      <c r="D11114" s="6">
        <v>590.74300000000005</v>
      </c>
      <c r="E11114" s="6">
        <v>1348.154</v>
      </c>
    </row>
    <row r="11115" spans="4:5" x14ac:dyDescent="0.25">
      <c r="D11115" s="6">
        <v>930.904</v>
      </c>
      <c r="E11115" s="6">
        <v>1156.2719999999999</v>
      </c>
    </row>
    <row r="11116" spans="4:5" x14ac:dyDescent="0.25">
      <c r="D11116" s="6">
        <v>3013.8539999999998</v>
      </c>
      <c r="E11116" s="6">
        <v>1292.1020000000001</v>
      </c>
    </row>
    <row r="11117" spans="4:5" x14ac:dyDescent="0.25">
      <c r="D11117" s="6">
        <v>791.65070000000003</v>
      </c>
      <c r="E11117" s="6">
        <v>1035.28</v>
      </c>
    </row>
    <row r="11118" spans="4:5" x14ac:dyDescent="0.25">
      <c r="D11118" s="6">
        <v>534.73090000000002</v>
      </c>
      <c r="E11118" s="6">
        <v>972.68550000000005</v>
      </c>
    </row>
    <row r="11119" spans="4:5" x14ac:dyDescent="0.25">
      <c r="D11119" s="6">
        <v>1431.548</v>
      </c>
      <c r="E11119" s="6">
        <v>992.57460000000003</v>
      </c>
    </row>
    <row r="11120" spans="4:5" x14ac:dyDescent="0.25">
      <c r="D11120" s="6">
        <v>4372.3329999999996</v>
      </c>
      <c r="E11120" s="6">
        <v>1643.962</v>
      </c>
    </row>
    <row r="11121" spans="4:5" x14ac:dyDescent="0.25">
      <c r="D11121" s="6">
        <v>855.65679999999998</v>
      </c>
      <c r="E11121" s="6">
        <v>515.93920000000003</v>
      </c>
    </row>
    <row r="11122" spans="4:5" x14ac:dyDescent="0.25">
      <c r="D11122" s="6">
        <v>1232.145</v>
      </c>
      <c r="E11122" s="6">
        <v>906.58659999999998</v>
      </c>
    </row>
    <row r="11123" spans="4:5" x14ac:dyDescent="0.25">
      <c r="D11123" s="6">
        <v>570.05470000000003</v>
      </c>
      <c r="E11123" s="6">
        <v>639.1164</v>
      </c>
    </row>
    <row r="11124" spans="4:5" x14ac:dyDescent="0.25">
      <c r="D11124" s="6">
        <v>2196.7849999999999</v>
      </c>
      <c r="E11124" s="6">
        <v>1659.8910000000001</v>
      </c>
    </row>
    <row r="11125" spans="4:5" x14ac:dyDescent="0.25">
      <c r="D11125" s="6">
        <v>1633.7349999999999</v>
      </c>
      <c r="E11125" s="6">
        <v>1669.501</v>
      </c>
    </row>
    <row r="11126" spans="4:5" x14ac:dyDescent="0.25">
      <c r="D11126" s="6">
        <v>3104.181</v>
      </c>
      <c r="E11126" s="6">
        <v>1304.6610000000001</v>
      </c>
    </row>
    <row r="11127" spans="4:5" x14ac:dyDescent="0.25">
      <c r="D11127" s="6">
        <v>1927.17</v>
      </c>
      <c r="E11127" s="6">
        <v>677.8329</v>
      </c>
    </row>
    <row r="11128" spans="4:5" x14ac:dyDescent="0.25">
      <c r="D11128" s="6">
        <v>5484.9489999999996</v>
      </c>
      <c r="E11128" s="6">
        <v>708.58259999999996</v>
      </c>
    </row>
    <row r="11129" spans="4:5" x14ac:dyDescent="0.25">
      <c r="D11129" s="6">
        <v>1783.9169999999999</v>
      </c>
      <c r="E11129" s="6">
        <v>1971.952</v>
      </c>
    </row>
    <row r="11130" spans="4:5" x14ac:dyDescent="0.25">
      <c r="D11130" s="6">
        <v>1847.057</v>
      </c>
      <c r="E11130" s="6">
        <v>2951.538</v>
      </c>
    </row>
    <row r="11131" spans="4:5" x14ac:dyDescent="0.25">
      <c r="D11131" s="6">
        <v>1965.7719999999999</v>
      </c>
      <c r="E11131" s="6">
        <v>1402.42</v>
      </c>
    </row>
    <row r="11132" spans="4:5" x14ac:dyDescent="0.25">
      <c r="D11132" s="6">
        <v>1041.751</v>
      </c>
      <c r="E11132" s="6">
        <v>1145.7850000000001</v>
      </c>
    </row>
    <row r="11133" spans="4:5" x14ac:dyDescent="0.25">
      <c r="D11133" s="6">
        <v>1818.8130000000001</v>
      </c>
      <c r="E11133" s="6">
        <v>826.79169999999999</v>
      </c>
    </row>
    <row r="11134" spans="4:5" x14ac:dyDescent="0.25">
      <c r="D11134" s="6">
        <v>1308.463</v>
      </c>
      <c r="E11134" s="6">
        <v>4871.1360000000004</v>
      </c>
    </row>
    <row r="11135" spans="4:5" x14ac:dyDescent="0.25">
      <c r="D11135" s="6">
        <v>1531.7829999999999</v>
      </c>
      <c r="E11135" s="6">
        <v>1185.153</v>
      </c>
    </row>
    <row r="11136" spans="4:5" x14ac:dyDescent="0.25">
      <c r="D11136" s="6">
        <v>485.59179999999998</v>
      </c>
      <c r="E11136" s="6">
        <v>1668.3019999999999</v>
      </c>
    </row>
    <row r="11137" spans="4:5" x14ac:dyDescent="0.25">
      <c r="D11137" s="6">
        <v>2089.4140000000002</v>
      </c>
      <c r="E11137" s="6">
        <v>834.5675</v>
      </c>
    </row>
    <row r="11138" spans="4:5" x14ac:dyDescent="0.25">
      <c r="D11138" s="6">
        <v>1990.482</v>
      </c>
      <c r="E11138" s="6">
        <v>413.57139999999998</v>
      </c>
    </row>
    <row r="11139" spans="4:5" x14ac:dyDescent="0.25">
      <c r="D11139" s="6">
        <v>1338.3869999999999</v>
      </c>
      <c r="E11139" s="6">
        <v>1155.1279999999999</v>
      </c>
    </row>
    <row r="11140" spans="4:5" x14ac:dyDescent="0.25">
      <c r="D11140" s="6">
        <v>1555.4939999999999</v>
      </c>
      <c r="E11140" s="6">
        <v>913.70299999999997</v>
      </c>
    </row>
    <row r="11141" spans="4:5" x14ac:dyDescent="0.25">
      <c r="D11141" s="6">
        <v>846.40480000000002</v>
      </c>
      <c r="E11141" s="6">
        <v>949.57090000000005</v>
      </c>
    </row>
    <row r="11142" spans="4:5" x14ac:dyDescent="0.25">
      <c r="D11142" s="6">
        <v>924.23889999999994</v>
      </c>
      <c r="E11142" s="6">
        <v>1257.1780000000001</v>
      </c>
    </row>
    <row r="11143" spans="4:5" x14ac:dyDescent="0.25">
      <c r="D11143" s="6">
        <v>1170.3720000000001</v>
      </c>
      <c r="E11143" s="6">
        <v>657.4547</v>
      </c>
    </row>
    <row r="11144" spans="4:5" x14ac:dyDescent="0.25">
      <c r="D11144" s="6">
        <v>650.84550000000002</v>
      </c>
      <c r="E11144" s="6">
        <v>1132.375</v>
      </c>
    </row>
    <row r="11145" spans="4:5" x14ac:dyDescent="0.25">
      <c r="D11145" s="6">
        <v>1799.9090000000001</v>
      </c>
      <c r="E11145" s="6">
        <v>2194.7710000000002</v>
      </c>
    </row>
    <row r="11146" spans="4:5" x14ac:dyDescent="0.25">
      <c r="D11146" s="6">
        <v>1383.23</v>
      </c>
      <c r="E11146" s="6">
        <v>910.54169999999999</v>
      </c>
    </row>
    <row r="11147" spans="4:5" x14ac:dyDescent="0.25">
      <c r="D11147" s="6">
        <v>1424.777</v>
      </c>
      <c r="E11147" s="6">
        <v>639.76700000000005</v>
      </c>
    </row>
    <row r="11148" spans="4:5" x14ac:dyDescent="0.25">
      <c r="D11148" s="6">
        <v>959.7921</v>
      </c>
      <c r="E11148" s="6">
        <v>1016.612</v>
      </c>
    </row>
    <row r="11149" spans="4:5" x14ac:dyDescent="0.25">
      <c r="D11149" s="6">
        <v>1457.08</v>
      </c>
      <c r="E11149" s="6">
        <v>1326.12</v>
      </c>
    </row>
    <row r="11150" spans="4:5" x14ac:dyDescent="0.25">
      <c r="D11150" s="6">
        <v>1255.2909999999999</v>
      </c>
      <c r="E11150" s="6">
        <v>1574.489</v>
      </c>
    </row>
    <row r="11151" spans="4:5" x14ac:dyDescent="0.25">
      <c r="D11151" s="6">
        <v>2612.1559999999999</v>
      </c>
      <c r="E11151" s="6">
        <v>631.45860000000005</v>
      </c>
    </row>
    <row r="11152" spans="4:5" x14ac:dyDescent="0.25">
      <c r="D11152" s="6">
        <v>1078.7460000000001</v>
      </c>
      <c r="E11152" s="6">
        <v>1018.876</v>
      </c>
    </row>
    <row r="11153" spans="4:5" x14ac:dyDescent="0.25">
      <c r="D11153" s="6">
        <v>835.58090000000004</v>
      </c>
      <c r="E11153" s="6">
        <v>936.31700000000001</v>
      </c>
    </row>
    <row r="11154" spans="4:5" x14ac:dyDescent="0.25">
      <c r="D11154" s="6">
        <v>1031.2560000000001</v>
      </c>
      <c r="E11154" s="6">
        <v>894.05420000000004</v>
      </c>
    </row>
    <row r="11155" spans="4:5" x14ac:dyDescent="0.25">
      <c r="D11155" s="6">
        <v>2714.944</v>
      </c>
      <c r="E11155" s="6">
        <v>591.851</v>
      </c>
    </row>
    <row r="11156" spans="4:5" x14ac:dyDescent="0.25">
      <c r="D11156" s="6">
        <v>1613.0309999999999</v>
      </c>
      <c r="E11156" s="6">
        <v>2610.9569999999999</v>
      </c>
    </row>
    <row r="11157" spans="4:5" x14ac:dyDescent="0.25">
      <c r="D11157" s="6">
        <v>1610.7349999999999</v>
      </c>
      <c r="E11157" s="6">
        <v>846.82140000000004</v>
      </c>
    </row>
    <row r="11158" spans="4:5" x14ac:dyDescent="0.25">
      <c r="D11158" s="6">
        <v>1183.405</v>
      </c>
      <c r="E11158" s="6">
        <v>871.74630000000002</v>
      </c>
    </row>
    <row r="11159" spans="4:5" x14ac:dyDescent="0.25">
      <c r="D11159" s="6">
        <v>2259.413</v>
      </c>
      <c r="E11159" s="6">
        <v>1064.1500000000001</v>
      </c>
    </row>
    <row r="11160" spans="4:5" x14ac:dyDescent="0.25">
      <c r="D11160" s="6">
        <v>2101.5659999999998</v>
      </c>
      <c r="E11160" s="6">
        <v>3966.6280000000002</v>
      </c>
    </row>
    <row r="11161" spans="4:5" x14ac:dyDescent="0.25">
      <c r="D11161" s="6">
        <v>1874.3109999999999</v>
      </c>
      <c r="E11161" s="6">
        <v>10016.34</v>
      </c>
    </row>
    <row r="11162" spans="4:5" x14ac:dyDescent="0.25">
      <c r="D11162" s="6">
        <v>1642.7470000000001</v>
      </c>
      <c r="E11162" s="6">
        <v>903.67600000000004</v>
      </c>
    </row>
    <row r="11163" spans="4:5" x14ac:dyDescent="0.25">
      <c r="D11163" s="6">
        <v>1860.568</v>
      </c>
      <c r="E11163" s="6">
        <v>2241.634</v>
      </c>
    </row>
    <row r="11164" spans="4:5" x14ac:dyDescent="0.25">
      <c r="D11164" s="6">
        <v>2770.779</v>
      </c>
      <c r="E11164" s="6">
        <v>1683.038</v>
      </c>
    </row>
    <row r="11165" spans="4:5" x14ac:dyDescent="0.25">
      <c r="D11165" s="6">
        <v>711.18650000000002</v>
      </c>
      <c r="E11165" s="6">
        <v>2699.7539999999999</v>
      </c>
    </row>
    <row r="11166" spans="4:5" x14ac:dyDescent="0.25">
      <c r="D11166" s="6">
        <v>2879.4349999999999</v>
      </c>
      <c r="E11166" s="6">
        <v>1768.6669999999999</v>
      </c>
    </row>
    <row r="11167" spans="4:5" x14ac:dyDescent="0.25">
      <c r="D11167" s="6">
        <v>8220.6790000000001</v>
      </c>
      <c r="E11167" s="6">
        <v>1314.0350000000001</v>
      </c>
    </row>
    <row r="11168" spans="4:5" x14ac:dyDescent="0.25">
      <c r="D11168" s="6">
        <v>1298.326</v>
      </c>
      <c r="E11168" s="6">
        <v>4764.25</v>
      </c>
    </row>
    <row r="11169" spans="4:5" x14ac:dyDescent="0.25">
      <c r="D11169" s="6">
        <v>822.41579999999999</v>
      </c>
      <c r="E11169" s="6">
        <v>1466.9449999999999</v>
      </c>
    </row>
    <row r="11170" spans="4:5" x14ac:dyDescent="0.25">
      <c r="D11170" s="6">
        <v>1374.6990000000001</v>
      </c>
      <c r="E11170" s="6">
        <v>2277.4119999999998</v>
      </c>
    </row>
    <row r="11171" spans="4:5" x14ac:dyDescent="0.25">
      <c r="D11171" s="6">
        <v>862.86210000000005</v>
      </c>
      <c r="E11171" s="6">
        <v>1136.2270000000001</v>
      </c>
    </row>
    <row r="11172" spans="4:5" x14ac:dyDescent="0.25">
      <c r="D11172" s="6">
        <v>1310.538</v>
      </c>
      <c r="E11172" s="6">
        <v>6490.277</v>
      </c>
    </row>
    <row r="11173" spans="4:5" x14ac:dyDescent="0.25">
      <c r="D11173" s="6">
        <v>4731.0110000000004</v>
      </c>
      <c r="E11173" s="6">
        <v>2198.6590000000001</v>
      </c>
    </row>
    <row r="11174" spans="4:5" x14ac:dyDescent="0.25">
      <c r="D11174" s="6">
        <v>4796</v>
      </c>
      <c r="E11174" s="6">
        <v>1124.5139999999999</v>
      </c>
    </row>
    <row r="11175" spans="4:5" x14ac:dyDescent="0.25">
      <c r="D11175" s="6">
        <v>878.79539999999997</v>
      </c>
      <c r="E11175" s="6">
        <v>588.0068</v>
      </c>
    </row>
    <row r="11176" spans="4:5" x14ac:dyDescent="0.25">
      <c r="D11176" s="6">
        <v>1478.8</v>
      </c>
      <c r="E11176" s="6">
        <v>6642.9549999999999</v>
      </c>
    </row>
    <row r="11177" spans="4:5" x14ac:dyDescent="0.25">
      <c r="D11177" s="6">
        <v>1712.73</v>
      </c>
      <c r="E11177" s="6">
        <v>608.80330000000004</v>
      </c>
    </row>
    <row r="11178" spans="4:5" x14ac:dyDescent="0.25">
      <c r="D11178" s="6">
        <v>745.77930000000003</v>
      </c>
      <c r="E11178" s="6">
        <v>5705.2669999999998</v>
      </c>
    </row>
    <row r="11179" spans="4:5" x14ac:dyDescent="0.25">
      <c r="D11179" s="6">
        <v>1001.232</v>
      </c>
      <c r="E11179" s="6">
        <v>799.82140000000004</v>
      </c>
    </row>
    <row r="11180" spans="4:5" x14ac:dyDescent="0.25">
      <c r="D11180" s="6">
        <v>990.07820000000004</v>
      </c>
      <c r="E11180" s="6">
        <v>1247.413</v>
      </c>
    </row>
    <row r="11181" spans="4:5" x14ac:dyDescent="0.25">
      <c r="D11181" s="6">
        <v>1341.6210000000001</v>
      </c>
      <c r="E11181" s="6">
        <v>4609.4369999999999</v>
      </c>
    </row>
    <row r="11182" spans="4:5" x14ac:dyDescent="0.25">
      <c r="D11182" s="6">
        <v>1412.9179999999999</v>
      </c>
      <c r="E11182" s="6">
        <v>1403.259</v>
      </c>
    </row>
    <row r="11183" spans="4:5" x14ac:dyDescent="0.25">
      <c r="D11183" s="6">
        <v>1242.9580000000001</v>
      </c>
      <c r="E11183" s="6">
        <v>5896.299</v>
      </c>
    </row>
    <row r="11184" spans="4:5" x14ac:dyDescent="0.25">
      <c r="D11184" s="6">
        <v>969.08920000000001</v>
      </c>
      <c r="E11184" s="6">
        <v>7912.0540000000001</v>
      </c>
    </row>
    <row r="11185" spans="4:5" x14ac:dyDescent="0.25">
      <c r="D11185" s="6">
        <v>5428.9759999999997</v>
      </c>
      <c r="E11185" s="6">
        <v>592.72670000000005</v>
      </c>
    </row>
    <row r="11186" spans="4:5" x14ac:dyDescent="0.25">
      <c r="D11186" s="6">
        <v>753.10760000000005</v>
      </c>
      <c r="E11186" s="6">
        <v>6885.5290000000005</v>
      </c>
    </row>
    <row r="11187" spans="4:5" x14ac:dyDescent="0.25">
      <c r="D11187" s="6">
        <v>5607.8490000000002</v>
      </c>
      <c r="E11187" s="6">
        <v>867.07119999999998</v>
      </c>
    </row>
    <row r="11188" spans="4:5" x14ac:dyDescent="0.25">
      <c r="D11188" s="6">
        <v>822.69349999999997</v>
      </c>
      <c r="E11188" s="6">
        <v>1318.7460000000001</v>
      </c>
    </row>
    <row r="11189" spans="4:5" x14ac:dyDescent="0.25">
      <c r="D11189" s="6">
        <v>2741.308</v>
      </c>
      <c r="E11189" s="6">
        <v>993.35509999999999</v>
      </c>
    </row>
    <row r="11190" spans="4:5" x14ac:dyDescent="0.25">
      <c r="D11190" s="6">
        <v>1331.6579999999999</v>
      </c>
      <c r="E11190" s="6">
        <v>514.39179999999999</v>
      </c>
    </row>
    <row r="11191" spans="4:5" x14ac:dyDescent="0.25">
      <c r="D11191" s="6">
        <v>1373.57</v>
      </c>
      <c r="E11191" s="6">
        <v>1047.088</v>
      </c>
    </row>
    <row r="11192" spans="4:5" x14ac:dyDescent="0.25">
      <c r="D11192" s="6">
        <v>3214.2640000000001</v>
      </c>
      <c r="E11192" s="6">
        <v>8567.1470000000008</v>
      </c>
    </row>
    <row r="11193" spans="4:5" x14ac:dyDescent="0.25">
      <c r="D11193" s="6">
        <v>1691.191</v>
      </c>
      <c r="E11193" s="6">
        <v>561.40319999999997</v>
      </c>
    </row>
    <row r="11194" spans="4:5" x14ac:dyDescent="0.25">
      <c r="D11194" s="6">
        <v>837.73540000000003</v>
      </c>
      <c r="E11194" s="6">
        <v>1642.9559999999999</v>
      </c>
    </row>
    <row r="11195" spans="4:5" x14ac:dyDescent="0.25">
      <c r="D11195" s="6">
        <v>4895.4570000000003</v>
      </c>
      <c r="E11195" s="6">
        <v>586.72230000000002</v>
      </c>
    </row>
    <row r="11196" spans="4:5" x14ac:dyDescent="0.25">
      <c r="D11196" s="6">
        <v>850.36659999999995</v>
      </c>
      <c r="E11196" s="6">
        <v>1050.4280000000001</v>
      </c>
    </row>
    <row r="11197" spans="4:5" x14ac:dyDescent="0.25">
      <c r="D11197" s="6">
        <v>1318.758</v>
      </c>
      <c r="E11197" s="6">
        <v>1089.2139999999999</v>
      </c>
    </row>
    <row r="11198" spans="4:5" x14ac:dyDescent="0.25">
      <c r="D11198" s="6">
        <v>1177.597</v>
      </c>
      <c r="E11198" s="6">
        <v>1002.106</v>
      </c>
    </row>
    <row r="11199" spans="4:5" x14ac:dyDescent="0.25">
      <c r="D11199" s="6">
        <v>783.61850000000004</v>
      </c>
      <c r="E11199" s="6">
        <v>472.28</v>
      </c>
    </row>
    <row r="11200" spans="4:5" x14ac:dyDescent="0.25">
      <c r="D11200" s="6">
        <v>1280.9690000000001</v>
      </c>
      <c r="E11200" s="6">
        <v>595.59730000000002</v>
      </c>
    </row>
    <row r="11201" spans="4:5" x14ac:dyDescent="0.25">
      <c r="D11201" s="6">
        <v>1646.713</v>
      </c>
      <c r="E11201" s="6">
        <v>1727.9359999999999</v>
      </c>
    </row>
    <row r="11202" spans="4:5" x14ac:dyDescent="0.25">
      <c r="D11202" s="6">
        <v>837.6</v>
      </c>
      <c r="E11202" s="6">
        <v>1893.6410000000001</v>
      </c>
    </row>
    <row r="11203" spans="4:5" x14ac:dyDescent="0.25">
      <c r="D11203" s="6">
        <v>7732.2160000000003</v>
      </c>
      <c r="E11203" s="6">
        <v>2452.3420000000001</v>
      </c>
    </row>
    <row r="11204" spans="4:5" x14ac:dyDescent="0.25">
      <c r="D11204" s="6">
        <v>642.7287</v>
      </c>
      <c r="E11204" s="6">
        <v>9954.0810000000001</v>
      </c>
    </row>
    <row r="11205" spans="4:5" x14ac:dyDescent="0.25">
      <c r="D11205" s="6">
        <v>1131.5609999999999</v>
      </c>
      <c r="E11205" s="6">
        <v>1529.777</v>
      </c>
    </row>
    <row r="11206" spans="4:5" x14ac:dyDescent="0.25">
      <c r="D11206" s="6">
        <v>2053.4789999999998</v>
      </c>
      <c r="E11206" s="6">
        <v>2099.7150000000001</v>
      </c>
    </row>
    <row r="11207" spans="4:5" x14ac:dyDescent="0.25">
      <c r="D11207" s="6">
        <v>1672.691</v>
      </c>
      <c r="E11207" s="6">
        <v>1850.3420000000001</v>
      </c>
    </row>
    <row r="11208" spans="4:5" x14ac:dyDescent="0.25">
      <c r="D11208" s="6">
        <v>1097.3820000000001</v>
      </c>
      <c r="E11208" s="6">
        <v>1091.2750000000001</v>
      </c>
    </row>
    <row r="11209" spans="4:5" x14ac:dyDescent="0.25">
      <c r="D11209" s="6">
        <v>631.95150000000001</v>
      </c>
      <c r="E11209" s="6">
        <v>932.44010000000003</v>
      </c>
    </row>
    <row r="11210" spans="4:5" x14ac:dyDescent="0.25">
      <c r="D11210" s="6">
        <v>566.29999999999995</v>
      </c>
      <c r="E11210" s="6">
        <v>764.17560000000003</v>
      </c>
    </row>
    <row r="11211" spans="4:5" x14ac:dyDescent="0.25">
      <c r="D11211" s="6">
        <v>2759.0259999999998</v>
      </c>
      <c r="E11211" s="6">
        <v>1506.317</v>
      </c>
    </row>
    <row r="11212" spans="4:5" x14ac:dyDescent="0.25">
      <c r="D11212" s="6">
        <v>709.35990000000004</v>
      </c>
      <c r="E11212" s="6">
        <v>1404.7270000000001</v>
      </c>
    </row>
    <row r="11213" spans="4:5" x14ac:dyDescent="0.25">
      <c r="D11213" s="6">
        <v>1260.0360000000001</v>
      </c>
      <c r="E11213" s="6">
        <v>560.97230000000002</v>
      </c>
    </row>
    <row r="11214" spans="4:5" x14ac:dyDescent="0.25">
      <c r="D11214" s="6">
        <v>963.51919999999996</v>
      </c>
      <c r="E11214" s="6">
        <v>1694.5029999999999</v>
      </c>
    </row>
    <row r="11215" spans="4:5" x14ac:dyDescent="0.25">
      <c r="D11215" s="6">
        <v>3108.125</v>
      </c>
      <c r="E11215" s="6">
        <v>1556.181</v>
      </c>
    </row>
    <row r="11216" spans="4:5" x14ac:dyDescent="0.25">
      <c r="D11216" s="6">
        <v>1536.3820000000001</v>
      </c>
      <c r="E11216" s="6">
        <v>1450.0340000000001</v>
      </c>
    </row>
    <row r="11217" spans="4:5" x14ac:dyDescent="0.25">
      <c r="D11217" s="6">
        <v>1259.5609999999999</v>
      </c>
      <c r="E11217" s="6">
        <v>5307.0450000000001</v>
      </c>
    </row>
    <row r="11218" spans="4:5" x14ac:dyDescent="0.25">
      <c r="D11218" s="6">
        <v>789.92439999999999</v>
      </c>
      <c r="E11218" s="6">
        <v>753.75</v>
      </c>
    </row>
    <row r="11219" spans="4:5" x14ac:dyDescent="0.25">
      <c r="D11219" s="6">
        <v>1821.2670000000001</v>
      </c>
      <c r="E11219" s="6">
        <v>1757.9159999999999</v>
      </c>
    </row>
    <row r="11220" spans="4:5" x14ac:dyDescent="0.25">
      <c r="D11220" s="6">
        <v>1614.82</v>
      </c>
      <c r="E11220" s="6">
        <v>2650.2510000000002</v>
      </c>
    </row>
    <row r="11221" spans="4:5" x14ac:dyDescent="0.25">
      <c r="D11221" s="6">
        <v>1013.332</v>
      </c>
      <c r="E11221" s="6">
        <v>721.64559999999994</v>
      </c>
    </row>
    <row r="11222" spans="4:5" x14ac:dyDescent="0.25">
      <c r="D11222" s="6">
        <v>3030.35</v>
      </c>
      <c r="E11222" s="6">
        <v>1808.567</v>
      </c>
    </row>
    <row r="11223" spans="4:5" x14ac:dyDescent="0.25">
      <c r="D11223" s="6">
        <v>424.3</v>
      </c>
      <c r="E11223" s="6">
        <v>1918.894</v>
      </c>
    </row>
    <row r="11224" spans="4:5" x14ac:dyDescent="0.25">
      <c r="D11224" s="6">
        <v>1482.056</v>
      </c>
      <c r="E11224" s="6">
        <v>599.48810000000003</v>
      </c>
    </row>
    <row r="11225" spans="4:5" x14ac:dyDescent="0.25">
      <c r="D11225" s="6">
        <v>1478.212</v>
      </c>
      <c r="E11225" s="6">
        <v>706.39940000000001</v>
      </c>
    </row>
    <row r="11226" spans="4:5" x14ac:dyDescent="0.25">
      <c r="D11226" s="6">
        <v>815.81970000000001</v>
      </c>
      <c r="E11226" s="6">
        <v>784.84389999999996</v>
      </c>
    </row>
    <row r="11227" spans="4:5" x14ac:dyDescent="0.25">
      <c r="D11227" s="6">
        <v>1078.0139999999999</v>
      </c>
      <c r="E11227" s="6">
        <v>3868.9250000000002</v>
      </c>
    </row>
    <row r="11228" spans="4:5" x14ac:dyDescent="0.25">
      <c r="D11228" s="6">
        <v>5706.5640000000003</v>
      </c>
      <c r="E11228" s="6">
        <v>748.56230000000005</v>
      </c>
    </row>
    <row r="11229" spans="4:5" x14ac:dyDescent="0.25">
      <c r="D11229" s="6">
        <v>2388.0479999999998</v>
      </c>
      <c r="E11229" s="6">
        <v>1406.5509999999999</v>
      </c>
    </row>
    <row r="11230" spans="4:5" x14ac:dyDescent="0.25">
      <c r="D11230" s="6">
        <v>1765.3440000000001</v>
      </c>
      <c r="E11230" s="6">
        <v>1315.2270000000001</v>
      </c>
    </row>
    <row r="11231" spans="4:5" x14ac:dyDescent="0.25">
      <c r="D11231" s="6">
        <v>1824.4259999999999</v>
      </c>
      <c r="E11231" s="6">
        <v>1552.8130000000001</v>
      </c>
    </row>
    <row r="11232" spans="4:5" x14ac:dyDescent="0.25">
      <c r="D11232" s="6">
        <v>6144.9870000000001</v>
      </c>
      <c r="E11232" s="6">
        <v>605.62419999999997</v>
      </c>
    </row>
    <row r="11233" spans="4:5" x14ac:dyDescent="0.25">
      <c r="D11233" s="6">
        <v>3904.9490000000001</v>
      </c>
      <c r="E11233" s="6">
        <v>5004.4170000000004</v>
      </c>
    </row>
    <row r="11234" spans="4:5" x14ac:dyDescent="0.25">
      <c r="D11234" s="6">
        <v>1470.4970000000001</v>
      </c>
      <c r="E11234" s="6">
        <v>1837.7460000000001</v>
      </c>
    </row>
    <row r="11235" spans="4:5" x14ac:dyDescent="0.25">
      <c r="D11235" s="6">
        <v>1241.9369999999999</v>
      </c>
      <c r="E11235" s="6">
        <v>1939.5609999999999</v>
      </c>
    </row>
    <row r="11236" spans="4:5" x14ac:dyDescent="0.25">
      <c r="D11236" s="6">
        <v>937.25540000000001</v>
      </c>
      <c r="E11236" s="6">
        <v>419.9957</v>
      </c>
    </row>
    <row r="11237" spans="4:5" x14ac:dyDescent="0.25">
      <c r="D11237" s="6">
        <v>5835.4560000000001</v>
      </c>
      <c r="E11237" s="6">
        <v>9656.7720000000008</v>
      </c>
    </row>
    <row r="11238" spans="4:5" x14ac:dyDescent="0.25">
      <c r="D11238" s="6">
        <v>1239.221</v>
      </c>
      <c r="E11238" s="6">
        <v>2165.212</v>
      </c>
    </row>
    <row r="11239" spans="4:5" x14ac:dyDescent="0.25">
      <c r="D11239" s="6">
        <v>1950.606</v>
      </c>
      <c r="E11239" s="6">
        <v>1566.3579999999999</v>
      </c>
    </row>
    <row r="11240" spans="4:5" x14ac:dyDescent="0.25">
      <c r="D11240" s="6">
        <v>623.8347</v>
      </c>
      <c r="E11240" s="6">
        <v>1468.5160000000001</v>
      </c>
    </row>
    <row r="11241" spans="4:5" x14ac:dyDescent="0.25">
      <c r="D11241" s="6">
        <v>909.68920000000003</v>
      </c>
      <c r="E11241" s="6">
        <v>942.39250000000004</v>
      </c>
    </row>
    <row r="11242" spans="4:5" x14ac:dyDescent="0.25">
      <c r="D11242" s="6">
        <v>1408.2180000000001</v>
      </c>
      <c r="E11242" s="6">
        <v>1619.884</v>
      </c>
    </row>
    <row r="11243" spans="4:5" x14ac:dyDescent="0.25">
      <c r="D11243" s="6">
        <v>693.65390000000002</v>
      </c>
      <c r="E11243" s="6">
        <v>1102.0730000000001</v>
      </c>
    </row>
    <row r="11244" spans="4:5" x14ac:dyDescent="0.25">
      <c r="D11244" s="6">
        <v>2275</v>
      </c>
      <c r="E11244" s="6">
        <v>3449</v>
      </c>
    </row>
    <row r="11245" spans="4:5" x14ac:dyDescent="0.25">
      <c r="D11245" s="6">
        <v>1699.5</v>
      </c>
      <c r="E11245" s="6">
        <v>1659.7819999999999</v>
      </c>
    </row>
    <row r="11246" spans="4:5" x14ac:dyDescent="0.25">
      <c r="D11246" s="6">
        <v>1545.761</v>
      </c>
      <c r="E11246" s="6">
        <v>1408.799</v>
      </c>
    </row>
    <row r="11247" spans="4:5" x14ac:dyDescent="0.25">
      <c r="D11247" s="6">
        <v>1692.925</v>
      </c>
      <c r="E11247" s="6">
        <v>346.89490000000001</v>
      </c>
    </row>
    <row r="11248" spans="4:5" x14ac:dyDescent="0.25">
      <c r="D11248" s="6">
        <v>902.78359999999998</v>
      </c>
      <c r="E11248" s="6">
        <v>853.79960000000005</v>
      </c>
    </row>
    <row r="11249" spans="4:5" x14ac:dyDescent="0.25">
      <c r="D11249" s="6">
        <v>1156.587</v>
      </c>
      <c r="E11249" s="6">
        <v>2848.0050000000001</v>
      </c>
    </row>
    <row r="11250" spans="4:5" x14ac:dyDescent="0.25">
      <c r="D11250" s="6">
        <v>7751.1790000000001</v>
      </c>
      <c r="E11250" s="6">
        <v>847.24670000000003</v>
      </c>
    </row>
    <row r="11251" spans="4:5" x14ac:dyDescent="0.25">
      <c r="D11251" s="6">
        <v>1643.2650000000001</v>
      </c>
      <c r="E11251" s="6">
        <v>1648.377</v>
      </c>
    </row>
    <row r="11252" spans="4:5" x14ac:dyDescent="0.25">
      <c r="D11252" s="6">
        <v>1035.9680000000001</v>
      </c>
      <c r="E11252" s="6">
        <v>1345.538</v>
      </c>
    </row>
    <row r="11253" spans="4:5" x14ac:dyDescent="0.25">
      <c r="D11253" s="6">
        <v>1414.5350000000001</v>
      </c>
      <c r="E11253" s="6">
        <v>1190.317</v>
      </c>
    </row>
    <row r="11254" spans="4:5" x14ac:dyDescent="0.25">
      <c r="D11254" s="6">
        <v>850.77350000000001</v>
      </c>
      <c r="E11254" s="6">
        <v>805.31470000000002</v>
      </c>
    </row>
    <row r="11255" spans="4:5" x14ac:dyDescent="0.25">
      <c r="D11255" s="6">
        <v>1497.914</v>
      </c>
      <c r="E11255" s="6">
        <v>1093.9159999999999</v>
      </c>
    </row>
    <row r="11256" spans="4:5" x14ac:dyDescent="0.25">
      <c r="D11256" s="6">
        <v>622.33879999999999</v>
      </c>
      <c r="E11256" s="6">
        <v>2248.9229999999998</v>
      </c>
    </row>
    <row r="11257" spans="4:5" x14ac:dyDescent="0.25">
      <c r="D11257" s="6">
        <v>698.55349999999999</v>
      </c>
      <c r="E11257" s="6">
        <v>3479.1390000000001</v>
      </c>
    </row>
    <row r="11258" spans="4:5" x14ac:dyDescent="0.25">
      <c r="D11258" s="6">
        <v>1704.251</v>
      </c>
      <c r="E11258" s="6">
        <v>1649.8969999999999</v>
      </c>
    </row>
    <row r="11259" spans="4:5" x14ac:dyDescent="0.25">
      <c r="D11259" s="6">
        <v>714.66179999999997</v>
      </c>
      <c r="E11259" s="6">
        <v>465.72660000000002</v>
      </c>
    </row>
    <row r="11260" spans="4:5" x14ac:dyDescent="0.25">
      <c r="D11260" s="6">
        <v>1263.4739999999999</v>
      </c>
      <c r="E11260" s="6">
        <v>1103.5250000000001</v>
      </c>
    </row>
    <row r="11261" spans="4:5" x14ac:dyDescent="0.25">
      <c r="D11261" s="6">
        <v>1462.133</v>
      </c>
      <c r="E11261" s="6">
        <v>2083.6930000000002</v>
      </c>
    </row>
    <row r="11262" spans="4:5" x14ac:dyDescent="0.25">
      <c r="D11262" s="6">
        <v>1172.7829999999999</v>
      </c>
      <c r="E11262" s="6">
        <v>676.72659999999996</v>
      </c>
    </row>
    <row r="11263" spans="4:5" x14ac:dyDescent="0.25">
      <c r="D11263" s="6">
        <v>898.78009999999995</v>
      </c>
      <c r="E11263" s="6">
        <v>703.73630000000003</v>
      </c>
    </row>
    <row r="11264" spans="4:5" x14ac:dyDescent="0.25">
      <c r="D11264" s="6">
        <v>1734.1279999999999</v>
      </c>
      <c r="E11264" s="6">
        <v>1697.1949999999999</v>
      </c>
    </row>
    <row r="11265" spans="4:5" x14ac:dyDescent="0.25">
      <c r="D11265" s="6">
        <v>489.30610000000001</v>
      </c>
      <c r="E11265" s="6">
        <v>492.63580000000002</v>
      </c>
    </row>
    <row r="11266" spans="4:5" x14ac:dyDescent="0.25">
      <c r="D11266" s="6">
        <v>1358.751</v>
      </c>
      <c r="E11266" s="6">
        <v>1173.8389999999999</v>
      </c>
    </row>
    <row r="11267" spans="4:5" x14ac:dyDescent="0.25">
      <c r="D11267" s="6">
        <v>6678.4939999999997</v>
      </c>
      <c r="E11267" s="6">
        <v>2747.098</v>
      </c>
    </row>
    <row r="11268" spans="4:5" x14ac:dyDescent="0.25">
      <c r="D11268" s="6">
        <v>1075.857</v>
      </c>
      <c r="E11268" s="6">
        <v>2225.2739999999999</v>
      </c>
    </row>
    <row r="11269" spans="4:5" x14ac:dyDescent="0.25">
      <c r="D11269" s="6">
        <v>1610.9290000000001</v>
      </c>
      <c r="E11269" s="6">
        <v>455.18549999999999</v>
      </c>
    </row>
    <row r="11270" spans="4:5" x14ac:dyDescent="0.25">
      <c r="D11270" s="6">
        <v>2352.21</v>
      </c>
      <c r="E11270" s="6">
        <v>2009.1010000000001</v>
      </c>
    </row>
    <row r="11271" spans="4:5" x14ac:dyDescent="0.25">
      <c r="D11271" s="6">
        <v>1301.8589999999999</v>
      </c>
      <c r="E11271" s="6">
        <v>1083.152</v>
      </c>
    </row>
    <row r="11272" spans="4:5" x14ac:dyDescent="0.25">
      <c r="D11272" s="6">
        <v>923.88279999999997</v>
      </c>
      <c r="E11272" s="6">
        <v>1075.0440000000001</v>
      </c>
    </row>
    <row r="11273" spans="4:5" x14ac:dyDescent="0.25">
      <c r="D11273" s="6">
        <v>556.49530000000004</v>
      </c>
      <c r="E11273" s="6">
        <v>762.39700000000005</v>
      </c>
    </row>
    <row r="11274" spans="4:5" x14ac:dyDescent="0.25">
      <c r="D11274" s="6">
        <v>964.52809999999999</v>
      </c>
      <c r="E11274" s="6">
        <v>8947.8790000000008</v>
      </c>
    </row>
    <row r="11275" spans="4:5" x14ac:dyDescent="0.25">
      <c r="D11275" s="6">
        <v>869.1028</v>
      </c>
      <c r="E11275" s="6">
        <v>483.267</v>
      </c>
    </row>
    <row r="11276" spans="4:5" x14ac:dyDescent="0.25">
      <c r="D11276" s="6">
        <v>1807.702</v>
      </c>
      <c r="E11276" s="6">
        <v>855.67510000000004</v>
      </c>
    </row>
    <row r="11277" spans="4:5" x14ac:dyDescent="0.25">
      <c r="D11277" s="6">
        <v>1723.5830000000001</v>
      </c>
      <c r="E11277" s="6">
        <v>1624.134</v>
      </c>
    </row>
    <row r="11278" spans="4:5" x14ac:dyDescent="0.25">
      <c r="D11278" s="6">
        <v>824.91560000000004</v>
      </c>
      <c r="E11278" s="6">
        <v>1234.029</v>
      </c>
    </row>
    <row r="11279" spans="4:5" x14ac:dyDescent="0.25">
      <c r="D11279" s="6">
        <v>951.17</v>
      </c>
      <c r="E11279" s="6">
        <v>1010.679</v>
      </c>
    </row>
    <row r="11280" spans="4:5" x14ac:dyDescent="0.25">
      <c r="D11280" s="6">
        <v>6138.3559999999998</v>
      </c>
      <c r="E11280" s="6">
        <v>583.30880000000002</v>
      </c>
    </row>
    <row r="11281" spans="4:5" x14ac:dyDescent="0.25">
      <c r="D11281" s="6">
        <v>970.59059999999999</v>
      </c>
      <c r="E11281" s="6">
        <v>1146.44</v>
      </c>
    </row>
    <row r="11282" spans="4:5" x14ac:dyDescent="0.25">
      <c r="D11282" s="6">
        <v>1154.1980000000001</v>
      </c>
      <c r="E11282" s="6">
        <v>2163.953</v>
      </c>
    </row>
    <row r="11283" spans="4:5" x14ac:dyDescent="0.25">
      <c r="D11283" s="6">
        <v>1795.9380000000001</v>
      </c>
      <c r="E11283" s="6">
        <v>5198.7359999999999</v>
      </c>
    </row>
    <row r="11284" spans="4:5" x14ac:dyDescent="0.25">
      <c r="D11284" s="6">
        <v>1432.165</v>
      </c>
      <c r="E11284" s="6">
        <v>952.87199999999996</v>
      </c>
    </row>
    <row r="11285" spans="4:5" x14ac:dyDescent="0.25">
      <c r="D11285" s="6">
        <v>742.63160000000005</v>
      </c>
      <c r="E11285" s="6">
        <v>1768.4680000000001</v>
      </c>
    </row>
    <row r="11286" spans="4:5" x14ac:dyDescent="0.25">
      <c r="D11286" s="6">
        <v>2046.836</v>
      </c>
      <c r="E11286" s="6">
        <v>1871.383</v>
      </c>
    </row>
    <row r="11287" spans="4:5" x14ac:dyDescent="0.25">
      <c r="D11287" s="6">
        <v>1156.1959999999999</v>
      </c>
      <c r="E11287" s="6">
        <v>725.61410000000001</v>
      </c>
    </row>
    <row r="11288" spans="4:5" x14ac:dyDescent="0.25">
      <c r="D11288" s="6">
        <v>884.41459999999995</v>
      </c>
      <c r="E11288" s="6">
        <v>709.51790000000005</v>
      </c>
    </row>
    <row r="11289" spans="4:5" x14ac:dyDescent="0.25">
      <c r="D11289" s="6">
        <v>1686.9570000000001</v>
      </c>
      <c r="E11289" s="6">
        <v>7113.5309999999999</v>
      </c>
    </row>
    <row r="11290" spans="4:5" x14ac:dyDescent="0.25">
      <c r="D11290" s="6">
        <v>922.90239999999994</v>
      </c>
      <c r="E11290" s="6">
        <v>1436.595</v>
      </c>
    </row>
    <row r="11291" spans="4:5" x14ac:dyDescent="0.25">
      <c r="D11291" s="6">
        <v>1751.806</v>
      </c>
      <c r="E11291" s="6">
        <v>652.9117</v>
      </c>
    </row>
    <row r="11292" spans="4:5" x14ac:dyDescent="0.25">
      <c r="D11292" s="6">
        <v>1387.4949999999999</v>
      </c>
      <c r="E11292" s="6">
        <v>4664.5860000000002</v>
      </c>
    </row>
    <row r="11293" spans="4:5" x14ac:dyDescent="0.25">
      <c r="D11293" s="6">
        <v>1175.8219999999999</v>
      </c>
      <c r="E11293" s="6">
        <v>2171.4589999999998</v>
      </c>
    </row>
    <row r="11294" spans="4:5" x14ac:dyDescent="0.25">
      <c r="D11294" s="6">
        <v>2375.355</v>
      </c>
      <c r="E11294" s="6">
        <v>2086.5169999999998</v>
      </c>
    </row>
    <row r="11295" spans="4:5" x14ac:dyDescent="0.25">
      <c r="D11295" s="6">
        <v>989.20150000000001</v>
      </c>
      <c r="E11295" s="6">
        <v>835.85889999999995</v>
      </c>
    </row>
    <row r="11296" spans="4:5" x14ac:dyDescent="0.25">
      <c r="D11296" s="6">
        <v>2964.9450000000002</v>
      </c>
      <c r="E11296" s="6">
        <v>1098.4000000000001</v>
      </c>
    </row>
    <row r="11297" spans="4:5" x14ac:dyDescent="0.25">
      <c r="D11297" s="6">
        <v>1801.43</v>
      </c>
      <c r="E11297" s="6">
        <v>3060.1390000000001</v>
      </c>
    </row>
    <row r="11298" spans="4:5" x14ac:dyDescent="0.25">
      <c r="D11298" s="6">
        <v>1379.845</v>
      </c>
      <c r="E11298" s="6">
        <v>1795.5219999999999</v>
      </c>
    </row>
    <row r="11299" spans="4:5" x14ac:dyDescent="0.25">
      <c r="D11299" s="6">
        <v>1542.79</v>
      </c>
      <c r="E11299" s="6">
        <v>2139.0529999999999</v>
      </c>
    </row>
    <row r="11300" spans="4:5" x14ac:dyDescent="0.25">
      <c r="D11300" s="6">
        <v>985.59960000000001</v>
      </c>
      <c r="E11300" s="6">
        <v>1547.8579999999999</v>
      </c>
    </row>
    <row r="11301" spans="4:5" x14ac:dyDescent="0.25">
      <c r="D11301" s="6">
        <v>1247.1479999999999</v>
      </c>
      <c r="E11301" s="6">
        <v>448.69529999999997</v>
      </c>
    </row>
    <row r="11302" spans="4:5" x14ac:dyDescent="0.25">
      <c r="D11302" s="6">
        <v>2048.6210000000001</v>
      </c>
      <c r="E11302" s="6">
        <v>688.34839999999997</v>
      </c>
    </row>
    <row r="11303" spans="4:5" x14ac:dyDescent="0.25">
      <c r="D11303" s="6">
        <v>3506.2579999999998</v>
      </c>
      <c r="E11303" s="6">
        <v>1184.0239999999999</v>
      </c>
    </row>
    <row r="11304" spans="4:5" x14ac:dyDescent="0.25">
      <c r="D11304" s="6">
        <v>1376.701</v>
      </c>
      <c r="E11304" s="6">
        <v>1965.76</v>
      </c>
    </row>
    <row r="11305" spans="4:5" x14ac:dyDescent="0.25">
      <c r="D11305" s="6">
        <v>1181.0060000000001</v>
      </c>
      <c r="E11305" s="6">
        <v>987.2201</v>
      </c>
    </row>
    <row r="11306" spans="4:5" x14ac:dyDescent="0.25">
      <c r="D11306" s="6">
        <v>655.89319999999998</v>
      </c>
      <c r="E11306" s="6">
        <v>1220.5820000000001</v>
      </c>
    </row>
    <row r="11307" spans="4:5" x14ac:dyDescent="0.25">
      <c r="D11307" s="6">
        <v>789.99019999999996</v>
      </c>
      <c r="E11307" s="6">
        <v>324.2328</v>
      </c>
    </row>
    <row r="11308" spans="4:5" x14ac:dyDescent="0.25">
      <c r="D11308" s="6">
        <v>1204.78</v>
      </c>
      <c r="E11308" s="6">
        <v>1462.76</v>
      </c>
    </row>
    <row r="11309" spans="4:5" x14ac:dyDescent="0.25">
      <c r="D11309" s="6">
        <v>3662.9319999999998</v>
      </c>
      <c r="E11309" s="6">
        <v>1697.9829999999999</v>
      </c>
    </row>
    <row r="11310" spans="4:5" x14ac:dyDescent="0.25">
      <c r="D11310" s="6">
        <v>1638.421</v>
      </c>
      <c r="E11310" s="6">
        <v>2244.375</v>
      </c>
    </row>
    <row r="11311" spans="4:5" x14ac:dyDescent="0.25">
      <c r="D11311" s="6">
        <v>486.08330000000001</v>
      </c>
      <c r="E11311" s="6">
        <v>737.33230000000003</v>
      </c>
    </row>
    <row r="11312" spans="4:5" x14ac:dyDescent="0.25">
      <c r="D11312" s="6">
        <v>778.92240000000004</v>
      </c>
      <c r="E11312" s="6">
        <v>1035.7840000000001</v>
      </c>
    </row>
    <row r="11313" spans="4:5" x14ac:dyDescent="0.25">
      <c r="D11313" s="6">
        <v>501.4</v>
      </c>
      <c r="E11313" s="6">
        <v>868.05830000000003</v>
      </c>
    </row>
    <row r="11314" spans="4:5" x14ac:dyDescent="0.25">
      <c r="D11314" s="6">
        <v>2916.7159999999999</v>
      </c>
      <c r="E11314" s="6">
        <v>475.5455</v>
      </c>
    </row>
    <row r="11315" spans="4:5" x14ac:dyDescent="0.25">
      <c r="D11315" s="6">
        <v>962.09640000000002</v>
      </c>
      <c r="E11315" s="6">
        <v>435.11799999999999</v>
      </c>
    </row>
    <row r="11316" spans="4:5" x14ac:dyDescent="0.25">
      <c r="D11316" s="6">
        <v>566.60220000000004</v>
      </c>
      <c r="E11316" s="6">
        <v>1340.83</v>
      </c>
    </row>
    <row r="11317" spans="4:5" x14ac:dyDescent="0.25">
      <c r="D11317" s="6">
        <v>1611.8209999999999</v>
      </c>
      <c r="E11317" s="6">
        <v>377.76920000000001</v>
      </c>
    </row>
    <row r="11318" spans="4:5" x14ac:dyDescent="0.25">
      <c r="D11318" s="6">
        <v>908.86850000000004</v>
      </c>
      <c r="E11318" s="6">
        <v>2088.884</v>
      </c>
    </row>
    <row r="11319" spans="4:5" x14ac:dyDescent="0.25">
      <c r="D11319" s="6">
        <v>786.95320000000004</v>
      </c>
      <c r="E11319" s="6">
        <v>528.78279999999995</v>
      </c>
    </row>
    <row r="11320" spans="4:5" x14ac:dyDescent="0.25">
      <c r="D11320" s="6">
        <v>1647.0070000000001</v>
      </c>
      <c r="E11320" s="6">
        <v>866.42240000000004</v>
      </c>
    </row>
    <row r="11321" spans="4:5" x14ac:dyDescent="0.25">
      <c r="D11321" s="6">
        <v>765.31280000000004</v>
      </c>
      <c r="E11321" s="6">
        <v>913.45370000000003</v>
      </c>
    </row>
    <row r="11322" spans="4:5" x14ac:dyDescent="0.25">
      <c r="D11322" s="6">
        <v>147.99520000000001</v>
      </c>
      <c r="E11322" s="6">
        <v>690.77250000000004</v>
      </c>
    </row>
    <row r="11323" spans="4:5" x14ac:dyDescent="0.25">
      <c r="D11323" s="6">
        <v>2297.665</v>
      </c>
      <c r="E11323" s="6">
        <v>2436.1350000000002</v>
      </c>
    </row>
    <row r="11324" spans="4:5" x14ac:dyDescent="0.25">
      <c r="D11324" s="6">
        <v>903.3433</v>
      </c>
      <c r="E11324" s="6">
        <v>932.42330000000004</v>
      </c>
    </row>
    <row r="11325" spans="4:5" x14ac:dyDescent="0.25">
      <c r="D11325" s="6">
        <v>1265.367</v>
      </c>
      <c r="E11325" s="6">
        <v>899.07190000000003</v>
      </c>
    </row>
    <row r="11326" spans="4:5" x14ac:dyDescent="0.25">
      <c r="D11326" s="6">
        <v>1492.502</v>
      </c>
      <c r="E11326" s="6">
        <v>1973.0160000000001</v>
      </c>
    </row>
    <row r="11327" spans="4:5" x14ac:dyDescent="0.25">
      <c r="D11327" s="6">
        <v>1452.5050000000001</v>
      </c>
      <c r="E11327" s="6">
        <v>971.07349999999997</v>
      </c>
    </row>
    <row r="11328" spans="4:5" x14ac:dyDescent="0.25">
      <c r="D11328" s="6">
        <v>601.35599999999999</v>
      </c>
      <c r="E11328" s="6">
        <v>692.54169999999999</v>
      </c>
    </row>
    <row r="11329" spans="4:5" x14ac:dyDescent="0.25">
      <c r="D11329" s="6">
        <v>880.2912</v>
      </c>
      <c r="E11329" s="6">
        <v>3581.145</v>
      </c>
    </row>
    <row r="11330" spans="4:5" x14ac:dyDescent="0.25">
      <c r="D11330" s="6">
        <v>651.63750000000005</v>
      </c>
      <c r="E11330" s="6">
        <v>1666.8040000000001</v>
      </c>
    </row>
    <row r="11331" spans="4:5" x14ac:dyDescent="0.25">
      <c r="D11331" s="6">
        <v>1250.087</v>
      </c>
      <c r="E11331" s="6">
        <v>1056.934</v>
      </c>
    </row>
    <row r="11332" spans="4:5" x14ac:dyDescent="0.25">
      <c r="D11332" s="6">
        <v>1275.28</v>
      </c>
      <c r="E11332" s="6">
        <v>1166.1210000000001</v>
      </c>
    </row>
    <row r="11333" spans="4:5" x14ac:dyDescent="0.25">
      <c r="D11333" s="6">
        <v>3522.4340000000002</v>
      </c>
      <c r="E11333" s="6">
        <v>969.85550000000001</v>
      </c>
    </row>
    <row r="11334" spans="4:5" x14ac:dyDescent="0.25">
      <c r="D11334" s="6">
        <v>1763.5429999999999</v>
      </c>
      <c r="E11334" s="6">
        <v>562.19719999999995</v>
      </c>
    </row>
    <row r="11335" spans="4:5" x14ac:dyDescent="0.25">
      <c r="D11335" s="6">
        <v>3273.076</v>
      </c>
      <c r="E11335" s="6">
        <v>1827.059</v>
      </c>
    </row>
    <row r="11336" spans="4:5" x14ac:dyDescent="0.25">
      <c r="D11336" s="6">
        <v>2616.6320000000001</v>
      </c>
      <c r="E11336" s="6">
        <v>203.7373</v>
      </c>
    </row>
    <row r="11337" spans="4:5" x14ac:dyDescent="0.25">
      <c r="D11337" s="6">
        <v>4983.7449999999999</v>
      </c>
      <c r="E11337" s="6">
        <v>1724.471</v>
      </c>
    </row>
    <row r="11338" spans="4:5" x14ac:dyDescent="0.25">
      <c r="D11338" s="6">
        <v>1217.221</v>
      </c>
      <c r="E11338" s="6">
        <v>1203.2339999999999</v>
      </c>
    </row>
    <row r="11339" spans="4:5" x14ac:dyDescent="0.25">
      <c r="D11339" s="6">
        <v>2406.7800000000002</v>
      </c>
      <c r="E11339" s="6">
        <v>191.375</v>
      </c>
    </row>
    <row r="11340" spans="4:5" x14ac:dyDescent="0.25">
      <c r="D11340" s="6">
        <v>1274.6189999999999</v>
      </c>
      <c r="E11340" s="6">
        <v>1525.2190000000001</v>
      </c>
    </row>
    <row r="11341" spans="4:5" x14ac:dyDescent="0.25">
      <c r="D11341" s="6">
        <v>2157.4499999999998</v>
      </c>
      <c r="E11341" s="6">
        <v>5088.1899999999996</v>
      </c>
    </row>
    <row r="11342" spans="4:5" x14ac:dyDescent="0.25">
      <c r="D11342" s="6">
        <v>743.01120000000003</v>
      </c>
      <c r="E11342" s="6">
        <v>714.06880000000001</v>
      </c>
    </row>
    <row r="11343" spans="4:5" x14ac:dyDescent="0.25">
      <c r="D11343" s="6">
        <v>539.73879999999997</v>
      </c>
      <c r="E11343" s="6">
        <v>3931.3330000000001</v>
      </c>
    </row>
    <row r="11344" spans="4:5" x14ac:dyDescent="0.25">
      <c r="D11344" s="6">
        <v>1175.136</v>
      </c>
      <c r="E11344" s="6">
        <v>1343.6320000000001</v>
      </c>
    </row>
    <row r="11345" spans="4:5" x14ac:dyDescent="0.25">
      <c r="D11345" s="6">
        <v>2271.6640000000002</v>
      </c>
      <c r="E11345" s="6">
        <v>2875.627</v>
      </c>
    </row>
    <row r="11346" spans="4:5" x14ac:dyDescent="0.25">
      <c r="D11346" s="6">
        <v>835.73389999999995</v>
      </c>
      <c r="E11346" s="6">
        <v>397.77539999999999</v>
      </c>
    </row>
    <row r="11347" spans="4:5" x14ac:dyDescent="0.25">
      <c r="D11347" s="6">
        <v>5834.1009999999997</v>
      </c>
      <c r="E11347" s="6">
        <v>1002.856</v>
      </c>
    </row>
    <row r="11348" spans="4:5" x14ac:dyDescent="0.25">
      <c r="D11348" s="6">
        <v>1442.9169999999999</v>
      </c>
      <c r="E11348" s="6">
        <v>967.71339999999998</v>
      </c>
    </row>
    <row r="11349" spans="4:5" x14ac:dyDescent="0.25">
      <c r="D11349" s="6">
        <v>562</v>
      </c>
      <c r="E11349" s="6">
        <v>2013.931</v>
      </c>
    </row>
    <row r="11350" spans="4:5" x14ac:dyDescent="0.25">
      <c r="D11350" s="6">
        <v>2343.8159999999998</v>
      </c>
      <c r="E11350" s="6">
        <v>1014.544</v>
      </c>
    </row>
    <row r="11351" spans="4:5" x14ac:dyDescent="0.25">
      <c r="D11351" s="6">
        <v>1748.1669999999999</v>
      </c>
      <c r="E11351" s="6">
        <v>808.22940000000006</v>
      </c>
    </row>
    <row r="11352" spans="4:5" x14ac:dyDescent="0.25">
      <c r="D11352" s="6">
        <v>1367.691</v>
      </c>
      <c r="E11352" s="6">
        <v>4699.3860000000004</v>
      </c>
    </row>
    <row r="11353" spans="4:5" x14ac:dyDescent="0.25">
      <c r="D11353" s="6">
        <v>4355.9430000000002</v>
      </c>
      <c r="E11353" s="6">
        <v>1076.6780000000001</v>
      </c>
    </row>
    <row r="11354" spans="4:5" x14ac:dyDescent="0.25">
      <c r="D11354" s="6">
        <v>823.33370000000002</v>
      </c>
      <c r="E11354" s="6">
        <v>444.9</v>
      </c>
    </row>
    <row r="11355" spans="4:5" x14ac:dyDescent="0.25">
      <c r="D11355" s="6">
        <v>615</v>
      </c>
      <c r="E11355" s="6">
        <v>8997.1779999999999</v>
      </c>
    </row>
    <row r="11356" spans="4:5" x14ac:dyDescent="0.25">
      <c r="D11356" s="6">
        <v>1430.075</v>
      </c>
      <c r="E11356" s="6">
        <v>4639.4859999999999</v>
      </c>
    </row>
    <row r="11357" spans="4:5" x14ac:dyDescent="0.25">
      <c r="D11357" s="6">
        <v>1116.2159999999999</v>
      </c>
      <c r="E11357" s="6">
        <v>1111.624</v>
      </c>
    </row>
    <row r="11358" spans="4:5" x14ac:dyDescent="0.25">
      <c r="D11358" s="6">
        <v>2003.9870000000001</v>
      </c>
      <c r="E11358" s="6">
        <v>1527.75</v>
      </c>
    </row>
    <row r="11359" spans="4:5" x14ac:dyDescent="0.25">
      <c r="D11359" s="6">
        <v>1429.396</v>
      </c>
      <c r="E11359" s="6">
        <v>1314.4590000000001</v>
      </c>
    </row>
    <row r="11360" spans="4:5" x14ac:dyDescent="0.25">
      <c r="D11360" s="6">
        <v>1807.9829999999999</v>
      </c>
      <c r="E11360" s="6">
        <v>1301.7260000000001</v>
      </c>
    </row>
    <row r="11361" spans="4:5" x14ac:dyDescent="0.25">
      <c r="D11361" s="6">
        <v>722.84500000000003</v>
      </c>
      <c r="E11361" s="6">
        <v>1499.162</v>
      </c>
    </row>
    <row r="11362" spans="4:5" x14ac:dyDescent="0.25">
      <c r="D11362" s="6">
        <v>1550</v>
      </c>
      <c r="E11362" s="6">
        <v>840.74810000000002</v>
      </c>
    </row>
    <row r="11363" spans="4:5" x14ac:dyDescent="0.25">
      <c r="D11363" s="6">
        <v>1166.3599999999999</v>
      </c>
      <c r="E11363" s="6">
        <v>833.8048</v>
      </c>
    </row>
    <row r="11364" spans="4:5" x14ac:dyDescent="0.25">
      <c r="D11364" s="6">
        <v>3554.9760000000001</v>
      </c>
      <c r="E11364" s="6">
        <v>922.10569999999996</v>
      </c>
    </row>
    <row r="11365" spans="4:5" x14ac:dyDescent="0.25">
      <c r="D11365" s="6">
        <v>719.75030000000004</v>
      </c>
      <c r="E11365" s="6">
        <v>820.04769999999996</v>
      </c>
    </row>
    <row r="11366" spans="4:5" x14ac:dyDescent="0.25">
      <c r="D11366" s="6">
        <v>1373.414</v>
      </c>
      <c r="E11366" s="6">
        <v>765.92460000000005</v>
      </c>
    </row>
    <row r="11367" spans="4:5" x14ac:dyDescent="0.25">
      <c r="D11367" s="6">
        <v>1070.9190000000001</v>
      </c>
      <c r="E11367" s="6">
        <v>2854.297</v>
      </c>
    </row>
    <row r="11368" spans="4:5" x14ac:dyDescent="0.25">
      <c r="D11368" s="6">
        <v>553.55560000000003</v>
      </c>
      <c r="E11368" s="6">
        <v>2107.4870000000001</v>
      </c>
    </row>
    <row r="11369" spans="4:5" x14ac:dyDescent="0.25">
      <c r="D11369" s="6">
        <v>3348.3679999999999</v>
      </c>
      <c r="E11369" s="6">
        <v>818.40380000000005</v>
      </c>
    </row>
    <row r="11370" spans="4:5" x14ac:dyDescent="0.25">
      <c r="D11370" s="6">
        <v>895.84349999999995</v>
      </c>
      <c r="E11370" s="6">
        <v>748.98329999999999</v>
      </c>
    </row>
    <row r="11371" spans="4:5" x14ac:dyDescent="0.25">
      <c r="D11371" s="6">
        <v>1374.5329999999999</v>
      </c>
      <c r="E11371" s="6">
        <v>847</v>
      </c>
    </row>
    <row r="11372" spans="4:5" x14ac:dyDescent="0.25">
      <c r="D11372" s="6">
        <v>797.20500000000004</v>
      </c>
      <c r="E11372" s="6">
        <v>775.41470000000004</v>
      </c>
    </row>
    <row r="11373" spans="4:5" x14ac:dyDescent="0.25">
      <c r="D11373" s="6">
        <v>4101.25</v>
      </c>
      <c r="E11373" s="6">
        <v>2515.7620000000002</v>
      </c>
    </row>
    <row r="11374" spans="4:5" x14ac:dyDescent="0.25">
      <c r="D11374" s="6">
        <v>8784.4699999999993</v>
      </c>
      <c r="E11374" s="6">
        <v>1122.9559999999999</v>
      </c>
    </row>
    <row r="11375" spans="4:5" x14ac:dyDescent="0.25">
      <c r="D11375" s="6">
        <v>2265.6410000000001</v>
      </c>
      <c r="E11375" s="6">
        <v>975.57140000000004</v>
      </c>
    </row>
    <row r="11376" spans="4:5" x14ac:dyDescent="0.25">
      <c r="D11376" s="6">
        <v>1066.1590000000001</v>
      </c>
      <c r="E11376" s="6">
        <v>1772.95</v>
      </c>
    </row>
    <row r="11377" spans="4:5" x14ac:dyDescent="0.25">
      <c r="D11377" s="6">
        <v>1154.1420000000001</v>
      </c>
      <c r="E11377" s="6">
        <v>618.24339999999995</v>
      </c>
    </row>
    <row r="11378" spans="4:5" x14ac:dyDescent="0.25">
      <c r="D11378" s="6">
        <v>1397.9939999999999</v>
      </c>
      <c r="E11378" s="6">
        <v>1490.9639999999999</v>
      </c>
    </row>
    <row r="11379" spans="4:5" x14ac:dyDescent="0.25">
      <c r="D11379" s="6">
        <v>864.15099999999995</v>
      </c>
      <c r="E11379" s="6">
        <v>2129.4780000000001</v>
      </c>
    </row>
    <row r="11380" spans="4:5" x14ac:dyDescent="0.25">
      <c r="D11380" s="6">
        <v>800.85419999999999</v>
      </c>
      <c r="E11380" s="6">
        <v>7815.3670000000002</v>
      </c>
    </row>
    <row r="11381" spans="4:5" x14ac:dyDescent="0.25">
      <c r="D11381" s="6">
        <v>1125.0070000000001</v>
      </c>
      <c r="E11381" s="6">
        <v>422.34820000000002</v>
      </c>
    </row>
    <row r="11382" spans="4:5" x14ac:dyDescent="0.25">
      <c r="D11382" s="6">
        <v>1557.4849999999999</v>
      </c>
      <c r="E11382" s="6">
        <v>1042.6980000000001</v>
      </c>
    </row>
    <row r="11383" spans="4:5" x14ac:dyDescent="0.25">
      <c r="D11383" s="6">
        <v>1462.625</v>
      </c>
      <c r="E11383" s="6">
        <v>11437.4</v>
      </c>
    </row>
    <row r="11384" spans="4:5" x14ac:dyDescent="0.25">
      <c r="D11384" s="6">
        <v>253.47890000000001</v>
      </c>
      <c r="E11384" s="6">
        <v>1504.799</v>
      </c>
    </row>
    <row r="11385" spans="4:5" x14ac:dyDescent="0.25">
      <c r="D11385" s="6">
        <v>574.11360000000002</v>
      </c>
      <c r="E11385" s="6">
        <v>3458.8</v>
      </c>
    </row>
    <row r="11386" spans="4:5" x14ac:dyDescent="0.25">
      <c r="D11386" s="6">
        <v>663.81949999999995</v>
      </c>
      <c r="E11386" s="6">
        <v>686.21040000000005</v>
      </c>
    </row>
    <row r="11387" spans="4:5" x14ac:dyDescent="0.25">
      <c r="D11387" s="6">
        <v>706.86329999999998</v>
      </c>
      <c r="E11387" s="6">
        <v>2938.3</v>
      </c>
    </row>
    <row r="11388" spans="4:5" x14ac:dyDescent="0.25">
      <c r="D11388" s="6">
        <v>462.1481</v>
      </c>
      <c r="E11388" s="6">
        <v>742.05330000000004</v>
      </c>
    </row>
    <row r="11389" spans="4:5" x14ac:dyDescent="0.25">
      <c r="D11389" s="6">
        <v>1492.8030000000001</v>
      </c>
      <c r="E11389" s="6">
        <v>1239.6949999999999</v>
      </c>
    </row>
    <row r="11390" spans="4:5" x14ac:dyDescent="0.25">
      <c r="D11390" s="6">
        <v>1410.51</v>
      </c>
      <c r="E11390" s="6">
        <v>778.44370000000004</v>
      </c>
    </row>
    <row r="11391" spans="4:5" x14ac:dyDescent="0.25">
      <c r="D11391" s="6">
        <v>1205.953</v>
      </c>
      <c r="E11391" s="6">
        <v>1055.2139999999999</v>
      </c>
    </row>
    <row r="11392" spans="4:5" x14ac:dyDescent="0.25">
      <c r="D11392" s="6">
        <v>1264.491</v>
      </c>
      <c r="E11392" s="6">
        <v>3558</v>
      </c>
    </row>
    <row r="11393" spans="4:5" x14ac:dyDescent="0.25">
      <c r="D11393" s="6">
        <v>540.577</v>
      </c>
      <c r="E11393" s="6">
        <v>545.16120000000001</v>
      </c>
    </row>
    <row r="11394" spans="4:5" x14ac:dyDescent="0.25">
      <c r="D11394" s="6">
        <v>2183.8009999999999</v>
      </c>
      <c r="E11394" s="6">
        <v>2114.299</v>
      </c>
    </row>
    <row r="11395" spans="4:5" x14ac:dyDescent="0.25">
      <c r="D11395" s="6">
        <v>1397.616</v>
      </c>
      <c r="E11395" s="6">
        <v>1266.4680000000001</v>
      </c>
    </row>
    <row r="11396" spans="4:5" x14ac:dyDescent="0.25">
      <c r="D11396" s="6">
        <v>513.02859999999998</v>
      </c>
      <c r="E11396" s="6">
        <v>1188.46</v>
      </c>
    </row>
    <row r="11397" spans="4:5" x14ac:dyDescent="0.25">
      <c r="D11397" s="6">
        <v>1006.36</v>
      </c>
      <c r="E11397" s="6">
        <v>486.80680000000001</v>
      </c>
    </row>
    <row r="11398" spans="4:5" x14ac:dyDescent="0.25">
      <c r="D11398" s="6">
        <v>930.87879999999996</v>
      </c>
      <c r="E11398" s="6">
        <v>524.0675</v>
      </c>
    </row>
    <row r="11399" spans="4:5" x14ac:dyDescent="0.25">
      <c r="D11399" s="6">
        <v>1184.248</v>
      </c>
      <c r="E11399" s="6">
        <v>11749.91</v>
      </c>
    </row>
    <row r="11400" spans="4:5" x14ac:dyDescent="0.25">
      <c r="D11400" s="6">
        <v>920.87350000000004</v>
      </c>
      <c r="E11400" s="6">
        <v>1801.145</v>
      </c>
    </row>
    <row r="11401" spans="4:5" x14ac:dyDescent="0.25">
      <c r="D11401" s="6">
        <v>1642.825</v>
      </c>
      <c r="E11401" s="6">
        <v>1525.885</v>
      </c>
    </row>
    <row r="11402" spans="4:5" x14ac:dyDescent="0.25">
      <c r="D11402" s="6">
        <v>3491.2730000000001</v>
      </c>
      <c r="E11402" s="6">
        <v>203.76689999999999</v>
      </c>
    </row>
    <row r="11403" spans="4:5" x14ac:dyDescent="0.25">
      <c r="D11403" s="6">
        <v>2870.21</v>
      </c>
      <c r="E11403" s="6">
        <v>1488.39</v>
      </c>
    </row>
    <row r="11404" spans="4:5" x14ac:dyDescent="0.25">
      <c r="D11404" s="6">
        <v>656.1</v>
      </c>
      <c r="E11404" s="6">
        <v>2192.6979999999999</v>
      </c>
    </row>
    <row r="11405" spans="4:5" x14ac:dyDescent="0.25">
      <c r="D11405" s="6">
        <v>3488.442</v>
      </c>
      <c r="E11405" s="6">
        <v>8173.2389999999996</v>
      </c>
    </row>
    <row r="11406" spans="4:5" x14ac:dyDescent="0.25">
      <c r="D11406" s="6">
        <v>802.72799999999995</v>
      </c>
      <c r="E11406" s="6">
        <v>1063.134</v>
      </c>
    </row>
    <row r="11407" spans="4:5" x14ac:dyDescent="0.25">
      <c r="D11407" s="6">
        <v>859.14170000000001</v>
      </c>
      <c r="E11407" s="6">
        <v>488.26319999999998</v>
      </c>
    </row>
    <row r="11408" spans="4:5" x14ac:dyDescent="0.25">
      <c r="D11408" s="6">
        <v>1205.3520000000001</v>
      </c>
      <c r="E11408" s="6">
        <v>1971.0070000000001</v>
      </c>
    </row>
    <row r="11409" spans="4:5" x14ac:dyDescent="0.25">
      <c r="D11409" s="6">
        <v>524.76199999999994</v>
      </c>
      <c r="E11409" s="6">
        <v>2232.1750000000002</v>
      </c>
    </row>
    <row r="11410" spans="4:5" x14ac:dyDescent="0.25">
      <c r="D11410" s="6">
        <v>1538.153</v>
      </c>
      <c r="E11410" s="6">
        <v>1104.0150000000001</v>
      </c>
    </row>
    <row r="11411" spans="4:5" x14ac:dyDescent="0.25">
      <c r="D11411" s="6">
        <v>830.92529999999999</v>
      </c>
      <c r="E11411" s="6">
        <v>589.53989999999999</v>
      </c>
    </row>
    <row r="11412" spans="4:5" x14ac:dyDescent="0.25">
      <c r="D11412" s="6">
        <v>800.31820000000005</v>
      </c>
      <c r="E11412" s="6">
        <v>959.10180000000003</v>
      </c>
    </row>
    <row r="11413" spans="4:5" x14ac:dyDescent="0.25">
      <c r="D11413" s="6">
        <v>1052.3420000000001</v>
      </c>
      <c r="E11413" s="6">
        <v>1096.587</v>
      </c>
    </row>
    <row r="11414" spans="4:5" x14ac:dyDescent="0.25">
      <c r="D11414" s="6">
        <v>5003.5420000000004</v>
      </c>
      <c r="E11414" s="6">
        <v>783.1377</v>
      </c>
    </row>
    <row r="11415" spans="4:5" x14ac:dyDescent="0.25">
      <c r="D11415" s="6">
        <v>8886.1890000000003</v>
      </c>
      <c r="E11415" s="6">
        <v>775.75789999999995</v>
      </c>
    </row>
    <row r="11416" spans="4:5" x14ac:dyDescent="0.25">
      <c r="D11416" s="6">
        <v>3373.125</v>
      </c>
      <c r="E11416" s="6">
        <v>572.51059999999995</v>
      </c>
    </row>
    <row r="11417" spans="4:5" x14ac:dyDescent="0.25">
      <c r="D11417" s="6">
        <v>1511.627</v>
      </c>
      <c r="E11417" s="6">
        <v>1710.0909999999999</v>
      </c>
    </row>
    <row r="11418" spans="4:5" x14ac:dyDescent="0.25">
      <c r="D11418" s="6">
        <v>689.30010000000004</v>
      </c>
      <c r="E11418" s="6">
        <v>1370.373</v>
      </c>
    </row>
    <row r="11419" spans="4:5" x14ac:dyDescent="0.25">
      <c r="D11419" s="6">
        <v>370.11270000000002</v>
      </c>
      <c r="E11419" s="6">
        <v>8111.77</v>
      </c>
    </row>
    <row r="11420" spans="4:5" x14ac:dyDescent="0.25">
      <c r="D11420" s="6">
        <v>1276.672</v>
      </c>
      <c r="E11420" s="6">
        <v>2493.6170000000002</v>
      </c>
    </row>
    <row r="11421" spans="4:5" x14ac:dyDescent="0.25">
      <c r="D11421" s="6">
        <v>1139.07</v>
      </c>
      <c r="E11421" s="6">
        <v>1253.1220000000001</v>
      </c>
    </row>
    <row r="11422" spans="4:5" x14ac:dyDescent="0.25">
      <c r="D11422" s="6">
        <v>1517.386</v>
      </c>
      <c r="E11422" s="6">
        <v>1005.94</v>
      </c>
    </row>
    <row r="11423" spans="4:5" x14ac:dyDescent="0.25">
      <c r="D11423" s="6">
        <v>755.42380000000003</v>
      </c>
      <c r="E11423" s="6">
        <v>782.74599999999998</v>
      </c>
    </row>
    <row r="11424" spans="4:5" x14ac:dyDescent="0.25">
      <c r="D11424" s="6">
        <v>638.51829999999995</v>
      </c>
      <c r="E11424" s="6">
        <v>1118.0119999999999</v>
      </c>
    </row>
    <row r="11425" spans="4:5" x14ac:dyDescent="0.25">
      <c r="D11425" s="6">
        <v>1039.0170000000001</v>
      </c>
      <c r="E11425" s="6">
        <v>813.70460000000003</v>
      </c>
    </row>
    <row r="11426" spans="4:5" x14ac:dyDescent="0.25">
      <c r="D11426" s="6">
        <v>1311.758</v>
      </c>
      <c r="E11426" s="6">
        <v>1030.796</v>
      </c>
    </row>
    <row r="11427" spans="4:5" x14ac:dyDescent="0.25">
      <c r="D11427" s="6">
        <v>1141.68</v>
      </c>
      <c r="E11427" s="6">
        <v>1653.3910000000001</v>
      </c>
    </row>
    <row r="11428" spans="4:5" x14ac:dyDescent="0.25">
      <c r="D11428" s="6">
        <v>4042.6750000000002</v>
      </c>
      <c r="E11428" s="6">
        <v>2449.105</v>
      </c>
    </row>
    <row r="11429" spans="4:5" x14ac:dyDescent="0.25">
      <c r="D11429" s="6">
        <v>736.63559999999995</v>
      </c>
      <c r="E11429" s="6">
        <v>1042.789</v>
      </c>
    </row>
    <row r="11430" spans="4:5" x14ac:dyDescent="0.25">
      <c r="D11430" s="6">
        <v>841.4855</v>
      </c>
      <c r="E11430" s="6">
        <v>750.42229999999995</v>
      </c>
    </row>
    <row r="11431" spans="4:5" x14ac:dyDescent="0.25">
      <c r="D11431" s="6">
        <v>1116.115</v>
      </c>
      <c r="E11431" s="6">
        <v>584</v>
      </c>
    </row>
    <row r="11432" spans="4:5" x14ac:dyDescent="0.25">
      <c r="D11432" s="6">
        <v>2380.9940000000001</v>
      </c>
      <c r="E11432" s="6">
        <v>1384.325</v>
      </c>
    </row>
    <row r="11433" spans="4:5" x14ac:dyDescent="0.25">
      <c r="D11433" s="6">
        <v>1564.135</v>
      </c>
      <c r="E11433" s="6">
        <v>1000.3630000000001</v>
      </c>
    </row>
    <row r="11434" spans="4:5" x14ac:dyDescent="0.25">
      <c r="D11434" s="6">
        <v>724.91769999999997</v>
      </c>
      <c r="E11434" s="6">
        <v>3013.924</v>
      </c>
    </row>
    <row r="11435" spans="4:5" x14ac:dyDescent="0.25">
      <c r="D11435" s="6">
        <v>1027.117</v>
      </c>
      <c r="E11435" s="6">
        <v>3392.0650000000001</v>
      </c>
    </row>
    <row r="11436" spans="4:5" x14ac:dyDescent="0.25">
      <c r="D11436" s="6">
        <v>1141.2660000000001</v>
      </c>
      <c r="E11436" s="6">
        <v>1683.202</v>
      </c>
    </row>
    <row r="11437" spans="4:5" x14ac:dyDescent="0.25">
      <c r="D11437" s="6">
        <v>1241.202</v>
      </c>
      <c r="E11437" s="6">
        <v>684.57579999999996</v>
      </c>
    </row>
    <row r="11438" spans="4:5" x14ac:dyDescent="0.25">
      <c r="D11438" s="6">
        <v>639.23839999999996</v>
      </c>
      <c r="E11438" s="6">
        <v>726.73360000000002</v>
      </c>
    </row>
    <row r="11439" spans="4:5" x14ac:dyDescent="0.25">
      <c r="D11439" s="6">
        <v>2500.8040000000001</v>
      </c>
      <c r="E11439" s="6">
        <v>950.48119999999994</v>
      </c>
    </row>
    <row r="11440" spans="4:5" x14ac:dyDescent="0.25">
      <c r="D11440" s="6">
        <v>815.11149999999998</v>
      </c>
      <c r="E11440" s="6">
        <v>2311.8530000000001</v>
      </c>
    </row>
    <row r="11441" spans="4:5" x14ac:dyDescent="0.25">
      <c r="D11441" s="6">
        <v>2127.1480000000001</v>
      </c>
      <c r="E11441" s="6">
        <v>1870.6790000000001</v>
      </c>
    </row>
    <row r="11442" spans="4:5" x14ac:dyDescent="0.25">
      <c r="D11442" s="6">
        <v>538.83429999999998</v>
      </c>
      <c r="E11442" s="6">
        <v>791.96609999999998</v>
      </c>
    </row>
    <row r="11443" spans="4:5" x14ac:dyDescent="0.25">
      <c r="D11443" s="6">
        <v>1199.8420000000001</v>
      </c>
      <c r="E11443" s="6">
        <v>1375.0940000000001</v>
      </c>
    </row>
    <row r="11444" spans="4:5" x14ac:dyDescent="0.25">
      <c r="D11444" s="6">
        <v>3386.3739999999998</v>
      </c>
      <c r="E11444" s="6">
        <v>956.51710000000003</v>
      </c>
    </row>
    <row r="11445" spans="4:5" x14ac:dyDescent="0.25">
      <c r="D11445" s="6">
        <v>1515.923</v>
      </c>
      <c r="E11445" s="6">
        <v>10297.620000000001</v>
      </c>
    </row>
    <row r="11446" spans="4:5" x14ac:dyDescent="0.25">
      <c r="D11446" s="6">
        <v>1588.1379999999999</v>
      </c>
      <c r="E11446" s="6">
        <v>1969.741</v>
      </c>
    </row>
    <row r="11447" spans="4:5" x14ac:dyDescent="0.25">
      <c r="D11447" s="6">
        <v>806.57740000000001</v>
      </c>
      <c r="E11447" s="6">
        <v>2168.1019999999999</v>
      </c>
    </row>
    <row r="11448" spans="4:5" x14ac:dyDescent="0.25">
      <c r="D11448" s="6">
        <v>1305.3030000000001</v>
      </c>
      <c r="E11448" s="6">
        <v>2925.366</v>
      </c>
    </row>
    <row r="11449" spans="4:5" x14ac:dyDescent="0.25">
      <c r="D11449" s="6">
        <v>1040.1579999999999</v>
      </c>
      <c r="E11449" s="6">
        <v>648.29740000000004</v>
      </c>
    </row>
    <row r="11450" spans="4:5" x14ac:dyDescent="0.25">
      <c r="D11450" s="6">
        <v>1038.248</v>
      </c>
      <c r="E11450" s="6">
        <v>2821.415</v>
      </c>
    </row>
    <row r="11451" spans="4:5" x14ac:dyDescent="0.25">
      <c r="D11451" s="6">
        <v>1016.996</v>
      </c>
      <c r="E11451" s="6">
        <v>604.92020000000002</v>
      </c>
    </row>
    <row r="11452" spans="4:5" x14ac:dyDescent="0.25">
      <c r="D11452" s="6">
        <v>573.20000000000005</v>
      </c>
      <c r="E11452" s="6">
        <v>9028.8240000000005</v>
      </c>
    </row>
    <row r="11453" spans="4:5" x14ac:dyDescent="0.25">
      <c r="D11453" s="6">
        <v>910.01009999999997</v>
      </c>
      <c r="E11453" s="6">
        <v>708.41480000000001</v>
      </c>
    </row>
    <row r="11454" spans="4:5" x14ac:dyDescent="0.25">
      <c r="D11454" s="6">
        <v>1861.723</v>
      </c>
      <c r="E11454" s="6">
        <v>2473.982</v>
      </c>
    </row>
    <row r="11455" spans="4:5" x14ac:dyDescent="0.25">
      <c r="D11455" s="6">
        <v>1303.453</v>
      </c>
      <c r="E11455" s="6">
        <v>3335.2</v>
      </c>
    </row>
    <row r="11456" spans="4:5" x14ac:dyDescent="0.25">
      <c r="D11456" s="6">
        <v>1090.848</v>
      </c>
      <c r="E11456" s="6">
        <v>1181.1610000000001</v>
      </c>
    </row>
    <row r="11457" spans="4:5" x14ac:dyDescent="0.25">
      <c r="D11457" s="6">
        <v>2414.9839999999999</v>
      </c>
      <c r="E11457" s="6">
        <v>1483</v>
      </c>
    </row>
    <row r="11458" spans="4:5" x14ac:dyDescent="0.25">
      <c r="D11458" s="6">
        <v>1426.501</v>
      </c>
      <c r="E11458" s="6">
        <v>1121.8679999999999</v>
      </c>
    </row>
    <row r="11459" spans="4:5" x14ac:dyDescent="0.25">
      <c r="D11459" s="6">
        <v>495.28539999999998</v>
      </c>
      <c r="E11459" s="6">
        <v>996.92750000000001</v>
      </c>
    </row>
    <row r="11460" spans="4:5" x14ac:dyDescent="0.25">
      <c r="D11460" s="6">
        <v>1403.7829999999999</v>
      </c>
      <c r="E11460" s="6">
        <v>860.27250000000004</v>
      </c>
    </row>
    <row r="11461" spans="4:5" x14ac:dyDescent="0.25">
      <c r="D11461" s="6">
        <v>2632.9250000000002</v>
      </c>
      <c r="E11461" s="6">
        <v>1233.6289999999999</v>
      </c>
    </row>
    <row r="11462" spans="4:5" x14ac:dyDescent="0.25">
      <c r="D11462" s="6">
        <v>534.22630000000004</v>
      </c>
      <c r="E11462" s="6">
        <v>1070.511</v>
      </c>
    </row>
    <row r="11463" spans="4:5" x14ac:dyDescent="0.25">
      <c r="D11463" s="6">
        <v>3754.509</v>
      </c>
      <c r="E11463" s="6">
        <v>1419.1489999999999</v>
      </c>
    </row>
    <row r="11464" spans="4:5" x14ac:dyDescent="0.25">
      <c r="D11464" s="6">
        <v>1089.319</v>
      </c>
      <c r="E11464" s="6">
        <v>908.93449999999996</v>
      </c>
    </row>
    <row r="11465" spans="4:5" x14ac:dyDescent="0.25">
      <c r="D11465" s="6">
        <v>694.22230000000002</v>
      </c>
      <c r="E11465" s="6">
        <v>1066.566</v>
      </c>
    </row>
    <row r="11466" spans="4:5" x14ac:dyDescent="0.25">
      <c r="D11466" s="6">
        <v>935.33150000000001</v>
      </c>
      <c r="E11466" s="6">
        <v>2140.36</v>
      </c>
    </row>
    <row r="11467" spans="4:5" x14ac:dyDescent="0.25">
      <c r="D11467" s="6">
        <v>654.66279999999995</v>
      </c>
      <c r="E11467" s="6">
        <v>1022.774</v>
      </c>
    </row>
    <row r="11468" spans="4:5" x14ac:dyDescent="0.25">
      <c r="D11468" s="6">
        <v>540.94780000000003</v>
      </c>
      <c r="E11468" s="6">
        <v>2895.6860000000001</v>
      </c>
    </row>
    <row r="11469" spans="4:5" x14ac:dyDescent="0.25">
      <c r="D11469" s="6">
        <v>713.54610000000002</v>
      </c>
      <c r="E11469" s="6">
        <v>762.50220000000002</v>
      </c>
    </row>
    <row r="11470" spans="4:5" x14ac:dyDescent="0.25">
      <c r="D11470" s="6">
        <v>506.36189999999999</v>
      </c>
      <c r="E11470" s="6">
        <v>963.93309999999997</v>
      </c>
    </row>
    <row r="11471" spans="4:5" x14ac:dyDescent="0.25">
      <c r="D11471" s="6">
        <v>728.93809999999996</v>
      </c>
      <c r="E11471" s="6">
        <v>2096.83</v>
      </c>
    </row>
    <row r="11472" spans="4:5" x14ac:dyDescent="0.25">
      <c r="D11472" s="6">
        <v>1647.2139999999999</v>
      </c>
      <c r="E11472" s="6">
        <v>934.21979999999996</v>
      </c>
    </row>
    <row r="11473" spans="4:5" x14ac:dyDescent="0.25">
      <c r="D11473" s="6">
        <v>969.42930000000001</v>
      </c>
      <c r="E11473" s="6">
        <v>2775.36</v>
      </c>
    </row>
    <row r="11474" spans="4:5" x14ac:dyDescent="0.25">
      <c r="D11474" s="6">
        <v>666.32370000000003</v>
      </c>
      <c r="E11474" s="6">
        <v>834.71929999999998</v>
      </c>
    </row>
    <row r="11475" spans="4:5" x14ac:dyDescent="0.25">
      <c r="D11475" s="6">
        <v>1218.7249999999999</v>
      </c>
      <c r="E11475" s="6">
        <v>874.7355</v>
      </c>
    </row>
    <row r="11476" spans="4:5" x14ac:dyDescent="0.25">
      <c r="D11476" s="6">
        <v>2928.3119999999999</v>
      </c>
      <c r="E11476" s="6">
        <v>792.1508</v>
      </c>
    </row>
    <row r="11477" spans="4:5" x14ac:dyDescent="0.25">
      <c r="D11477" s="6">
        <v>690.03449999999998</v>
      </c>
      <c r="E11477" s="6">
        <v>1457.8820000000001</v>
      </c>
    </row>
    <row r="11478" spans="4:5" x14ac:dyDescent="0.25">
      <c r="D11478" s="6">
        <v>584.69140000000004</v>
      </c>
      <c r="E11478" s="6">
        <v>588.78980000000001</v>
      </c>
    </row>
    <row r="11479" spans="4:5" x14ac:dyDescent="0.25">
      <c r="D11479" s="6">
        <v>4026.27</v>
      </c>
      <c r="E11479" s="6">
        <v>444.20310000000001</v>
      </c>
    </row>
    <row r="11480" spans="4:5" x14ac:dyDescent="0.25">
      <c r="D11480" s="6">
        <v>577.42129999999997</v>
      </c>
      <c r="E11480" s="6">
        <v>5377</v>
      </c>
    </row>
    <row r="11481" spans="4:5" x14ac:dyDescent="0.25">
      <c r="D11481" s="6">
        <v>3075.5059999999999</v>
      </c>
      <c r="E11481" s="6">
        <v>1317.1089999999999</v>
      </c>
    </row>
    <row r="11482" spans="4:5" x14ac:dyDescent="0.25">
      <c r="D11482" s="6">
        <v>1188.713</v>
      </c>
      <c r="E11482" s="6">
        <v>811.3</v>
      </c>
    </row>
    <row r="11483" spans="4:5" x14ac:dyDescent="0.25">
      <c r="D11483" s="6">
        <v>765.86569999999995</v>
      </c>
      <c r="E11483" s="6">
        <v>2517.3229999999999</v>
      </c>
    </row>
    <row r="11484" spans="4:5" x14ac:dyDescent="0.25">
      <c r="D11484" s="6">
        <v>508.57819999999998</v>
      </c>
      <c r="E11484" s="6">
        <v>4447.3810000000003</v>
      </c>
    </row>
    <row r="11485" spans="4:5" x14ac:dyDescent="0.25">
      <c r="D11485" s="6">
        <v>605.72670000000005</v>
      </c>
      <c r="E11485" s="6">
        <v>1172.444</v>
      </c>
    </row>
    <row r="11486" spans="4:5" x14ac:dyDescent="0.25">
      <c r="D11486" s="6">
        <v>1780.2170000000001</v>
      </c>
      <c r="E11486" s="6">
        <v>936.67560000000003</v>
      </c>
    </row>
    <row r="11487" spans="4:5" x14ac:dyDescent="0.25">
      <c r="D11487" s="6">
        <v>662.46519999999998</v>
      </c>
      <c r="E11487" s="6">
        <v>7188.5469999999996</v>
      </c>
    </row>
    <row r="11488" spans="4:5" x14ac:dyDescent="0.25">
      <c r="D11488" s="6">
        <v>1396.2429999999999</v>
      </c>
      <c r="E11488" s="6">
        <v>1853.8219999999999</v>
      </c>
    </row>
    <row r="11489" spans="4:5" x14ac:dyDescent="0.25">
      <c r="D11489" s="6">
        <v>1645.7539999999999</v>
      </c>
      <c r="E11489" s="6">
        <v>1011.672</v>
      </c>
    </row>
    <row r="11490" spans="4:5" x14ac:dyDescent="0.25">
      <c r="D11490" s="6">
        <v>3661.261</v>
      </c>
      <c r="E11490" s="6">
        <v>972.47320000000002</v>
      </c>
    </row>
    <row r="11491" spans="4:5" x14ac:dyDescent="0.25">
      <c r="D11491" s="6">
        <v>2361.201</v>
      </c>
      <c r="E11491" s="6">
        <v>195.4136</v>
      </c>
    </row>
    <row r="11492" spans="4:5" x14ac:dyDescent="0.25">
      <c r="D11492" s="6">
        <v>3098.7150000000001</v>
      </c>
      <c r="E11492" s="6">
        <v>860.26310000000001</v>
      </c>
    </row>
    <row r="11493" spans="4:5" x14ac:dyDescent="0.25">
      <c r="D11493" s="6">
        <v>497.87889999999999</v>
      </c>
      <c r="E11493" s="6">
        <v>1053.3869999999999</v>
      </c>
    </row>
    <row r="11494" spans="4:5" x14ac:dyDescent="0.25">
      <c r="D11494" s="6">
        <v>617.87819999999999</v>
      </c>
      <c r="E11494" s="6">
        <v>1382.2940000000001</v>
      </c>
    </row>
    <row r="11495" spans="4:5" x14ac:dyDescent="0.25">
      <c r="D11495" s="6">
        <v>1869.0619999999999</v>
      </c>
      <c r="E11495" s="6">
        <v>721.43409999999994</v>
      </c>
    </row>
    <row r="11496" spans="4:5" x14ac:dyDescent="0.25">
      <c r="D11496" s="6">
        <v>1500.1130000000001</v>
      </c>
      <c r="E11496" s="6">
        <v>1459.604</v>
      </c>
    </row>
    <row r="11497" spans="4:5" x14ac:dyDescent="0.25">
      <c r="D11497" s="6">
        <v>1021.809</v>
      </c>
      <c r="E11497" s="6">
        <v>1018.549</v>
      </c>
    </row>
    <row r="11498" spans="4:5" x14ac:dyDescent="0.25">
      <c r="D11498" s="6">
        <v>2427.924</v>
      </c>
      <c r="E11498" s="6">
        <v>875.45249999999999</v>
      </c>
    </row>
    <row r="11499" spans="4:5" x14ac:dyDescent="0.25">
      <c r="D11499" s="6">
        <v>1911.1020000000001</v>
      </c>
      <c r="E11499" s="6">
        <v>948.43709999999999</v>
      </c>
    </row>
    <row r="11500" spans="4:5" x14ac:dyDescent="0.25">
      <c r="D11500" s="6">
        <v>1042.373</v>
      </c>
      <c r="E11500" s="6">
        <v>888.25969999999995</v>
      </c>
    </row>
    <row r="11501" spans="4:5" x14ac:dyDescent="0.25">
      <c r="D11501" s="6">
        <v>1196.6969999999999</v>
      </c>
      <c r="E11501" s="6">
        <v>3113.6709999999998</v>
      </c>
    </row>
    <row r="11502" spans="4:5" x14ac:dyDescent="0.25">
      <c r="D11502" s="6">
        <v>668.24339999999995</v>
      </c>
      <c r="E11502" s="6">
        <v>1116.181</v>
      </c>
    </row>
    <row r="11503" spans="4:5" x14ac:dyDescent="0.25">
      <c r="D11503" s="6">
        <v>2829.933</v>
      </c>
      <c r="E11503" s="6">
        <v>1836.8209999999999</v>
      </c>
    </row>
    <row r="11504" spans="4:5" x14ac:dyDescent="0.25">
      <c r="D11504" s="6">
        <v>1083.98</v>
      </c>
      <c r="E11504" s="6">
        <v>470.44600000000003</v>
      </c>
    </row>
    <row r="11505" spans="4:5" x14ac:dyDescent="0.25">
      <c r="D11505" s="6">
        <v>812.53229999999996</v>
      </c>
      <c r="E11505" s="6">
        <v>801.99720000000002</v>
      </c>
    </row>
    <row r="11506" spans="4:5" x14ac:dyDescent="0.25">
      <c r="D11506" s="6">
        <v>713.07799999999997</v>
      </c>
      <c r="E11506" s="6">
        <v>9756.3619999999992</v>
      </c>
    </row>
    <row r="11507" spans="4:5" x14ac:dyDescent="0.25">
      <c r="D11507" s="6">
        <v>1087.2139999999999</v>
      </c>
      <c r="E11507" s="6">
        <v>3650.7460000000001</v>
      </c>
    </row>
    <row r="11508" spans="4:5" x14ac:dyDescent="0.25">
      <c r="D11508" s="6">
        <v>552.17679999999996</v>
      </c>
      <c r="E11508" s="6">
        <v>1959.08</v>
      </c>
    </row>
    <row r="11509" spans="4:5" x14ac:dyDescent="0.25">
      <c r="D11509" s="6">
        <v>1340.8130000000001</v>
      </c>
      <c r="E11509" s="6">
        <v>937.15110000000004</v>
      </c>
    </row>
    <row r="11510" spans="4:5" x14ac:dyDescent="0.25">
      <c r="D11510" s="6">
        <v>1718.069</v>
      </c>
      <c r="E11510" s="6">
        <v>579.44320000000005</v>
      </c>
    </row>
    <row r="11511" spans="4:5" x14ac:dyDescent="0.25">
      <c r="D11511" s="6">
        <v>566.06119999999999</v>
      </c>
      <c r="E11511" s="6">
        <v>1158.2080000000001</v>
      </c>
    </row>
    <row r="11512" spans="4:5" x14ac:dyDescent="0.25">
      <c r="D11512" s="6">
        <v>1447.816</v>
      </c>
      <c r="E11512" s="6">
        <v>2139.0279999999998</v>
      </c>
    </row>
    <row r="11513" spans="4:5" x14ac:dyDescent="0.25">
      <c r="D11513" s="6">
        <v>638.0213</v>
      </c>
      <c r="E11513" s="6">
        <v>1802.58</v>
      </c>
    </row>
    <row r="11514" spans="4:5" x14ac:dyDescent="0.25">
      <c r="D11514" s="6">
        <v>934.09119999999996</v>
      </c>
      <c r="E11514" s="6">
        <v>2572.4270000000001</v>
      </c>
    </row>
    <row r="11515" spans="4:5" x14ac:dyDescent="0.25">
      <c r="D11515" s="6">
        <v>2925.7080000000001</v>
      </c>
      <c r="E11515" s="6">
        <v>602.39589999999998</v>
      </c>
    </row>
    <row r="11516" spans="4:5" x14ac:dyDescent="0.25">
      <c r="D11516" s="6">
        <v>579.84670000000006</v>
      </c>
      <c r="E11516" s="6">
        <v>655.20280000000002</v>
      </c>
    </row>
    <row r="11517" spans="4:5" x14ac:dyDescent="0.25">
      <c r="D11517" s="6">
        <v>2745.72</v>
      </c>
      <c r="E11517" s="6">
        <v>710.20370000000003</v>
      </c>
    </row>
    <row r="11518" spans="4:5" x14ac:dyDescent="0.25">
      <c r="D11518" s="6">
        <v>1692.722</v>
      </c>
      <c r="E11518" s="6">
        <v>844.53</v>
      </c>
    </row>
    <row r="11519" spans="4:5" x14ac:dyDescent="0.25">
      <c r="D11519" s="6">
        <v>930.60829999999999</v>
      </c>
      <c r="E11519" s="6">
        <v>1191.7739999999999</v>
      </c>
    </row>
    <row r="11520" spans="4:5" x14ac:dyDescent="0.25">
      <c r="D11520" s="6">
        <v>1674.606</v>
      </c>
      <c r="E11520" s="6">
        <v>608.43399999999997</v>
      </c>
    </row>
    <row r="11521" spans="4:5" x14ac:dyDescent="0.25">
      <c r="D11521" s="6">
        <v>1133.4690000000001</v>
      </c>
      <c r="E11521" s="6">
        <v>697.26760000000002</v>
      </c>
    </row>
    <row r="11522" spans="4:5" x14ac:dyDescent="0.25">
      <c r="D11522" s="6">
        <v>940.87099999999998</v>
      </c>
      <c r="E11522" s="6">
        <v>1359.143</v>
      </c>
    </row>
    <row r="11523" spans="4:5" x14ac:dyDescent="0.25">
      <c r="D11523" s="6">
        <v>641.62599999999998</v>
      </c>
      <c r="E11523" s="6">
        <v>931.87869999999998</v>
      </c>
    </row>
    <row r="11524" spans="4:5" x14ac:dyDescent="0.25">
      <c r="D11524" s="6">
        <v>816.33330000000001</v>
      </c>
      <c r="E11524" s="6">
        <v>1113.8989999999999</v>
      </c>
    </row>
    <row r="11525" spans="4:5" x14ac:dyDescent="0.25">
      <c r="D11525" s="6">
        <v>698.2011</v>
      </c>
      <c r="E11525" s="6">
        <v>2584.5129999999999</v>
      </c>
    </row>
    <row r="11526" spans="4:5" x14ac:dyDescent="0.25">
      <c r="D11526" s="6">
        <v>992.90419999999995</v>
      </c>
      <c r="E11526" s="6">
        <v>1191.82</v>
      </c>
    </row>
    <row r="11527" spans="4:5" x14ac:dyDescent="0.25">
      <c r="D11527" s="6">
        <v>1200.3030000000001</v>
      </c>
      <c r="E11527" s="6">
        <v>12304.72</v>
      </c>
    </row>
    <row r="11528" spans="4:5" x14ac:dyDescent="0.25">
      <c r="D11528" s="6">
        <v>1486.92</v>
      </c>
      <c r="E11528" s="6">
        <v>752.50459999999998</v>
      </c>
    </row>
    <row r="11529" spans="4:5" x14ac:dyDescent="0.25">
      <c r="D11529" s="6">
        <v>1165.867</v>
      </c>
      <c r="E11529" s="6">
        <v>956.20709999999997</v>
      </c>
    </row>
    <row r="11530" spans="4:5" x14ac:dyDescent="0.25">
      <c r="D11530" s="6">
        <v>3242.7020000000002</v>
      </c>
      <c r="E11530" s="6">
        <v>2182.9639999999999</v>
      </c>
    </row>
    <row r="11531" spans="4:5" x14ac:dyDescent="0.25">
      <c r="D11531" s="6">
        <v>3226.4879999999998</v>
      </c>
      <c r="E11531" s="6">
        <v>1959.739</v>
      </c>
    </row>
    <row r="11532" spans="4:5" x14ac:dyDescent="0.25">
      <c r="D11532" s="6">
        <v>1330.9929999999999</v>
      </c>
      <c r="E11532" s="6">
        <v>4812.3050000000003</v>
      </c>
    </row>
    <row r="11533" spans="4:5" x14ac:dyDescent="0.25">
      <c r="D11533" s="6">
        <v>1285.8019999999999</v>
      </c>
      <c r="E11533" s="6">
        <v>10888.65</v>
      </c>
    </row>
    <row r="11534" spans="4:5" x14ac:dyDescent="0.25">
      <c r="D11534" s="6">
        <v>1075.7149999999999</v>
      </c>
      <c r="E11534" s="6">
        <v>4093.1819999999998</v>
      </c>
    </row>
    <row r="11535" spans="4:5" x14ac:dyDescent="0.25">
      <c r="D11535" s="6">
        <v>849.43989999999997</v>
      </c>
      <c r="E11535" s="6">
        <v>852.77629999999999</v>
      </c>
    </row>
    <row r="11536" spans="4:5" x14ac:dyDescent="0.25">
      <c r="D11536" s="6">
        <v>1314.915</v>
      </c>
      <c r="E11536" s="6">
        <v>980.54160000000002</v>
      </c>
    </row>
    <row r="11537" spans="4:5" x14ac:dyDescent="0.25">
      <c r="D11537" s="6">
        <v>1462.5250000000001</v>
      </c>
      <c r="E11537" s="6">
        <v>648.57650000000001</v>
      </c>
    </row>
    <row r="11538" spans="4:5" x14ac:dyDescent="0.25">
      <c r="D11538" s="6">
        <v>1519.654</v>
      </c>
      <c r="E11538" s="6">
        <v>436.71089999999998</v>
      </c>
    </row>
    <row r="11539" spans="4:5" x14ac:dyDescent="0.25">
      <c r="D11539" s="6">
        <v>2905.2730000000001</v>
      </c>
      <c r="E11539" s="6">
        <v>513.6</v>
      </c>
    </row>
    <row r="11540" spans="4:5" x14ac:dyDescent="0.25">
      <c r="D11540" s="6">
        <v>1681.261</v>
      </c>
      <c r="E11540" s="6">
        <v>364.71429999999998</v>
      </c>
    </row>
    <row r="11541" spans="4:5" x14ac:dyDescent="0.25">
      <c r="D11541" s="6">
        <v>1215.127</v>
      </c>
      <c r="E11541" s="6">
        <v>974.93610000000001</v>
      </c>
    </row>
    <row r="11542" spans="4:5" x14ac:dyDescent="0.25">
      <c r="D11542" s="6">
        <v>3717.0949999999998</v>
      </c>
      <c r="E11542" s="6">
        <v>719.26670000000001</v>
      </c>
    </row>
    <row r="11543" spans="4:5" x14ac:dyDescent="0.25">
      <c r="D11543" s="6">
        <v>1482.33</v>
      </c>
      <c r="E11543" s="6">
        <v>4815.143</v>
      </c>
    </row>
    <row r="11544" spans="4:5" x14ac:dyDescent="0.25">
      <c r="D11544" s="6">
        <v>2032.827</v>
      </c>
      <c r="E11544" s="6">
        <v>11696.51</v>
      </c>
    </row>
    <row r="11545" spans="4:5" x14ac:dyDescent="0.25">
      <c r="D11545" s="6">
        <v>2638.0929999999998</v>
      </c>
      <c r="E11545" s="6">
        <v>1097.1849999999999</v>
      </c>
    </row>
    <row r="11546" spans="4:5" x14ac:dyDescent="0.25">
      <c r="D11546" s="6">
        <v>1703.2950000000001</v>
      </c>
      <c r="E11546" s="6">
        <v>3607.0909999999999</v>
      </c>
    </row>
    <row r="11547" spans="4:5" x14ac:dyDescent="0.25">
      <c r="D11547" s="6">
        <v>1069.1579999999999</v>
      </c>
      <c r="E11547" s="6">
        <v>1007.098</v>
      </c>
    </row>
    <row r="11548" spans="4:5" x14ac:dyDescent="0.25">
      <c r="D11548" s="6">
        <v>2216.52</v>
      </c>
      <c r="E11548" s="6">
        <v>790.83529999999996</v>
      </c>
    </row>
    <row r="11549" spans="4:5" x14ac:dyDescent="0.25">
      <c r="D11549" s="6">
        <v>997.39440000000002</v>
      </c>
      <c r="E11549" s="6">
        <v>897.08360000000005</v>
      </c>
    </row>
    <row r="11550" spans="4:5" x14ac:dyDescent="0.25">
      <c r="D11550" s="6">
        <v>896.69799999999998</v>
      </c>
      <c r="E11550" s="6">
        <v>1003.167</v>
      </c>
    </row>
    <row r="11551" spans="4:5" x14ac:dyDescent="0.25">
      <c r="D11551" s="6">
        <v>1170.0530000000001</v>
      </c>
      <c r="E11551" s="6">
        <v>1867.4259999999999</v>
      </c>
    </row>
    <row r="11552" spans="4:5" x14ac:dyDescent="0.25">
      <c r="D11552" s="6">
        <v>1825.2570000000001</v>
      </c>
      <c r="E11552" s="6">
        <v>2035.3789999999999</v>
      </c>
    </row>
    <row r="11553" spans="4:5" x14ac:dyDescent="0.25">
      <c r="D11553" s="6">
        <v>486.1</v>
      </c>
      <c r="E11553" s="6">
        <v>679.18859999999995</v>
      </c>
    </row>
    <row r="11554" spans="4:5" x14ac:dyDescent="0.25">
      <c r="D11554" s="6">
        <v>981.18029999999999</v>
      </c>
      <c r="E11554" s="6">
        <v>708.0829</v>
      </c>
    </row>
    <row r="11555" spans="4:5" x14ac:dyDescent="0.25">
      <c r="D11555" s="6">
        <v>7348.0770000000002</v>
      </c>
      <c r="E11555" s="6">
        <v>796.16570000000002</v>
      </c>
    </row>
    <row r="11556" spans="4:5" x14ac:dyDescent="0.25">
      <c r="D11556" s="6">
        <v>3081.5</v>
      </c>
      <c r="E11556" s="6">
        <v>1015.525</v>
      </c>
    </row>
    <row r="11557" spans="4:5" x14ac:dyDescent="0.25">
      <c r="D11557" s="6">
        <v>947.33119999999997</v>
      </c>
      <c r="E11557" s="6">
        <v>531.00009999999997</v>
      </c>
    </row>
    <row r="11558" spans="4:5" x14ac:dyDescent="0.25">
      <c r="D11558" s="6">
        <v>704.90430000000003</v>
      </c>
      <c r="E11558" s="6">
        <v>5039.6000000000004</v>
      </c>
    </row>
    <row r="11559" spans="4:5" x14ac:dyDescent="0.25">
      <c r="D11559" s="6">
        <v>10463.219999999999</v>
      </c>
      <c r="E11559" s="6">
        <v>1235.518</v>
      </c>
    </row>
    <row r="11560" spans="4:5" x14ac:dyDescent="0.25">
      <c r="D11560" s="6">
        <v>472.20310000000001</v>
      </c>
      <c r="E11560" s="6">
        <v>884.26850000000002</v>
      </c>
    </row>
    <row r="11561" spans="4:5" x14ac:dyDescent="0.25">
      <c r="D11561" s="6">
        <v>1045.5029999999999</v>
      </c>
      <c r="E11561" s="6">
        <v>1063.0060000000001</v>
      </c>
    </row>
    <row r="11562" spans="4:5" x14ac:dyDescent="0.25">
      <c r="D11562" s="6">
        <v>1196.876</v>
      </c>
      <c r="E11562" s="6">
        <v>213.73439999999999</v>
      </c>
    </row>
    <row r="11563" spans="4:5" x14ac:dyDescent="0.25">
      <c r="D11563" s="6">
        <v>749.79250000000002</v>
      </c>
      <c r="E11563" s="6">
        <v>2733.7890000000002</v>
      </c>
    </row>
    <row r="11564" spans="4:5" x14ac:dyDescent="0.25">
      <c r="D11564" s="6">
        <v>2323.6509999999998</v>
      </c>
      <c r="E11564" s="6">
        <v>715.61300000000006</v>
      </c>
    </row>
    <row r="11565" spans="4:5" x14ac:dyDescent="0.25">
      <c r="D11565" s="6">
        <v>1819.9349999999999</v>
      </c>
      <c r="E11565" s="6">
        <v>1488.779</v>
      </c>
    </row>
    <row r="11566" spans="4:5" x14ac:dyDescent="0.25">
      <c r="D11566" s="6">
        <v>696.67520000000002</v>
      </c>
      <c r="E11566" s="6">
        <v>550.255</v>
      </c>
    </row>
    <row r="11567" spans="4:5" x14ac:dyDescent="0.25">
      <c r="D11567" s="6">
        <v>1219.203</v>
      </c>
      <c r="E11567" s="6">
        <v>1895.3330000000001</v>
      </c>
    </row>
    <row r="11568" spans="4:5" x14ac:dyDescent="0.25">
      <c r="D11568" s="6">
        <v>1015.678</v>
      </c>
      <c r="E11568" s="6">
        <v>471.34500000000003</v>
      </c>
    </row>
    <row r="11569" spans="4:5" x14ac:dyDescent="0.25">
      <c r="D11569" s="6">
        <v>439.14800000000002</v>
      </c>
      <c r="E11569" s="6">
        <v>1886.145</v>
      </c>
    </row>
    <row r="11570" spans="4:5" x14ac:dyDescent="0.25">
      <c r="D11570" s="6">
        <v>2562.194</v>
      </c>
      <c r="E11570" s="6">
        <v>1449.028</v>
      </c>
    </row>
    <row r="11571" spans="4:5" x14ac:dyDescent="0.25">
      <c r="D11571" s="6">
        <v>942.95809999999994</v>
      </c>
      <c r="E11571" s="6">
        <v>1784.1610000000001</v>
      </c>
    </row>
    <row r="11572" spans="4:5" x14ac:dyDescent="0.25">
      <c r="D11572" s="6">
        <v>3270.9140000000002</v>
      </c>
      <c r="E11572" s="6">
        <v>1157.5450000000001</v>
      </c>
    </row>
    <row r="11573" spans="4:5" x14ac:dyDescent="0.25">
      <c r="D11573" s="6">
        <v>1060.434</v>
      </c>
      <c r="E11573" s="6">
        <v>450.33319999999998</v>
      </c>
    </row>
    <row r="11574" spans="4:5" x14ac:dyDescent="0.25">
      <c r="D11574" s="6">
        <v>722</v>
      </c>
      <c r="E11574" s="6">
        <v>846.44550000000004</v>
      </c>
    </row>
    <row r="11575" spans="4:5" x14ac:dyDescent="0.25">
      <c r="D11575" s="6">
        <v>2540.1619999999998</v>
      </c>
      <c r="E11575" s="6">
        <v>1643.61</v>
      </c>
    </row>
    <row r="11576" spans="4:5" x14ac:dyDescent="0.25">
      <c r="D11576" s="6">
        <v>1091.18</v>
      </c>
      <c r="E11576" s="6">
        <v>9480.44</v>
      </c>
    </row>
    <row r="11577" spans="4:5" x14ac:dyDescent="0.25">
      <c r="D11577" s="6">
        <v>1409.4010000000001</v>
      </c>
      <c r="E11577" s="6">
        <v>1237.547</v>
      </c>
    </row>
    <row r="11578" spans="4:5" x14ac:dyDescent="0.25">
      <c r="D11578" s="6">
        <v>1753.6780000000001</v>
      </c>
      <c r="E11578" s="6">
        <v>1947.8150000000001</v>
      </c>
    </row>
    <row r="11579" spans="4:5" x14ac:dyDescent="0.25">
      <c r="D11579" s="6">
        <v>1623.405</v>
      </c>
      <c r="E11579" s="6">
        <v>637.91859999999997</v>
      </c>
    </row>
    <row r="11580" spans="4:5" x14ac:dyDescent="0.25">
      <c r="D11580" s="6">
        <v>416.39339999999999</v>
      </c>
      <c r="E11580" s="6">
        <v>3247.8139999999999</v>
      </c>
    </row>
    <row r="11581" spans="4:5" x14ac:dyDescent="0.25">
      <c r="D11581" s="6">
        <v>1628.1179999999999</v>
      </c>
      <c r="E11581" s="6">
        <v>7452.0959999999995</v>
      </c>
    </row>
    <row r="11582" spans="4:5" x14ac:dyDescent="0.25">
      <c r="D11582" s="6">
        <v>1649.7139999999999</v>
      </c>
      <c r="E11582" s="6">
        <v>829.47749999999996</v>
      </c>
    </row>
    <row r="11583" spans="4:5" x14ac:dyDescent="0.25">
      <c r="D11583" s="6">
        <v>854.37130000000002</v>
      </c>
      <c r="E11583" s="6">
        <v>2002.1980000000001</v>
      </c>
    </row>
    <row r="11584" spans="4:5" x14ac:dyDescent="0.25">
      <c r="D11584" s="6">
        <v>3079.1590000000001</v>
      </c>
      <c r="E11584" s="6">
        <v>775.29</v>
      </c>
    </row>
    <row r="11585" spans="4:5" x14ac:dyDescent="0.25">
      <c r="D11585" s="6">
        <v>1847.971</v>
      </c>
      <c r="E11585" s="6">
        <v>2354.7860000000001</v>
      </c>
    </row>
    <row r="11586" spans="4:5" x14ac:dyDescent="0.25">
      <c r="D11586" s="6">
        <v>1526.9839999999999</v>
      </c>
      <c r="E11586" s="6">
        <v>1169.588</v>
      </c>
    </row>
    <row r="11587" spans="4:5" x14ac:dyDescent="0.25">
      <c r="D11587" s="6">
        <v>1643.9</v>
      </c>
      <c r="E11587" s="6">
        <v>957.71559999999999</v>
      </c>
    </row>
    <row r="11588" spans="4:5" x14ac:dyDescent="0.25">
      <c r="D11588" s="6">
        <v>2558.06</v>
      </c>
      <c r="E11588" s="6">
        <v>3243.7179999999998</v>
      </c>
    </row>
    <row r="11589" spans="4:5" x14ac:dyDescent="0.25">
      <c r="D11589" s="6">
        <v>1606.085</v>
      </c>
      <c r="E11589" s="6">
        <v>1198.078</v>
      </c>
    </row>
    <row r="11590" spans="4:5" x14ac:dyDescent="0.25">
      <c r="D11590" s="6">
        <v>823.15020000000004</v>
      </c>
      <c r="E11590" s="6">
        <v>1670.8119999999999</v>
      </c>
    </row>
    <row r="11591" spans="4:5" x14ac:dyDescent="0.25">
      <c r="D11591" s="6">
        <v>865.4547</v>
      </c>
      <c r="E11591" s="6">
        <v>8770.2279999999992</v>
      </c>
    </row>
    <row r="11592" spans="4:5" x14ac:dyDescent="0.25">
      <c r="D11592" s="6">
        <v>822.96939999999995</v>
      </c>
      <c r="E11592" s="6">
        <v>910.72609999999997</v>
      </c>
    </row>
    <row r="11593" spans="4:5" x14ac:dyDescent="0.25">
      <c r="D11593" s="6">
        <v>643.25</v>
      </c>
      <c r="E11593" s="6">
        <v>865.67700000000002</v>
      </c>
    </row>
    <row r="11594" spans="4:5" x14ac:dyDescent="0.25">
      <c r="D11594" s="6">
        <v>435.50220000000002</v>
      </c>
      <c r="E11594" s="6">
        <v>529.71529999999996</v>
      </c>
    </row>
    <row r="11595" spans="4:5" x14ac:dyDescent="0.25">
      <c r="D11595" s="6">
        <v>1413.356</v>
      </c>
      <c r="E11595" s="6">
        <v>1006.598</v>
      </c>
    </row>
    <row r="11596" spans="4:5" x14ac:dyDescent="0.25">
      <c r="D11596" s="6">
        <v>549.96439999999996</v>
      </c>
      <c r="E11596" s="6">
        <v>813.70759999999996</v>
      </c>
    </row>
    <row r="11597" spans="4:5" x14ac:dyDescent="0.25">
      <c r="D11597" s="6">
        <v>884.73260000000005</v>
      </c>
      <c r="E11597" s="6">
        <v>1130.4559999999999</v>
      </c>
    </row>
    <row r="11598" spans="4:5" x14ac:dyDescent="0.25">
      <c r="D11598" s="6">
        <v>1215.9010000000001</v>
      </c>
      <c r="E11598" s="6">
        <v>795.22280000000001</v>
      </c>
    </row>
    <row r="11599" spans="4:5" x14ac:dyDescent="0.25">
      <c r="D11599" s="6">
        <v>526.26859999999999</v>
      </c>
      <c r="E11599" s="6">
        <v>3004.7089999999998</v>
      </c>
    </row>
    <row r="11600" spans="4:5" x14ac:dyDescent="0.25">
      <c r="D11600" s="6">
        <v>1840.077</v>
      </c>
      <c r="E11600" s="6">
        <v>721.4067</v>
      </c>
    </row>
    <row r="11601" spans="4:5" x14ac:dyDescent="0.25">
      <c r="D11601" s="6">
        <v>1216.721</v>
      </c>
      <c r="E11601" s="6">
        <v>1175.857</v>
      </c>
    </row>
    <row r="11602" spans="4:5" x14ac:dyDescent="0.25">
      <c r="D11602" s="6">
        <v>6793.7139999999999</v>
      </c>
      <c r="E11602" s="6">
        <v>646.90769999999998</v>
      </c>
    </row>
    <row r="11603" spans="4:5" x14ac:dyDescent="0.25">
      <c r="D11603" s="6">
        <v>808.02679999999998</v>
      </c>
      <c r="E11603" s="6">
        <v>2559.31</v>
      </c>
    </row>
    <row r="11604" spans="4:5" x14ac:dyDescent="0.25">
      <c r="D11604" s="6">
        <v>730.10260000000005</v>
      </c>
      <c r="E11604" s="6">
        <v>867.57399999999996</v>
      </c>
    </row>
    <row r="11605" spans="4:5" x14ac:dyDescent="0.25">
      <c r="D11605" s="6">
        <v>2247.7040000000002</v>
      </c>
      <c r="E11605" s="6">
        <v>775.09050000000002</v>
      </c>
    </row>
    <row r="11606" spans="4:5" x14ac:dyDescent="0.25">
      <c r="D11606" s="6">
        <v>1107.3140000000001</v>
      </c>
      <c r="E11606" s="6">
        <v>514.73670000000004</v>
      </c>
    </row>
    <row r="11607" spans="4:5" x14ac:dyDescent="0.25">
      <c r="D11607" s="6">
        <v>910.03890000000001</v>
      </c>
      <c r="E11607" s="6">
        <v>742.90689999999995</v>
      </c>
    </row>
    <row r="11608" spans="4:5" x14ac:dyDescent="0.25">
      <c r="D11608" s="6">
        <v>1516.9559999999999</v>
      </c>
      <c r="E11608" s="6">
        <v>6071.89</v>
      </c>
    </row>
    <row r="11609" spans="4:5" x14ac:dyDescent="0.25">
      <c r="D11609" s="6">
        <v>2195.366</v>
      </c>
      <c r="E11609" s="6">
        <v>530.37419999999997</v>
      </c>
    </row>
    <row r="11610" spans="4:5" x14ac:dyDescent="0.25">
      <c r="D11610" s="6">
        <v>764.97069999999997</v>
      </c>
      <c r="E11610" s="6">
        <v>1061.23</v>
      </c>
    </row>
    <row r="11611" spans="4:5" x14ac:dyDescent="0.25">
      <c r="D11611" s="6">
        <v>2148.2809999999999</v>
      </c>
      <c r="E11611" s="6">
        <v>644.96810000000005</v>
      </c>
    </row>
    <row r="11612" spans="4:5" x14ac:dyDescent="0.25">
      <c r="D11612" s="6">
        <v>1067.5989999999999</v>
      </c>
      <c r="E11612" s="6">
        <v>2723.6990000000001</v>
      </c>
    </row>
    <row r="11613" spans="4:5" x14ac:dyDescent="0.25">
      <c r="D11613" s="6">
        <v>1775.0840000000001</v>
      </c>
      <c r="E11613" s="6">
        <v>999.25580000000002</v>
      </c>
    </row>
    <row r="11614" spans="4:5" x14ac:dyDescent="0.25">
      <c r="D11614" s="6">
        <v>806.74779999999998</v>
      </c>
      <c r="E11614" s="6">
        <v>527.16539999999998</v>
      </c>
    </row>
    <row r="11615" spans="4:5" x14ac:dyDescent="0.25">
      <c r="D11615" s="6">
        <v>939.61059999999998</v>
      </c>
      <c r="E11615" s="6">
        <v>4375.4530000000004</v>
      </c>
    </row>
    <row r="11616" spans="4:5" x14ac:dyDescent="0.25">
      <c r="D11616" s="6">
        <v>3252.8719999999998</v>
      </c>
      <c r="E11616" s="6">
        <v>7935.759</v>
      </c>
    </row>
    <row r="11617" spans="4:5" x14ac:dyDescent="0.25">
      <c r="D11617" s="6">
        <v>765.69299999999998</v>
      </c>
      <c r="E11617" s="6">
        <v>1348.7529999999999</v>
      </c>
    </row>
    <row r="11618" spans="4:5" x14ac:dyDescent="0.25">
      <c r="D11618" s="6">
        <v>1600.721</v>
      </c>
      <c r="E11618" s="6">
        <v>1472.779</v>
      </c>
    </row>
    <row r="11619" spans="4:5" x14ac:dyDescent="0.25">
      <c r="D11619" s="6">
        <v>826.39570000000003</v>
      </c>
      <c r="E11619" s="6">
        <v>879.24059999999997</v>
      </c>
    </row>
    <row r="11620" spans="4:5" x14ac:dyDescent="0.25">
      <c r="D11620" s="6">
        <v>962.31510000000003</v>
      </c>
      <c r="E11620" s="6">
        <v>1527.096</v>
      </c>
    </row>
    <row r="11621" spans="4:5" x14ac:dyDescent="0.25">
      <c r="D11621" s="6">
        <v>1184.421</v>
      </c>
      <c r="E11621" s="6">
        <v>8119.7120000000004</v>
      </c>
    </row>
    <row r="11622" spans="4:5" x14ac:dyDescent="0.25">
      <c r="D11622" s="6">
        <v>1464.44</v>
      </c>
      <c r="E11622" s="6">
        <v>988.56060000000002</v>
      </c>
    </row>
    <row r="11623" spans="4:5" x14ac:dyDescent="0.25">
      <c r="D11623" s="6">
        <v>547.85509999999999</v>
      </c>
      <c r="E11623" s="6">
        <v>9391.7659999999996</v>
      </c>
    </row>
    <row r="11624" spans="4:5" x14ac:dyDescent="0.25">
      <c r="D11624" s="6">
        <v>646.67920000000004</v>
      </c>
      <c r="E11624" s="6">
        <v>7961.8149999999996</v>
      </c>
    </row>
    <row r="11625" spans="4:5" x14ac:dyDescent="0.25">
      <c r="D11625" s="6">
        <v>931.62130000000002</v>
      </c>
      <c r="E11625" s="6">
        <v>3546.6979999999999</v>
      </c>
    </row>
    <row r="11626" spans="4:5" x14ac:dyDescent="0.25">
      <c r="D11626" s="6">
        <v>1198.009</v>
      </c>
      <c r="E11626" s="6">
        <v>675.76459999999997</v>
      </c>
    </row>
    <row r="11627" spans="4:5" x14ac:dyDescent="0.25">
      <c r="D11627" s="6">
        <v>910.53330000000005</v>
      </c>
      <c r="E11627" s="6">
        <v>9584.5889999999999</v>
      </c>
    </row>
    <row r="11628" spans="4:5" x14ac:dyDescent="0.25">
      <c r="D11628" s="6">
        <v>1080.2809999999999</v>
      </c>
      <c r="E11628" s="6">
        <v>997.81970000000001</v>
      </c>
    </row>
    <row r="11629" spans="4:5" x14ac:dyDescent="0.25">
      <c r="D11629" s="6">
        <v>1429.777</v>
      </c>
      <c r="E11629" s="6">
        <v>902.09619999999995</v>
      </c>
    </row>
    <row r="11630" spans="4:5" x14ac:dyDescent="0.25">
      <c r="D11630" s="6">
        <v>1771.9870000000001</v>
      </c>
      <c r="E11630" s="6">
        <v>498.00959999999998</v>
      </c>
    </row>
    <row r="11631" spans="4:5" x14ac:dyDescent="0.25">
      <c r="D11631" s="6">
        <v>1319.5740000000001</v>
      </c>
      <c r="E11631" s="6">
        <v>1025.53</v>
      </c>
    </row>
    <row r="11632" spans="4:5" x14ac:dyDescent="0.25">
      <c r="D11632" s="6">
        <v>1512.9649999999999</v>
      </c>
      <c r="E11632" s="6">
        <v>846.80259999999998</v>
      </c>
    </row>
    <row r="11633" spans="4:5" x14ac:dyDescent="0.25">
      <c r="D11633" s="6">
        <v>961.5779</v>
      </c>
      <c r="E11633" s="6">
        <v>831.57249999999999</v>
      </c>
    </row>
    <row r="11634" spans="4:5" x14ac:dyDescent="0.25">
      <c r="D11634" s="6">
        <v>1477.384</v>
      </c>
      <c r="E11634" s="6">
        <v>9249.8060000000005</v>
      </c>
    </row>
    <row r="11635" spans="4:5" x14ac:dyDescent="0.25">
      <c r="D11635" s="6">
        <v>1600.278</v>
      </c>
      <c r="E11635" s="6">
        <v>1801.8610000000001</v>
      </c>
    </row>
    <row r="11636" spans="4:5" x14ac:dyDescent="0.25">
      <c r="D11636" s="6">
        <v>1353.692</v>
      </c>
      <c r="E11636" s="6">
        <v>760.64850000000001</v>
      </c>
    </row>
    <row r="11637" spans="4:5" x14ac:dyDescent="0.25">
      <c r="D11637" s="6">
        <v>927.1327</v>
      </c>
      <c r="E11637" s="6">
        <v>955.30010000000004</v>
      </c>
    </row>
    <row r="11638" spans="4:5" x14ac:dyDescent="0.25">
      <c r="D11638" s="6">
        <v>1138.4970000000001</v>
      </c>
      <c r="E11638" s="6">
        <v>905.82640000000004</v>
      </c>
    </row>
    <row r="11639" spans="4:5" x14ac:dyDescent="0.25">
      <c r="D11639" s="6">
        <v>831.46019999999999</v>
      </c>
      <c r="E11639" s="6">
        <v>1731.24</v>
      </c>
    </row>
    <row r="11640" spans="4:5" x14ac:dyDescent="0.25">
      <c r="D11640" s="6">
        <v>490.79649999999998</v>
      </c>
      <c r="E11640" s="6">
        <v>2090.9430000000002</v>
      </c>
    </row>
    <row r="11641" spans="4:5" x14ac:dyDescent="0.25">
      <c r="D11641" s="6">
        <v>808.44470000000001</v>
      </c>
      <c r="E11641" s="6">
        <v>936.29740000000004</v>
      </c>
    </row>
    <row r="11642" spans="4:5" x14ac:dyDescent="0.25">
      <c r="D11642" s="6">
        <v>1389.1949999999999</v>
      </c>
      <c r="E11642" s="6">
        <v>963.93769999999995</v>
      </c>
    </row>
    <row r="11643" spans="4:5" x14ac:dyDescent="0.25">
      <c r="D11643" s="6">
        <v>1652.306</v>
      </c>
      <c r="E11643" s="6">
        <v>3156.7</v>
      </c>
    </row>
    <row r="11644" spans="4:5" x14ac:dyDescent="0.25">
      <c r="D11644" s="6">
        <v>728.73239999999998</v>
      </c>
      <c r="E11644" s="6">
        <v>633.00570000000005</v>
      </c>
    </row>
    <row r="11645" spans="4:5" x14ac:dyDescent="0.25">
      <c r="D11645" s="6">
        <v>512.8252</v>
      </c>
      <c r="E11645" s="6">
        <v>3421.95</v>
      </c>
    </row>
    <row r="11646" spans="4:5" x14ac:dyDescent="0.25">
      <c r="D11646" s="6">
        <v>1250.6279999999999</v>
      </c>
      <c r="E11646" s="6">
        <v>728.48479999999995</v>
      </c>
    </row>
    <row r="11647" spans="4:5" x14ac:dyDescent="0.25">
      <c r="D11647" s="6">
        <v>999.61300000000006</v>
      </c>
      <c r="E11647" s="6">
        <v>649.04060000000004</v>
      </c>
    </row>
    <row r="11648" spans="4:5" x14ac:dyDescent="0.25">
      <c r="D11648" s="6">
        <v>942.48019999999997</v>
      </c>
      <c r="E11648" s="6">
        <v>1838.8150000000001</v>
      </c>
    </row>
    <row r="11649" spans="4:5" x14ac:dyDescent="0.25">
      <c r="D11649" s="6">
        <v>816.73270000000002</v>
      </c>
      <c r="E11649" s="6">
        <v>1048.578</v>
      </c>
    </row>
    <row r="11650" spans="4:5" x14ac:dyDescent="0.25">
      <c r="D11650" s="6">
        <v>786.46759999999995</v>
      </c>
      <c r="E11650" s="6">
        <v>753.58770000000004</v>
      </c>
    </row>
    <row r="11651" spans="4:5" x14ac:dyDescent="0.25">
      <c r="D11651" s="6">
        <v>774.05319999999995</v>
      </c>
      <c r="E11651" s="6">
        <v>1494.0340000000001</v>
      </c>
    </row>
    <row r="11652" spans="4:5" x14ac:dyDescent="0.25">
      <c r="D11652" s="6">
        <v>891.11360000000002</v>
      </c>
      <c r="E11652" s="6">
        <v>605.84069999999997</v>
      </c>
    </row>
    <row r="11653" spans="4:5" x14ac:dyDescent="0.25">
      <c r="D11653" s="6">
        <v>1177.4359999999999</v>
      </c>
      <c r="E11653" s="6">
        <v>1083.175</v>
      </c>
    </row>
    <row r="11654" spans="4:5" x14ac:dyDescent="0.25">
      <c r="D11654" s="6">
        <v>1655.154</v>
      </c>
      <c r="E11654" s="6">
        <v>3555</v>
      </c>
    </row>
    <row r="11655" spans="4:5" x14ac:dyDescent="0.25">
      <c r="D11655" s="6">
        <v>1063.2639999999999</v>
      </c>
      <c r="E11655" s="6">
        <v>1185.6010000000001</v>
      </c>
    </row>
    <row r="11656" spans="4:5" x14ac:dyDescent="0.25">
      <c r="D11656" s="6">
        <v>1326.011</v>
      </c>
      <c r="E11656" s="6">
        <v>1524.011</v>
      </c>
    </row>
    <row r="11657" spans="4:5" x14ac:dyDescent="0.25">
      <c r="D11657" s="6">
        <v>683.72280000000001</v>
      </c>
      <c r="E11657" s="6">
        <v>8019.0720000000001</v>
      </c>
    </row>
    <row r="11658" spans="4:5" x14ac:dyDescent="0.25">
      <c r="D11658" s="6">
        <v>1161.021</v>
      </c>
      <c r="E11658" s="6">
        <v>613.61320000000001</v>
      </c>
    </row>
    <row r="11659" spans="4:5" x14ac:dyDescent="0.25">
      <c r="D11659" s="6">
        <v>1336.1780000000001</v>
      </c>
      <c r="E11659" s="6">
        <v>6598.04</v>
      </c>
    </row>
    <row r="11660" spans="4:5" x14ac:dyDescent="0.25">
      <c r="D11660" s="6">
        <v>1923.171</v>
      </c>
      <c r="E11660" s="6">
        <v>657.11109999999996</v>
      </c>
    </row>
    <row r="11661" spans="4:5" x14ac:dyDescent="0.25">
      <c r="D11661" s="6">
        <v>1218.2070000000001</v>
      </c>
      <c r="E11661" s="6">
        <v>4213.2749999999996</v>
      </c>
    </row>
    <row r="11662" spans="4:5" x14ac:dyDescent="0.25">
      <c r="D11662" s="6">
        <v>4497.5349999999999</v>
      </c>
      <c r="E11662" s="6">
        <v>755.81359999999995</v>
      </c>
    </row>
    <row r="11663" spans="4:5" x14ac:dyDescent="0.25">
      <c r="D11663" s="6">
        <v>824.17740000000003</v>
      </c>
      <c r="E11663" s="6">
        <v>1636.625</v>
      </c>
    </row>
    <row r="11664" spans="4:5" x14ac:dyDescent="0.25">
      <c r="D11664" s="6">
        <v>596.11109999999996</v>
      </c>
      <c r="E11664" s="6">
        <v>1228.3920000000001</v>
      </c>
    </row>
    <row r="11665" spans="4:5" x14ac:dyDescent="0.25">
      <c r="D11665" s="6">
        <v>1192.7919999999999</v>
      </c>
      <c r="E11665" s="6">
        <v>4866.9880000000003</v>
      </c>
    </row>
    <row r="11666" spans="4:5" x14ac:dyDescent="0.25">
      <c r="D11666" s="6">
        <v>1082.5899999999999</v>
      </c>
      <c r="E11666" s="6">
        <v>954.96590000000003</v>
      </c>
    </row>
    <row r="11667" spans="4:5" x14ac:dyDescent="0.25">
      <c r="D11667" s="6">
        <v>363.72730000000001</v>
      </c>
      <c r="E11667" s="6">
        <v>2312</v>
      </c>
    </row>
    <row r="11668" spans="4:5" x14ac:dyDescent="0.25">
      <c r="D11668" s="6">
        <v>1109.1659999999999</v>
      </c>
      <c r="E11668" s="6">
        <v>640.17200000000003</v>
      </c>
    </row>
    <row r="11669" spans="4:5" x14ac:dyDescent="0.25">
      <c r="D11669" s="6">
        <v>1622.1780000000001</v>
      </c>
      <c r="E11669" s="6">
        <v>518.03959999999995</v>
      </c>
    </row>
    <row r="11670" spans="4:5" x14ac:dyDescent="0.25">
      <c r="D11670" s="6">
        <v>1439.884</v>
      </c>
      <c r="E11670" s="6">
        <v>1182.127</v>
      </c>
    </row>
    <row r="11671" spans="4:5" x14ac:dyDescent="0.25">
      <c r="D11671" s="6">
        <v>1353.0060000000001</v>
      </c>
      <c r="E11671" s="6">
        <v>419.29730000000001</v>
      </c>
    </row>
    <row r="11672" spans="4:5" x14ac:dyDescent="0.25">
      <c r="D11672" s="6">
        <v>1036.867</v>
      </c>
      <c r="E11672" s="6">
        <v>6473.116</v>
      </c>
    </row>
    <row r="11673" spans="4:5" x14ac:dyDescent="0.25">
      <c r="D11673" s="6">
        <v>672.12929999999994</v>
      </c>
      <c r="E11673" s="6">
        <v>2868.154</v>
      </c>
    </row>
    <row r="11674" spans="4:5" x14ac:dyDescent="0.25">
      <c r="D11674" s="6">
        <v>1269.5</v>
      </c>
      <c r="E11674" s="6">
        <v>6517.8540000000003</v>
      </c>
    </row>
    <row r="11675" spans="4:5" x14ac:dyDescent="0.25">
      <c r="D11675" s="6">
        <v>4523.2820000000002</v>
      </c>
      <c r="E11675" s="6">
        <v>802.01549999999997</v>
      </c>
    </row>
    <row r="11676" spans="4:5" x14ac:dyDescent="0.25">
      <c r="D11676" s="6">
        <v>1812.175</v>
      </c>
      <c r="E11676" s="6">
        <v>302</v>
      </c>
    </row>
    <row r="11677" spans="4:5" x14ac:dyDescent="0.25">
      <c r="D11677" s="6">
        <v>901.12879999999996</v>
      </c>
      <c r="E11677" s="6">
        <v>1043.165</v>
      </c>
    </row>
    <row r="11678" spans="4:5" x14ac:dyDescent="0.25">
      <c r="D11678" s="6">
        <v>3668.03</v>
      </c>
      <c r="E11678" s="6">
        <v>2389.1669999999999</v>
      </c>
    </row>
    <row r="11679" spans="4:5" x14ac:dyDescent="0.25">
      <c r="D11679" s="6">
        <v>1232.806</v>
      </c>
      <c r="E11679" s="6">
        <v>469.34039999999999</v>
      </c>
    </row>
    <row r="11680" spans="4:5" x14ac:dyDescent="0.25">
      <c r="D11680" s="6">
        <v>1446.133</v>
      </c>
      <c r="E11680" s="6">
        <v>9538.3009999999995</v>
      </c>
    </row>
    <row r="11681" spans="4:5" x14ac:dyDescent="0.25">
      <c r="D11681" s="6">
        <v>901.58439999999996</v>
      </c>
      <c r="E11681" s="6">
        <v>3086.6619999999998</v>
      </c>
    </row>
    <row r="11682" spans="4:5" x14ac:dyDescent="0.25">
      <c r="D11682" s="6">
        <v>2452.3679999999999</v>
      </c>
      <c r="E11682" s="6">
        <v>4793.3829999999998</v>
      </c>
    </row>
    <row r="11683" spans="4:5" x14ac:dyDescent="0.25">
      <c r="D11683" s="6">
        <v>979.13850000000002</v>
      </c>
      <c r="E11683" s="6">
        <v>435.14859999999999</v>
      </c>
    </row>
    <row r="11684" spans="4:5" x14ac:dyDescent="0.25">
      <c r="D11684" s="6">
        <v>1325.9010000000001</v>
      </c>
      <c r="E11684" s="6">
        <v>874.69669999999996</v>
      </c>
    </row>
    <row r="11685" spans="4:5" x14ac:dyDescent="0.25">
      <c r="D11685" s="6">
        <v>1473.683</v>
      </c>
      <c r="E11685" s="6">
        <v>620.21410000000003</v>
      </c>
    </row>
    <row r="11686" spans="4:5" x14ac:dyDescent="0.25">
      <c r="D11686" s="6">
        <v>5058.7139999999999</v>
      </c>
      <c r="E11686" s="6">
        <v>680.04629999999997</v>
      </c>
    </row>
    <row r="11687" spans="4:5" x14ac:dyDescent="0.25">
      <c r="D11687" s="6">
        <v>504.27089999999998</v>
      </c>
      <c r="E11687" s="6">
        <v>555.81020000000001</v>
      </c>
    </row>
    <row r="11688" spans="4:5" x14ac:dyDescent="0.25">
      <c r="D11688" s="6">
        <v>1173.7850000000001</v>
      </c>
      <c r="E11688" s="6">
        <v>628.23569999999995</v>
      </c>
    </row>
    <row r="11689" spans="4:5" x14ac:dyDescent="0.25">
      <c r="D11689" s="6">
        <v>1400.8440000000001</v>
      </c>
      <c r="E11689" s="6">
        <v>1949.8620000000001</v>
      </c>
    </row>
    <row r="11690" spans="4:5" x14ac:dyDescent="0.25">
      <c r="D11690" s="6">
        <v>533.54070000000002</v>
      </c>
      <c r="E11690" s="6">
        <v>1207.1669999999999</v>
      </c>
    </row>
    <row r="11691" spans="4:5" x14ac:dyDescent="0.25">
      <c r="D11691" s="6">
        <v>2870.5549999999998</v>
      </c>
      <c r="E11691" s="6">
        <v>1023.062</v>
      </c>
    </row>
    <row r="11692" spans="4:5" x14ac:dyDescent="0.25">
      <c r="D11692" s="6">
        <v>1754.4849999999999</v>
      </c>
      <c r="E11692" s="6">
        <v>1293.4349999999999</v>
      </c>
    </row>
    <row r="11693" spans="4:5" x14ac:dyDescent="0.25">
      <c r="D11693" s="6">
        <v>808.05909999999994</v>
      </c>
      <c r="E11693" s="6">
        <v>961.78980000000001</v>
      </c>
    </row>
    <row r="11694" spans="4:5" x14ac:dyDescent="0.25">
      <c r="D11694" s="6">
        <v>1973.6479999999999</v>
      </c>
      <c r="E11694" s="6">
        <v>613.77300000000002</v>
      </c>
    </row>
    <row r="11695" spans="4:5" x14ac:dyDescent="0.25">
      <c r="D11695" s="6">
        <v>1348.056</v>
      </c>
      <c r="E11695" s="6">
        <v>945.21789999999999</v>
      </c>
    </row>
    <row r="11696" spans="4:5" x14ac:dyDescent="0.25">
      <c r="D11696" s="6">
        <v>1559.6559999999999</v>
      </c>
      <c r="E11696" s="6">
        <v>947.34379999999999</v>
      </c>
    </row>
    <row r="11697" spans="4:5" x14ac:dyDescent="0.25">
      <c r="D11697" s="6">
        <v>1609.575</v>
      </c>
      <c r="E11697" s="6">
        <v>801.00239999999997</v>
      </c>
    </row>
    <row r="11698" spans="4:5" x14ac:dyDescent="0.25">
      <c r="D11698" s="6">
        <v>1593.011</v>
      </c>
      <c r="E11698" s="6">
        <v>758.69060000000002</v>
      </c>
    </row>
    <row r="11699" spans="4:5" x14ac:dyDescent="0.25">
      <c r="D11699" s="6">
        <v>819.02570000000003</v>
      </c>
      <c r="E11699" s="6">
        <v>1974.5409999999999</v>
      </c>
    </row>
    <row r="11700" spans="4:5" x14ac:dyDescent="0.25">
      <c r="D11700" s="6">
        <v>2309.3719999999998</v>
      </c>
      <c r="E11700" s="6">
        <v>4529.0770000000002</v>
      </c>
    </row>
    <row r="11701" spans="4:5" x14ac:dyDescent="0.25">
      <c r="D11701" s="6">
        <v>913.83429999999998</v>
      </c>
      <c r="E11701" s="6">
        <v>863.94029999999998</v>
      </c>
    </row>
    <row r="11702" spans="4:5" x14ac:dyDescent="0.25">
      <c r="D11702" s="6">
        <v>5109.5690000000004</v>
      </c>
      <c r="E11702" s="6">
        <v>806.96090000000004</v>
      </c>
    </row>
    <row r="11703" spans="4:5" x14ac:dyDescent="0.25">
      <c r="D11703" s="6">
        <v>1303.0619999999999</v>
      </c>
      <c r="E11703" s="6">
        <v>6797.817</v>
      </c>
    </row>
    <row r="11704" spans="4:5" x14ac:dyDescent="0.25">
      <c r="D11704" s="6">
        <v>970.25</v>
      </c>
      <c r="E11704" s="6">
        <v>3147.02</v>
      </c>
    </row>
    <row r="11705" spans="4:5" x14ac:dyDescent="0.25">
      <c r="D11705" s="6">
        <v>1238.751</v>
      </c>
      <c r="E11705" s="6">
        <v>607.33330000000001</v>
      </c>
    </row>
    <row r="11706" spans="4:5" x14ac:dyDescent="0.25">
      <c r="D11706" s="6">
        <v>853.28099999999995</v>
      </c>
      <c r="E11706" s="6">
        <v>1425.09</v>
      </c>
    </row>
    <row r="11707" spans="4:5" x14ac:dyDescent="0.25">
      <c r="D11707" s="6">
        <v>4745.7550000000001</v>
      </c>
      <c r="E11707" s="6">
        <v>826.5412</v>
      </c>
    </row>
    <row r="11708" spans="4:5" x14ac:dyDescent="0.25">
      <c r="D11708" s="6">
        <v>670.7885</v>
      </c>
      <c r="E11708" s="6">
        <v>3706.6849999999999</v>
      </c>
    </row>
    <row r="11709" spans="4:5" x14ac:dyDescent="0.25">
      <c r="D11709" s="6">
        <v>628.19320000000005</v>
      </c>
      <c r="E11709" s="6">
        <v>3250</v>
      </c>
    </row>
    <row r="11710" spans="4:5" x14ac:dyDescent="0.25">
      <c r="D11710" s="6">
        <v>1315.173</v>
      </c>
      <c r="E11710" s="6">
        <v>7859.5529999999999</v>
      </c>
    </row>
    <row r="11711" spans="4:5" x14ac:dyDescent="0.25">
      <c r="D11711" s="6">
        <v>453.6825</v>
      </c>
      <c r="E11711" s="6">
        <v>4086.877</v>
      </c>
    </row>
    <row r="11712" spans="4:5" x14ac:dyDescent="0.25">
      <c r="D11712" s="6">
        <v>574.57000000000005</v>
      </c>
      <c r="E11712" s="6">
        <v>6438.8370000000004</v>
      </c>
    </row>
    <row r="11713" spans="4:5" x14ac:dyDescent="0.25">
      <c r="D11713" s="6">
        <v>978.18600000000004</v>
      </c>
      <c r="E11713" s="6">
        <v>9963.3250000000007</v>
      </c>
    </row>
    <row r="11714" spans="4:5" x14ac:dyDescent="0.25">
      <c r="D11714" s="6">
        <v>6360</v>
      </c>
      <c r="E11714" s="6">
        <v>853.92049999999995</v>
      </c>
    </row>
    <row r="11715" spans="4:5" x14ac:dyDescent="0.25">
      <c r="D11715" s="6">
        <v>1014.0549999999999</v>
      </c>
      <c r="E11715" s="6">
        <v>1119.3130000000001</v>
      </c>
    </row>
    <row r="11716" spans="4:5" x14ac:dyDescent="0.25">
      <c r="D11716" s="6">
        <v>1184.867</v>
      </c>
      <c r="E11716" s="6">
        <v>735.46379999999999</v>
      </c>
    </row>
    <row r="11717" spans="4:5" x14ac:dyDescent="0.25">
      <c r="D11717" s="6">
        <v>996.05119999999999</v>
      </c>
      <c r="E11717" s="6">
        <v>6813.54</v>
      </c>
    </row>
    <row r="11718" spans="4:5" x14ac:dyDescent="0.25">
      <c r="D11718" s="6">
        <v>4610.7960000000003</v>
      </c>
      <c r="E11718" s="6">
        <v>864.84190000000001</v>
      </c>
    </row>
    <row r="11719" spans="4:5" x14ac:dyDescent="0.25">
      <c r="D11719" s="6">
        <v>503.67439999999999</v>
      </c>
      <c r="E11719" s="6">
        <v>1644.114</v>
      </c>
    </row>
    <row r="11720" spans="4:5" x14ac:dyDescent="0.25">
      <c r="D11720" s="6">
        <v>1591.7090000000001</v>
      </c>
      <c r="E11720" s="6">
        <v>1273.5519999999999</v>
      </c>
    </row>
    <row r="11721" spans="4:5" x14ac:dyDescent="0.25">
      <c r="D11721" s="6">
        <v>1247.979</v>
      </c>
      <c r="E11721" s="6">
        <v>680.39480000000003</v>
      </c>
    </row>
    <row r="11722" spans="4:5" x14ac:dyDescent="0.25">
      <c r="D11722" s="6">
        <v>1100.49</v>
      </c>
      <c r="E11722" s="6">
        <v>7593.3509999999997</v>
      </c>
    </row>
    <row r="11723" spans="4:5" x14ac:dyDescent="0.25">
      <c r="D11723" s="6">
        <v>1352.8510000000001</v>
      </c>
      <c r="E11723" s="6">
        <v>1319.0989999999999</v>
      </c>
    </row>
    <row r="11724" spans="4:5" x14ac:dyDescent="0.25">
      <c r="D11724" s="6">
        <v>1393.77</v>
      </c>
      <c r="E11724" s="6">
        <v>643.51459999999997</v>
      </c>
    </row>
    <row r="11725" spans="4:5" x14ac:dyDescent="0.25">
      <c r="D11725" s="6">
        <v>1058.325</v>
      </c>
      <c r="E11725" s="6">
        <v>642.053</v>
      </c>
    </row>
    <row r="11726" spans="4:5" x14ac:dyDescent="0.25">
      <c r="D11726" s="6">
        <v>901.38869999999997</v>
      </c>
      <c r="E11726" s="6">
        <v>536.1395</v>
      </c>
    </row>
    <row r="11727" spans="4:5" x14ac:dyDescent="0.25">
      <c r="D11727" s="6">
        <v>1011.626</v>
      </c>
      <c r="E11727" s="6">
        <v>9762.1280000000006</v>
      </c>
    </row>
    <row r="11728" spans="4:5" x14ac:dyDescent="0.25">
      <c r="D11728" s="6">
        <v>998.74419999999998</v>
      </c>
      <c r="E11728" s="6">
        <v>10506.54</v>
      </c>
    </row>
    <row r="11729" spans="4:5" x14ac:dyDescent="0.25">
      <c r="D11729" s="6">
        <v>5618.6080000000002</v>
      </c>
      <c r="E11729" s="6">
        <v>721.07629999999995</v>
      </c>
    </row>
    <row r="11730" spans="4:5" x14ac:dyDescent="0.25">
      <c r="D11730" s="6">
        <v>743.41200000000003</v>
      </c>
      <c r="E11730" s="6">
        <v>2521.884</v>
      </c>
    </row>
    <row r="11731" spans="4:5" x14ac:dyDescent="0.25">
      <c r="D11731" s="6">
        <v>1152.68</v>
      </c>
      <c r="E11731" s="6">
        <v>2075.759</v>
      </c>
    </row>
    <row r="11732" spans="4:5" x14ac:dyDescent="0.25">
      <c r="D11732" s="6">
        <v>706.37120000000004</v>
      </c>
      <c r="E11732" s="6">
        <v>1132.3230000000001</v>
      </c>
    </row>
    <row r="11733" spans="4:5" x14ac:dyDescent="0.25">
      <c r="D11733" s="6">
        <v>1768</v>
      </c>
      <c r="E11733" s="6">
        <v>715.71259999999995</v>
      </c>
    </row>
    <row r="11734" spans="4:5" x14ac:dyDescent="0.25">
      <c r="D11734" s="6">
        <v>1702.4059999999999</v>
      </c>
      <c r="E11734" s="6">
        <v>1216.8330000000001</v>
      </c>
    </row>
    <row r="11735" spans="4:5" x14ac:dyDescent="0.25">
      <c r="D11735" s="6">
        <v>814.529</v>
      </c>
      <c r="E11735" s="6">
        <v>971.1232</v>
      </c>
    </row>
    <row r="11736" spans="4:5" x14ac:dyDescent="0.25">
      <c r="D11736" s="6">
        <v>894.23149999999998</v>
      </c>
      <c r="E11736" s="6">
        <v>182.33330000000001</v>
      </c>
    </row>
    <row r="11737" spans="4:5" x14ac:dyDescent="0.25">
      <c r="D11737" s="6">
        <v>5619.8760000000002</v>
      </c>
      <c r="E11737" s="6">
        <v>911.17110000000002</v>
      </c>
    </row>
    <row r="11738" spans="4:5" x14ac:dyDescent="0.25">
      <c r="D11738" s="6">
        <v>1253.1669999999999</v>
      </c>
      <c r="E11738" s="6">
        <v>2516.1889999999999</v>
      </c>
    </row>
    <row r="11739" spans="4:5" x14ac:dyDescent="0.25">
      <c r="D11739" s="6">
        <v>422.28129999999999</v>
      </c>
      <c r="E11739" s="6">
        <v>1889.0319999999999</v>
      </c>
    </row>
    <row r="11740" spans="4:5" x14ac:dyDescent="0.25">
      <c r="D11740" s="6">
        <v>1976.16</v>
      </c>
      <c r="E11740" s="6">
        <v>1834.3530000000001</v>
      </c>
    </row>
    <row r="11741" spans="4:5" x14ac:dyDescent="0.25">
      <c r="D11741" s="6">
        <v>1280.049</v>
      </c>
      <c r="E11741" s="6">
        <v>1383.912</v>
      </c>
    </row>
    <row r="11742" spans="4:5" x14ac:dyDescent="0.25">
      <c r="D11742" s="6">
        <v>1305.0319999999999</v>
      </c>
      <c r="E11742" s="6">
        <v>599.64909999999998</v>
      </c>
    </row>
    <row r="11743" spans="4:5" x14ac:dyDescent="0.25">
      <c r="D11743" s="6">
        <v>5719.6779999999999</v>
      </c>
      <c r="E11743" s="6">
        <v>941.14790000000005</v>
      </c>
    </row>
    <row r="11744" spans="4:5" x14ac:dyDescent="0.25">
      <c r="D11744" s="6">
        <v>1322.6610000000001</v>
      </c>
      <c r="E11744" s="6">
        <v>1102.3900000000001</v>
      </c>
    </row>
    <row r="11745" spans="4:5" x14ac:dyDescent="0.25">
      <c r="D11745" s="6">
        <v>4400.3469999999998</v>
      </c>
      <c r="E11745" s="6">
        <v>835.53160000000003</v>
      </c>
    </row>
    <row r="11746" spans="4:5" x14ac:dyDescent="0.25">
      <c r="D11746" s="6">
        <v>776.36069999999995</v>
      </c>
      <c r="E11746" s="6">
        <v>8881.2690000000002</v>
      </c>
    </row>
    <row r="11747" spans="4:5" x14ac:dyDescent="0.25">
      <c r="D11747" s="6">
        <v>1262.211</v>
      </c>
      <c r="E11747" s="6">
        <v>9029.7639999999992</v>
      </c>
    </row>
    <row r="11748" spans="4:5" x14ac:dyDescent="0.25">
      <c r="D11748" s="6">
        <v>1084.8689999999999</v>
      </c>
      <c r="E11748" s="6">
        <v>832.40030000000002</v>
      </c>
    </row>
    <row r="11749" spans="4:5" x14ac:dyDescent="0.25">
      <c r="D11749" s="6">
        <v>761.76250000000005</v>
      </c>
      <c r="E11749" s="6">
        <v>1672.66</v>
      </c>
    </row>
    <row r="11750" spans="4:5" x14ac:dyDescent="0.25">
      <c r="D11750" s="6">
        <v>1069.6110000000001</v>
      </c>
      <c r="E11750" s="6">
        <v>2097.663</v>
      </c>
    </row>
    <row r="11751" spans="4:5" x14ac:dyDescent="0.25">
      <c r="D11751" s="6">
        <v>1466.7570000000001</v>
      </c>
      <c r="E11751" s="6">
        <v>1852.9939999999999</v>
      </c>
    </row>
    <row r="11752" spans="4:5" x14ac:dyDescent="0.25">
      <c r="D11752" s="6">
        <v>2373.8229999999999</v>
      </c>
      <c r="E11752" s="6">
        <v>1041.9880000000001</v>
      </c>
    </row>
    <row r="11753" spans="4:5" x14ac:dyDescent="0.25">
      <c r="D11753" s="6">
        <v>1387.586</v>
      </c>
      <c r="E11753" s="6">
        <v>997.33780000000002</v>
      </c>
    </row>
    <row r="11754" spans="4:5" x14ac:dyDescent="0.25">
      <c r="D11754" s="6">
        <v>3419.5</v>
      </c>
      <c r="E11754" s="6">
        <v>491.66469999999998</v>
      </c>
    </row>
    <row r="11755" spans="4:5" x14ac:dyDescent="0.25">
      <c r="D11755" s="6">
        <v>711.90020000000004</v>
      </c>
      <c r="E11755" s="6">
        <v>578.63379999999995</v>
      </c>
    </row>
    <row r="11756" spans="4:5" x14ac:dyDescent="0.25">
      <c r="D11756" s="6">
        <v>533.82219999999995</v>
      </c>
      <c r="E11756" s="6">
        <v>863.70609999999999</v>
      </c>
    </row>
    <row r="11757" spans="4:5" x14ac:dyDescent="0.25">
      <c r="D11757" s="6">
        <v>1038.595</v>
      </c>
      <c r="E11757" s="6">
        <v>890.50720000000001</v>
      </c>
    </row>
    <row r="11758" spans="4:5" x14ac:dyDescent="0.25">
      <c r="D11758" s="6">
        <v>1258.604</v>
      </c>
      <c r="E11758" s="6">
        <v>687.14530000000002</v>
      </c>
    </row>
    <row r="11759" spans="4:5" x14ac:dyDescent="0.25">
      <c r="D11759" s="6">
        <v>748.92259999999999</v>
      </c>
      <c r="E11759" s="6">
        <v>429.79379999999998</v>
      </c>
    </row>
    <row r="11760" spans="4:5" x14ac:dyDescent="0.25">
      <c r="D11760" s="6">
        <v>741.34460000000001</v>
      </c>
      <c r="E11760" s="6">
        <v>573.30560000000003</v>
      </c>
    </row>
    <row r="11761" spans="4:5" x14ac:dyDescent="0.25">
      <c r="D11761" s="6">
        <v>641.28070000000002</v>
      </c>
      <c r="E11761" s="6">
        <v>703.85500000000002</v>
      </c>
    </row>
    <row r="11762" spans="4:5" x14ac:dyDescent="0.25">
      <c r="D11762" s="6">
        <v>947.34429999999998</v>
      </c>
      <c r="E11762" s="6">
        <v>1723.69</v>
      </c>
    </row>
    <row r="11763" spans="4:5" x14ac:dyDescent="0.25">
      <c r="D11763" s="6">
        <v>2379.2759999999998</v>
      </c>
      <c r="E11763" s="6">
        <v>1308.0609999999999</v>
      </c>
    </row>
    <row r="11764" spans="4:5" x14ac:dyDescent="0.25">
      <c r="D11764" s="6">
        <v>1104.116</v>
      </c>
      <c r="E11764" s="6">
        <v>1085.92</v>
      </c>
    </row>
    <row r="11765" spans="4:5" x14ac:dyDescent="0.25">
      <c r="D11765" s="6">
        <v>983.08230000000003</v>
      </c>
      <c r="E11765" s="6">
        <v>722.01909999999998</v>
      </c>
    </row>
    <row r="11766" spans="4:5" x14ac:dyDescent="0.25">
      <c r="D11766" s="6">
        <v>1447.549</v>
      </c>
      <c r="E11766" s="6">
        <v>2028.12</v>
      </c>
    </row>
    <row r="11767" spans="4:5" x14ac:dyDescent="0.25">
      <c r="D11767" s="6">
        <v>314.02330000000001</v>
      </c>
      <c r="E11767" s="6">
        <v>3715.5189999999998</v>
      </c>
    </row>
    <row r="11768" spans="4:5" x14ac:dyDescent="0.25">
      <c r="D11768" s="6">
        <v>669.31299999999999</v>
      </c>
      <c r="E11768" s="6">
        <v>1086.886</v>
      </c>
    </row>
    <row r="11769" spans="4:5" x14ac:dyDescent="0.25">
      <c r="D11769" s="6">
        <v>694.41980000000001</v>
      </c>
      <c r="E11769" s="6">
        <v>1509.239</v>
      </c>
    </row>
    <row r="11770" spans="4:5" x14ac:dyDescent="0.25">
      <c r="D11770" s="6">
        <v>887.94140000000004</v>
      </c>
      <c r="E11770" s="6">
        <v>776.19029999999998</v>
      </c>
    </row>
    <row r="11771" spans="4:5" x14ac:dyDescent="0.25">
      <c r="D11771" s="6">
        <v>782.69770000000005</v>
      </c>
      <c r="E11771" s="6">
        <v>978.43499999999995</v>
      </c>
    </row>
    <row r="11772" spans="4:5" x14ac:dyDescent="0.25">
      <c r="D11772" s="6">
        <v>582.03380000000004</v>
      </c>
      <c r="E11772" s="6">
        <v>1192.241</v>
      </c>
    </row>
    <row r="11773" spans="4:5" x14ac:dyDescent="0.25">
      <c r="D11773" s="6">
        <v>748.4873</v>
      </c>
      <c r="E11773" s="6">
        <v>2726.701</v>
      </c>
    </row>
    <row r="11774" spans="4:5" x14ac:dyDescent="0.25">
      <c r="D11774" s="6">
        <v>1074.6120000000001</v>
      </c>
      <c r="E11774" s="6">
        <v>394.7946</v>
      </c>
    </row>
    <row r="11775" spans="4:5" x14ac:dyDescent="0.25">
      <c r="D11775" s="6">
        <v>1928.9010000000001</v>
      </c>
      <c r="E11775" s="6">
        <v>971.23050000000001</v>
      </c>
    </row>
    <row r="11776" spans="4:5" x14ac:dyDescent="0.25">
      <c r="D11776" s="6">
        <v>709.66560000000004</v>
      </c>
      <c r="E11776" s="6">
        <v>3107.1590000000001</v>
      </c>
    </row>
    <row r="11777" spans="4:5" x14ac:dyDescent="0.25">
      <c r="D11777" s="6">
        <v>1201.9469999999999</v>
      </c>
      <c r="E11777" s="6">
        <v>472.0428</v>
      </c>
    </row>
    <row r="11778" spans="4:5" x14ac:dyDescent="0.25">
      <c r="D11778" s="6">
        <v>401.65</v>
      </c>
      <c r="E11778" s="6">
        <v>1294.3499999999999</v>
      </c>
    </row>
    <row r="11779" spans="4:5" x14ac:dyDescent="0.25">
      <c r="D11779" s="6">
        <v>1256.212</v>
      </c>
      <c r="E11779" s="6">
        <v>801.45039999999995</v>
      </c>
    </row>
    <row r="11780" spans="4:5" x14ac:dyDescent="0.25">
      <c r="D11780" s="6">
        <v>5720.5159999999996</v>
      </c>
      <c r="E11780" s="6">
        <v>10037.959999999999</v>
      </c>
    </row>
    <row r="11781" spans="4:5" x14ac:dyDescent="0.25">
      <c r="D11781" s="6">
        <v>1271.4549999999999</v>
      </c>
      <c r="E11781" s="6">
        <v>10452.290000000001</v>
      </c>
    </row>
    <row r="11782" spans="4:5" x14ac:dyDescent="0.25">
      <c r="D11782" s="6">
        <v>630.96259999999995</v>
      </c>
      <c r="E11782" s="6">
        <v>1473.575</v>
      </c>
    </row>
    <row r="11783" spans="4:5" x14ac:dyDescent="0.25">
      <c r="D11783" s="6">
        <v>1021.444</v>
      </c>
      <c r="E11783" s="6">
        <v>4284.5680000000002</v>
      </c>
    </row>
    <row r="11784" spans="4:5" x14ac:dyDescent="0.25">
      <c r="D11784" s="6">
        <v>2141.4670000000001</v>
      </c>
      <c r="E11784" s="6">
        <v>2091.8739999999998</v>
      </c>
    </row>
    <row r="11785" spans="4:5" x14ac:dyDescent="0.25">
      <c r="D11785" s="6">
        <v>1751.847</v>
      </c>
      <c r="E11785" s="6">
        <v>612.57129999999995</v>
      </c>
    </row>
    <row r="11786" spans="4:5" x14ac:dyDescent="0.25">
      <c r="D11786" s="6">
        <v>4831.2179999999998</v>
      </c>
      <c r="E11786" s="6">
        <v>9984.0480000000007</v>
      </c>
    </row>
    <row r="11787" spans="4:5" x14ac:dyDescent="0.25">
      <c r="D11787" s="6">
        <v>1436.12</v>
      </c>
      <c r="E11787" s="6">
        <v>875.4298</v>
      </c>
    </row>
    <row r="11788" spans="4:5" x14ac:dyDescent="0.25">
      <c r="D11788" s="6">
        <v>437.75560000000002</v>
      </c>
      <c r="E11788" s="6">
        <v>773.53139999999996</v>
      </c>
    </row>
    <row r="11789" spans="4:5" x14ac:dyDescent="0.25">
      <c r="D11789" s="6">
        <v>861.84900000000005</v>
      </c>
      <c r="E11789" s="6">
        <v>522.29049999999995</v>
      </c>
    </row>
    <row r="11790" spans="4:5" x14ac:dyDescent="0.25">
      <c r="D11790" s="6">
        <v>897.93169999999998</v>
      </c>
      <c r="E11790" s="6">
        <v>747.41219999999998</v>
      </c>
    </row>
    <row r="11791" spans="4:5" x14ac:dyDescent="0.25">
      <c r="D11791" s="6">
        <v>1412.096</v>
      </c>
      <c r="E11791" s="6">
        <v>342.74360000000001</v>
      </c>
    </row>
    <row r="11792" spans="4:5" x14ac:dyDescent="0.25">
      <c r="D11792" s="6">
        <v>241.59209999999999</v>
      </c>
      <c r="E11792" s="6">
        <v>778.85220000000004</v>
      </c>
    </row>
    <row r="11793" spans="4:5" x14ac:dyDescent="0.25">
      <c r="D11793" s="6">
        <v>650.81039999999996</v>
      </c>
      <c r="E11793" s="6">
        <v>8979.67</v>
      </c>
    </row>
    <row r="11794" spans="4:5" x14ac:dyDescent="0.25">
      <c r="D11794" s="6">
        <v>703.49450000000002</v>
      </c>
      <c r="E11794" s="6">
        <v>448.5754</v>
      </c>
    </row>
    <row r="11795" spans="4:5" x14ac:dyDescent="0.25">
      <c r="D11795" s="6">
        <v>818.16390000000001</v>
      </c>
      <c r="E11795" s="6">
        <v>928.83360000000005</v>
      </c>
    </row>
    <row r="11796" spans="4:5" x14ac:dyDescent="0.25">
      <c r="D11796" s="6">
        <v>1491.461</v>
      </c>
      <c r="E11796" s="6">
        <v>986.21029999999996</v>
      </c>
    </row>
    <row r="11797" spans="4:5" x14ac:dyDescent="0.25">
      <c r="D11797" s="6">
        <v>1806.577</v>
      </c>
      <c r="E11797" s="6">
        <v>529.02750000000003</v>
      </c>
    </row>
    <row r="11798" spans="4:5" x14ac:dyDescent="0.25">
      <c r="D11798" s="6">
        <v>749.13879999999995</v>
      </c>
      <c r="E11798" s="6">
        <v>1208.6410000000001</v>
      </c>
    </row>
    <row r="11799" spans="4:5" x14ac:dyDescent="0.25">
      <c r="D11799" s="6">
        <v>682.62339999999995</v>
      </c>
      <c r="E11799" s="6">
        <v>620.70680000000004</v>
      </c>
    </row>
    <row r="11800" spans="4:5" x14ac:dyDescent="0.25">
      <c r="D11800" s="6">
        <v>1199.654</v>
      </c>
      <c r="E11800" s="6">
        <v>521.83140000000003</v>
      </c>
    </row>
    <row r="11801" spans="4:5" x14ac:dyDescent="0.25">
      <c r="D11801" s="6">
        <v>651.67560000000003</v>
      </c>
      <c r="E11801" s="6">
        <v>1859.771</v>
      </c>
    </row>
    <row r="11802" spans="4:5" x14ac:dyDescent="0.25">
      <c r="D11802" s="6">
        <v>3533.248</v>
      </c>
      <c r="E11802" s="6">
        <v>652.47670000000005</v>
      </c>
    </row>
    <row r="11803" spans="4:5" x14ac:dyDescent="0.25">
      <c r="D11803" s="6">
        <v>2236</v>
      </c>
      <c r="E11803" s="6">
        <v>803.40920000000006</v>
      </c>
    </row>
    <row r="11804" spans="4:5" x14ac:dyDescent="0.25">
      <c r="D11804" s="6">
        <v>6150.7139999999999</v>
      </c>
      <c r="E11804" s="6">
        <v>823.16200000000003</v>
      </c>
    </row>
    <row r="11805" spans="4:5" x14ac:dyDescent="0.25">
      <c r="D11805" s="6">
        <v>854.58309999999994</v>
      </c>
      <c r="E11805" s="6">
        <v>444.5926</v>
      </c>
    </row>
    <row r="11806" spans="4:5" x14ac:dyDescent="0.25">
      <c r="D11806" s="6">
        <v>548.64469999999994</v>
      </c>
      <c r="E11806" s="6">
        <v>1054.296</v>
      </c>
    </row>
    <row r="11807" spans="4:5" x14ac:dyDescent="0.25">
      <c r="D11807" s="6">
        <v>733.66030000000001</v>
      </c>
      <c r="E11807" s="6">
        <v>747.6155</v>
      </c>
    </row>
    <row r="11808" spans="4:5" x14ac:dyDescent="0.25">
      <c r="D11808" s="6">
        <v>1722.72</v>
      </c>
      <c r="E11808" s="6">
        <v>779.46709999999996</v>
      </c>
    </row>
    <row r="11809" spans="4:5" x14ac:dyDescent="0.25">
      <c r="D11809" s="6">
        <v>778.33820000000003</v>
      </c>
      <c r="E11809" s="6">
        <v>905.55449999999996</v>
      </c>
    </row>
    <row r="11810" spans="4:5" x14ac:dyDescent="0.25">
      <c r="D11810" s="6">
        <v>764.55960000000005</v>
      </c>
      <c r="E11810" s="6">
        <v>867.40650000000005</v>
      </c>
    </row>
    <row r="11811" spans="4:5" x14ac:dyDescent="0.25">
      <c r="D11811" s="6">
        <v>704.36360000000002</v>
      </c>
      <c r="E11811" s="6">
        <v>859.62869999999998</v>
      </c>
    </row>
    <row r="11812" spans="4:5" x14ac:dyDescent="0.25">
      <c r="D11812" s="6">
        <v>955.28729999999996</v>
      </c>
      <c r="E11812" s="6">
        <v>915.06050000000005</v>
      </c>
    </row>
    <row r="11813" spans="4:5" x14ac:dyDescent="0.25">
      <c r="D11813" s="6">
        <v>1139.124</v>
      </c>
      <c r="E11813" s="6">
        <v>556.56150000000002</v>
      </c>
    </row>
    <row r="11814" spans="4:5" x14ac:dyDescent="0.25">
      <c r="D11814" s="6">
        <v>660.00350000000003</v>
      </c>
      <c r="E11814" s="6">
        <v>294.98360000000002</v>
      </c>
    </row>
    <row r="11815" spans="4:5" x14ac:dyDescent="0.25">
      <c r="D11815" s="6">
        <v>648.06679999999994</v>
      </c>
      <c r="E11815" s="6">
        <v>625.68859999999995</v>
      </c>
    </row>
    <row r="11816" spans="4:5" x14ac:dyDescent="0.25">
      <c r="D11816" s="6">
        <v>2125.4940000000001</v>
      </c>
      <c r="E11816" s="6">
        <v>678.40560000000005</v>
      </c>
    </row>
    <row r="11817" spans="4:5" x14ac:dyDescent="0.25">
      <c r="D11817" s="6">
        <v>1916.106</v>
      </c>
      <c r="E11817" s="6">
        <v>832.41430000000003</v>
      </c>
    </row>
    <row r="11818" spans="4:5" x14ac:dyDescent="0.25">
      <c r="D11818" s="6">
        <v>1444.4179999999999</v>
      </c>
      <c r="E11818" s="6">
        <v>252.61840000000001</v>
      </c>
    </row>
    <row r="11819" spans="4:5" x14ac:dyDescent="0.25">
      <c r="D11819" s="6">
        <v>346.8329</v>
      </c>
      <c r="E11819" s="6">
        <v>3271.2910000000002</v>
      </c>
    </row>
    <row r="11820" spans="4:5" x14ac:dyDescent="0.25">
      <c r="D11820" s="6">
        <v>359.05410000000001</v>
      </c>
      <c r="E11820" s="6">
        <v>4534.4620000000004</v>
      </c>
    </row>
    <row r="11821" spans="4:5" x14ac:dyDescent="0.25">
      <c r="D11821" s="6">
        <v>612</v>
      </c>
      <c r="E11821" s="6">
        <v>10279.299999999999</v>
      </c>
    </row>
    <row r="11822" spans="4:5" x14ac:dyDescent="0.25">
      <c r="D11822" s="6">
        <v>815.12310000000002</v>
      </c>
      <c r="E11822" s="6">
        <v>1240.3699999999999</v>
      </c>
    </row>
    <row r="11823" spans="4:5" x14ac:dyDescent="0.25">
      <c r="D11823" s="6">
        <v>1091.046</v>
      </c>
      <c r="E11823" s="6">
        <v>572.26120000000003</v>
      </c>
    </row>
    <row r="11824" spans="4:5" x14ac:dyDescent="0.25">
      <c r="D11824" s="6">
        <v>1008.8920000000001</v>
      </c>
      <c r="E11824" s="6">
        <v>1207.444</v>
      </c>
    </row>
    <row r="11825" spans="4:5" x14ac:dyDescent="0.25">
      <c r="D11825" s="6">
        <v>493.02929999999998</v>
      </c>
      <c r="E11825" s="6">
        <v>850.96360000000004</v>
      </c>
    </row>
    <row r="11826" spans="4:5" x14ac:dyDescent="0.25">
      <c r="D11826" s="6">
        <v>1888.2660000000001</v>
      </c>
      <c r="E11826" s="6">
        <v>598.85230000000001</v>
      </c>
    </row>
    <row r="11827" spans="4:5" x14ac:dyDescent="0.25">
      <c r="D11827" s="6">
        <v>5005.0789999999997</v>
      </c>
      <c r="E11827" s="6">
        <v>7880.143</v>
      </c>
    </row>
    <row r="11828" spans="4:5" x14ac:dyDescent="0.25">
      <c r="D11828" s="6">
        <v>1331.056</v>
      </c>
      <c r="E11828" s="6">
        <v>3562.654</v>
      </c>
    </row>
    <row r="11829" spans="4:5" x14ac:dyDescent="0.25">
      <c r="D11829" s="6">
        <v>1337.7360000000001</v>
      </c>
      <c r="E11829" s="6">
        <v>1122.6369999999999</v>
      </c>
    </row>
    <row r="11830" spans="4:5" x14ac:dyDescent="0.25">
      <c r="D11830" s="6">
        <v>1045.6759999999999</v>
      </c>
      <c r="E11830" s="6">
        <v>715.73389999999995</v>
      </c>
    </row>
    <row r="11831" spans="4:5" x14ac:dyDescent="0.25">
      <c r="D11831" s="6">
        <v>1014.183</v>
      </c>
      <c r="E11831" s="6">
        <v>1032.0509999999999</v>
      </c>
    </row>
    <row r="11832" spans="4:5" x14ac:dyDescent="0.25">
      <c r="D11832" s="6">
        <v>931.53830000000005</v>
      </c>
      <c r="E11832" s="6">
        <v>882.57140000000004</v>
      </c>
    </row>
    <row r="11833" spans="4:5" x14ac:dyDescent="0.25">
      <c r="D11833" s="6">
        <v>780.04870000000005</v>
      </c>
      <c r="E11833" s="6">
        <v>1147.903</v>
      </c>
    </row>
    <row r="11834" spans="4:5" x14ac:dyDescent="0.25">
      <c r="D11834" s="6">
        <v>684.27890000000002</v>
      </c>
      <c r="E11834" s="6">
        <v>1961.6579999999999</v>
      </c>
    </row>
    <row r="11835" spans="4:5" x14ac:dyDescent="0.25">
      <c r="D11835" s="6">
        <v>1798.1310000000001</v>
      </c>
      <c r="E11835" s="6">
        <v>732.74390000000005</v>
      </c>
    </row>
    <row r="11836" spans="4:5" x14ac:dyDescent="0.25">
      <c r="D11836" s="6">
        <v>783.59670000000006</v>
      </c>
      <c r="E11836" s="6">
        <v>784.02509999999995</v>
      </c>
    </row>
    <row r="11837" spans="4:5" x14ac:dyDescent="0.25">
      <c r="D11837" s="6">
        <v>1609.3389999999999</v>
      </c>
      <c r="E11837" s="6">
        <v>1502.277</v>
      </c>
    </row>
    <row r="11838" spans="4:5" x14ac:dyDescent="0.25">
      <c r="D11838" s="6">
        <v>1555.7729999999999</v>
      </c>
      <c r="E11838" s="6">
        <v>1200.893</v>
      </c>
    </row>
    <row r="11839" spans="4:5" x14ac:dyDescent="0.25">
      <c r="D11839" s="6">
        <v>1290.278</v>
      </c>
      <c r="E11839" s="6">
        <v>521.72280000000001</v>
      </c>
    </row>
    <row r="11840" spans="4:5" x14ac:dyDescent="0.25">
      <c r="D11840" s="6">
        <v>396.23379999999997</v>
      </c>
      <c r="E11840" s="6">
        <v>784.70889999999997</v>
      </c>
    </row>
    <row r="11841" spans="4:5" x14ac:dyDescent="0.25">
      <c r="D11841" s="6">
        <v>562.40980000000002</v>
      </c>
      <c r="E11841" s="6">
        <v>433.15789999999998</v>
      </c>
    </row>
    <row r="11842" spans="4:5" x14ac:dyDescent="0.25">
      <c r="D11842" s="6">
        <v>1649.335</v>
      </c>
      <c r="E11842" s="6">
        <v>754.93129999999996</v>
      </c>
    </row>
    <row r="11843" spans="4:5" x14ac:dyDescent="0.25">
      <c r="D11843" s="6">
        <v>1110.03</v>
      </c>
      <c r="E11843" s="6">
        <v>1637.9059999999999</v>
      </c>
    </row>
    <row r="11844" spans="4:5" x14ac:dyDescent="0.25">
      <c r="D11844" s="6">
        <v>615.65329999999994</v>
      </c>
      <c r="E11844" s="6">
        <v>1762.567</v>
      </c>
    </row>
    <row r="11845" spans="4:5" x14ac:dyDescent="0.25">
      <c r="D11845" s="6">
        <v>538.02859999999998</v>
      </c>
      <c r="E11845" s="6">
        <v>538.00660000000005</v>
      </c>
    </row>
    <row r="11846" spans="4:5" x14ac:dyDescent="0.25">
      <c r="D11846" s="6">
        <v>3011</v>
      </c>
      <c r="E11846" s="6">
        <v>717.10630000000003</v>
      </c>
    </row>
    <row r="11847" spans="4:5" x14ac:dyDescent="0.25">
      <c r="D11847" s="6">
        <v>4808</v>
      </c>
      <c r="E11847" s="6">
        <v>1146.53</v>
      </c>
    </row>
    <row r="11848" spans="4:5" x14ac:dyDescent="0.25">
      <c r="D11848" s="6">
        <v>1641.47</v>
      </c>
      <c r="E11848" s="6">
        <v>724.97590000000002</v>
      </c>
    </row>
    <row r="11849" spans="4:5" x14ac:dyDescent="0.25">
      <c r="D11849" s="6">
        <v>1602.424</v>
      </c>
      <c r="E11849" s="6">
        <v>755.93190000000004</v>
      </c>
    </row>
    <row r="11850" spans="4:5" x14ac:dyDescent="0.25">
      <c r="D11850" s="6">
        <v>553.34360000000004</v>
      </c>
      <c r="E11850" s="6">
        <v>1203.7249999999999</v>
      </c>
    </row>
    <row r="11851" spans="4:5" x14ac:dyDescent="0.25">
      <c r="D11851" s="6">
        <v>7730.732</v>
      </c>
      <c r="E11851" s="6">
        <v>1070.1099999999999</v>
      </c>
    </row>
    <row r="11852" spans="4:5" x14ac:dyDescent="0.25">
      <c r="D11852" s="6">
        <v>1119.732</v>
      </c>
      <c r="E11852" s="6">
        <v>5839.5860000000002</v>
      </c>
    </row>
    <row r="11853" spans="4:5" x14ac:dyDescent="0.25">
      <c r="D11853" s="6">
        <v>504.26780000000002</v>
      </c>
      <c r="E11853" s="6">
        <v>765.20370000000003</v>
      </c>
    </row>
    <row r="11854" spans="4:5" x14ac:dyDescent="0.25">
      <c r="D11854" s="6">
        <v>826.09259999999995</v>
      </c>
      <c r="E11854" s="6">
        <v>1508.2919999999999</v>
      </c>
    </row>
    <row r="11855" spans="4:5" x14ac:dyDescent="0.25">
      <c r="D11855" s="6">
        <v>4357</v>
      </c>
      <c r="E11855" s="6">
        <v>606.76620000000003</v>
      </c>
    </row>
    <row r="11856" spans="4:5" x14ac:dyDescent="0.25">
      <c r="D11856" s="6">
        <v>570.19470000000001</v>
      </c>
      <c r="E11856" s="6">
        <v>1721.5409999999999</v>
      </c>
    </row>
    <row r="11857" spans="4:5" x14ac:dyDescent="0.25">
      <c r="D11857" s="6">
        <v>770.79269999999997</v>
      </c>
      <c r="E11857" s="6">
        <v>6889</v>
      </c>
    </row>
    <row r="11858" spans="4:5" x14ac:dyDescent="0.25">
      <c r="D11858" s="6">
        <v>511.65019999999998</v>
      </c>
      <c r="E11858" s="6">
        <v>1370.319</v>
      </c>
    </row>
    <row r="11859" spans="4:5" x14ac:dyDescent="0.25">
      <c r="D11859" s="6">
        <v>3010.05</v>
      </c>
      <c r="E11859" s="6">
        <v>934.98299999999995</v>
      </c>
    </row>
    <row r="11860" spans="4:5" x14ac:dyDescent="0.25">
      <c r="D11860" s="6">
        <v>1210.7840000000001</v>
      </c>
      <c r="E11860" s="6">
        <v>773.91089999999997</v>
      </c>
    </row>
    <row r="11861" spans="4:5" x14ac:dyDescent="0.25">
      <c r="D11861" s="6">
        <v>789.2944</v>
      </c>
      <c r="E11861" s="6">
        <v>986.78499999999997</v>
      </c>
    </row>
    <row r="11862" spans="4:5" x14ac:dyDescent="0.25">
      <c r="D11862" s="6">
        <v>641.37829999999997</v>
      </c>
      <c r="E11862" s="6">
        <v>1456</v>
      </c>
    </row>
    <row r="11863" spans="4:5" x14ac:dyDescent="0.25">
      <c r="D11863" s="6">
        <v>970.0498</v>
      </c>
      <c r="E11863" s="6">
        <v>6953.5720000000001</v>
      </c>
    </row>
    <row r="11864" spans="4:5" x14ac:dyDescent="0.25">
      <c r="D11864" s="6">
        <v>881.5951</v>
      </c>
      <c r="E11864" s="6">
        <v>7620.8379999999997</v>
      </c>
    </row>
    <row r="11865" spans="4:5" x14ac:dyDescent="0.25">
      <c r="D11865" s="6">
        <v>3962.8330000000001</v>
      </c>
      <c r="E11865" s="6">
        <v>1257.999</v>
      </c>
    </row>
    <row r="11866" spans="4:5" x14ac:dyDescent="0.25">
      <c r="D11866" s="6">
        <v>762.74469999999997</v>
      </c>
      <c r="E11866" s="6">
        <v>1954.1420000000001</v>
      </c>
    </row>
    <row r="11867" spans="4:5" x14ac:dyDescent="0.25">
      <c r="D11867" s="6">
        <v>1438.729</v>
      </c>
      <c r="E11867" s="6">
        <v>731.452</v>
      </c>
    </row>
    <row r="11868" spans="4:5" x14ac:dyDescent="0.25">
      <c r="D11868" s="6">
        <v>924.24440000000004</v>
      </c>
      <c r="E11868" s="6">
        <v>762.9787</v>
      </c>
    </row>
    <row r="11869" spans="4:5" x14ac:dyDescent="0.25">
      <c r="D11869" s="6">
        <v>785.42489999999998</v>
      </c>
      <c r="E11869" s="6">
        <v>1175.4110000000001</v>
      </c>
    </row>
    <row r="11870" spans="4:5" x14ac:dyDescent="0.25">
      <c r="D11870" s="6">
        <v>729.28620000000001</v>
      </c>
      <c r="E11870" s="6">
        <v>775.26850000000002</v>
      </c>
    </row>
    <row r="11871" spans="4:5" x14ac:dyDescent="0.25">
      <c r="D11871" s="6">
        <v>1057.329</v>
      </c>
      <c r="E11871" s="6">
        <v>730.29840000000002</v>
      </c>
    </row>
    <row r="11872" spans="4:5" x14ac:dyDescent="0.25">
      <c r="D11872" s="6">
        <v>2774</v>
      </c>
      <c r="E11872" s="6">
        <v>954.30830000000003</v>
      </c>
    </row>
    <row r="11873" spans="4:5" x14ac:dyDescent="0.25">
      <c r="D11873" s="6">
        <v>1068.231</v>
      </c>
      <c r="E11873" s="6">
        <v>4328.2659999999996</v>
      </c>
    </row>
    <row r="11874" spans="4:5" x14ac:dyDescent="0.25">
      <c r="D11874" s="6">
        <v>1008.047</v>
      </c>
      <c r="E11874" s="6">
        <v>796.66920000000005</v>
      </c>
    </row>
    <row r="11875" spans="4:5" x14ac:dyDescent="0.25">
      <c r="D11875" s="6">
        <v>1236.1859999999999</v>
      </c>
      <c r="E11875" s="6">
        <v>4369.2749999999996</v>
      </c>
    </row>
    <row r="11876" spans="4:5" x14ac:dyDescent="0.25">
      <c r="D11876" s="6">
        <v>762.5693</v>
      </c>
      <c r="E11876" s="6">
        <v>2937.7660000000001</v>
      </c>
    </row>
    <row r="11877" spans="4:5" x14ac:dyDescent="0.25">
      <c r="D11877" s="6">
        <v>907.34699999999998</v>
      </c>
      <c r="E11877" s="6">
        <v>912.49630000000002</v>
      </c>
    </row>
    <row r="11878" spans="4:5" x14ac:dyDescent="0.25">
      <c r="D11878" s="6">
        <v>847.45989999999995</v>
      </c>
      <c r="E11878" s="6">
        <v>9738.1229999999996</v>
      </c>
    </row>
    <row r="11879" spans="4:5" x14ac:dyDescent="0.25">
      <c r="D11879" s="6">
        <v>8682.143</v>
      </c>
      <c r="E11879" s="6">
        <v>679.27880000000005</v>
      </c>
    </row>
    <row r="11880" spans="4:5" x14ac:dyDescent="0.25">
      <c r="D11880" s="6">
        <v>788.46100000000001</v>
      </c>
      <c r="E11880" s="6">
        <v>619.87490000000003</v>
      </c>
    </row>
    <row r="11881" spans="4:5" x14ac:dyDescent="0.25">
      <c r="D11881" s="6">
        <v>617.64340000000004</v>
      </c>
      <c r="E11881" s="6">
        <v>1820.211</v>
      </c>
    </row>
    <row r="11882" spans="4:5" x14ac:dyDescent="0.25">
      <c r="D11882" s="6">
        <v>3218.1970000000001</v>
      </c>
      <c r="E11882" s="6">
        <v>1448.6110000000001</v>
      </c>
    </row>
    <row r="11883" spans="4:5" x14ac:dyDescent="0.25">
      <c r="D11883" s="6">
        <v>6529.5</v>
      </c>
      <c r="E11883" s="6">
        <v>7087.4269999999997</v>
      </c>
    </row>
    <row r="11884" spans="4:5" x14ac:dyDescent="0.25">
      <c r="D11884" s="6">
        <v>774.57910000000004</v>
      </c>
      <c r="E11884" s="6">
        <v>666.37789999999995</v>
      </c>
    </row>
    <row r="11885" spans="4:5" x14ac:dyDescent="0.25">
      <c r="D11885" s="6">
        <v>1067.8430000000001</v>
      </c>
      <c r="E11885" s="6">
        <v>540.11249999999995</v>
      </c>
    </row>
    <row r="11886" spans="4:5" x14ac:dyDescent="0.25">
      <c r="D11886" s="6">
        <v>641.82380000000001</v>
      </c>
      <c r="E11886" s="6">
        <v>1152.424</v>
      </c>
    </row>
    <row r="11887" spans="4:5" x14ac:dyDescent="0.25">
      <c r="D11887" s="6">
        <v>630.37459999999999</v>
      </c>
      <c r="E11887" s="6">
        <v>2893.9920000000002</v>
      </c>
    </row>
    <row r="11888" spans="4:5" x14ac:dyDescent="0.25">
      <c r="D11888" s="6">
        <v>5216</v>
      </c>
      <c r="E11888" s="6">
        <v>649.16499999999996</v>
      </c>
    </row>
    <row r="11889" spans="4:5" x14ac:dyDescent="0.25">
      <c r="D11889" s="6">
        <v>1383.61</v>
      </c>
      <c r="E11889" s="6">
        <v>765.92160000000001</v>
      </c>
    </row>
    <row r="11890" spans="4:5" x14ac:dyDescent="0.25">
      <c r="D11890" s="6">
        <v>1587.374</v>
      </c>
      <c r="E11890" s="6">
        <v>806.81320000000005</v>
      </c>
    </row>
    <row r="11891" spans="4:5" x14ac:dyDescent="0.25">
      <c r="D11891" s="6">
        <v>5284.9480000000003</v>
      </c>
      <c r="E11891" s="6">
        <v>615.71220000000005</v>
      </c>
    </row>
    <row r="11892" spans="4:5" x14ac:dyDescent="0.25">
      <c r="D11892" s="6">
        <v>1912.722</v>
      </c>
      <c r="E11892" s="6">
        <v>522.81920000000002</v>
      </c>
    </row>
    <row r="11893" spans="4:5" x14ac:dyDescent="0.25">
      <c r="D11893" s="6">
        <v>1005.543</v>
      </c>
      <c r="E11893" s="6">
        <v>846.06</v>
      </c>
    </row>
    <row r="11894" spans="4:5" x14ac:dyDescent="0.25">
      <c r="D11894" s="6">
        <v>799.47839999999997</v>
      </c>
      <c r="E11894" s="6">
        <v>9061.1650000000009</v>
      </c>
    </row>
    <row r="11895" spans="4:5" x14ac:dyDescent="0.25">
      <c r="D11895" s="6">
        <v>395.51389999999998</v>
      </c>
      <c r="E11895" s="6">
        <v>1534</v>
      </c>
    </row>
    <row r="11896" spans="4:5" x14ac:dyDescent="0.25">
      <c r="D11896" s="6">
        <v>1198.2750000000001</v>
      </c>
      <c r="E11896" s="6">
        <v>509.36329999999998</v>
      </c>
    </row>
    <row r="11897" spans="4:5" x14ac:dyDescent="0.25">
      <c r="D11897" s="6">
        <v>1288.4269999999999</v>
      </c>
      <c r="E11897" s="6">
        <v>810.63729999999998</v>
      </c>
    </row>
    <row r="11898" spans="4:5" x14ac:dyDescent="0.25">
      <c r="D11898" s="6">
        <v>651.07780000000002</v>
      </c>
      <c r="E11898" s="6">
        <v>3319.8760000000002</v>
      </c>
    </row>
    <row r="11899" spans="4:5" x14ac:dyDescent="0.25">
      <c r="D11899" s="6">
        <v>1494.1189999999999</v>
      </c>
      <c r="E11899" s="6">
        <v>1122.4179999999999</v>
      </c>
    </row>
    <row r="11900" spans="4:5" x14ac:dyDescent="0.25">
      <c r="D11900" s="6">
        <v>1942.847</v>
      </c>
      <c r="E11900" s="6">
        <v>1155.049</v>
      </c>
    </row>
    <row r="11901" spans="4:5" x14ac:dyDescent="0.25">
      <c r="D11901" s="6">
        <v>996.54629999999997</v>
      </c>
      <c r="E11901" s="6">
        <v>2021.222</v>
      </c>
    </row>
    <row r="11902" spans="4:5" x14ac:dyDescent="0.25">
      <c r="D11902" s="6">
        <v>9159.4509999999991</v>
      </c>
      <c r="E11902" s="6">
        <v>6702.4380000000001</v>
      </c>
    </row>
    <row r="11903" spans="4:5" x14ac:dyDescent="0.25">
      <c r="D11903" s="6">
        <v>1417.461</v>
      </c>
      <c r="E11903" s="6">
        <v>2643.8580000000002</v>
      </c>
    </row>
    <row r="11904" spans="4:5" x14ac:dyDescent="0.25">
      <c r="D11904" s="6">
        <v>2471.9580000000001</v>
      </c>
      <c r="E11904" s="6">
        <v>466.65640000000002</v>
      </c>
    </row>
    <row r="11905" spans="4:5" x14ac:dyDescent="0.25">
      <c r="D11905" s="6">
        <v>823.024</v>
      </c>
      <c r="E11905" s="6">
        <v>781.68589999999995</v>
      </c>
    </row>
    <row r="11906" spans="4:5" x14ac:dyDescent="0.25">
      <c r="D11906" s="6">
        <v>1305.971</v>
      </c>
      <c r="E11906" s="6">
        <v>1472.829</v>
      </c>
    </row>
    <row r="11907" spans="4:5" x14ac:dyDescent="0.25">
      <c r="D11907" s="6">
        <v>574.79769999999996</v>
      </c>
      <c r="E11907" s="6">
        <v>1776.002</v>
      </c>
    </row>
    <row r="11908" spans="4:5" x14ac:dyDescent="0.25">
      <c r="D11908" s="6">
        <v>890.81539999999995</v>
      </c>
      <c r="E11908" s="6">
        <v>400.5</v>
      </c>
    </row>
    <row r="11909" spans="4:5" x14ac:dyDescent="0.25">
      <c r="D11909" s="6">
        <v>6695.3630000000003</v>
      </c>
      <c r="E11909" s="6">
        <v>4652.4650000000001</v>
      </c>
    </row>
    <row r="11910" spans="4:5" x14ac:dyDescent="0.25">
      <c r="D11910" s="6">
        <v>1204.953</v>
      </c>
      <c r="E11910" s="6">
        <v>812.28290000000004</v>
      </c>
    </row>
    <row r="11911" spans="4:5" x14ac:dyDescent="0.25">
      <c r="D11911" s="6">
        <v>747.39509999999996</v>
      </c>
      <c r="E11911" s="6">
        <v>619.32640000000004</v>
      </c>
    </row>
    <row r="11912" spans="4:5" x14ac:dyDescent="0.25">
      <c r="D11912" s="6">
        <v>690.99149999999997</v>
      </c>
      <c r="E11912" s="6">
        <v>1720.5</v>
      </c>
    </row>
    <row r="11913" spans="4:5" x14ac:dyDescent="0.25">
      <c r="D11913" s="6">
        <v>2334.0839999999998</v>
      </c>
      <c r="E11913" s="6">
        <v>742.91579999999999</v>
      </c>
    </row>
    <row r="11914" spans="4:5" x14ac:dyDescent="0.25">
      <c r="D11914" s="6">
        <v>1455.53</v>
      </c>
      <c r="E11914" s="6">
        <v>5329.3180000000002</v>
      </c>
    </row>
    <row r="11915" spans="4:5" x14ac:dyDescent="0.25">
      <c r="D11915" s="6">
        <v>1316.135</v>
      </c>
      <c r="E11915" s="6">
        <v>492.15589999999997</v>
      </c>
    </row>
    <row r="11916" spans="4:5" x14ac:dyDescent="0.25">
      <c r="D11916" s="6">
        <v>1372.9570000000001</v>
      </c>
      <c r="E11916" s="6">
        <v>2118.8670000000002</v>
      </c>
    </row>
    <row r="11917" spans="4:5" x14ac:dyDescent="0.25">
      <c r="D11917" s="6">
        <v>1033.5170000000001</v>
      </c>
      <c r="E11917" s="6">
        <v>605.22130000000004</v>
      </c>
    </row>
    <row r="11918" spans="4:5" x14ac:dyDescent="0.25">
      <c r="D11918" s="6">
        <v>587.07830000000001</v>
      </c>
      <c r="E11918" s="6">
        <v>1182.346</v>
      </c>
    </row>
    <row r="11919" spans="4:5" x14ac:dyDescent="0.25">
      <c r="D11919" s="6">
        <v>708.14800000000002</v>
      </c>
      <c r="E11919" s="6">
        <v>10691</v>
      </c>
    </row>
    <row r="11920" spans="4:5" x14ac:dyDescent="0.25">
      <c r="D11920" s="6">
        <v>2332.71</v>
      </c>
      <c r="E11920" s="6">
        <v>1853</v>
      </c>
    </row>
    <row r="11921" spans="4:5" x14ac:dyDescent="0.25">
      <c r="D11921" s="6">
        <v>938.10059999999999</v>
      </c>
      <c r="E11921" s="6">
        <v>686.47990000000004</v>
      </c>
    </row>
    <row r="11922" spans="4:5" x14ac:dyDescent="0.25">
      <c r="D11922" s="6">
        <v>1002.78</v>
      </c>
      <c r="E11922" s="6">
        <v>572.49540000000002</v>
      </c>
    </row>
    <row r="11923" spans="4:5" x14ac:dyDescent="0.25">
      <c r="D11923" s="6">
        <v>929.79880000000003</v>
      </c>
      <c r="E11923" s="6">
        <v>710.62440000000004</v>
      </c>
    </row>
    <row r="11924" spans="4:5" x14ac:dyDescent="0.25">
      <c r="D11924" s="6">
        <v>553.43079999999998</v>
      </c>
      <c r="E11924" s="6">
        <v>1004.386</v>
      </c>
    </row>
    <row r="11925" spans="4:5" x14ac:dyDescent="0.25">
      <c r="D11925" s="6">
        <v>1188.644</v>
      </c>
      <c r="E11925" s="6">
        <v>8896.3919999999998</v>
      </c>
    </row>
    <row r="11926" spans="4:5" x14ac:dyDescent="0.25">
      <c r="D11926" s="6">
        <v>757.42470000000003</v>
      </c>
      <c r="E11926" s="6">
        <v>357.93020000000001</v>
      </c>
    </row>
    <row r="11927" spans="4:5" x14ac:dyDescent="0.25">
      <c r="D11927" s="6">
        <v>545.2491</v>
      </c>
      <c r="E11927" s="6">
        <v>968.00750000000005</v>
      </c>
    </row>
    <row r="11928" spans="4:5" x14ac:dyDescent="0.25">
      <c r="D11928" s="6">
        <v>841.33989999999994</v>
      </c>
      <c r="E11928" s="6">
        <v>3870.6570000000002</v>
      </c>
    </row>
    <row r="11929" spans="4:5" x14ac:dyDescent="0.25">
      <c r="D11929" s="6">
        <v>1282.8399999999999</v>
      </c>
      <c r="E11929" s="6">
        <v>4610.2619999999997</v>
      </c>
    </row>
    <row r="11930" spans="4:5" x14ac:dyDescent="0.25">
      <c r="D11930" s="6">
        <v>868.68380000000002</v>
      </c>
      <c r="E11930" s="6">
        <v>2284.6080000000002</v>
      </c>
    </row>
    <row r="11931" spans="4:5" x14ac:dyDescent="0.25">
      <c r="D11931" s="6">
        <v>1012.211</v>
      </c>
      <c r="E11931" s="6">
        <v>8837.8150000000005</v>
      </c>
    </row>
    <row r="11932" spans="4:5" x14ac:dyDescent="0.25">
      <c r="D11932" s="6">
        <v>2395.73</v>
      </c>
      <c r="E11932" s="6">
        <v>1895.3710000000001</v>
      </c>
    </row>
    <row r="11933" spans="4:5" x14ac:dyDescent="0.25">
      <c r="D11933" s="6">
        <v>396.66669999999999</v>
      </c>
      <c r="E11933" s="6">
        <v>15315</v>
      </c>
    </row>
    <row r="11934" spans="4:5" x14ac:dyDescent="0.25">
      <c r="D11934" s="6">
        <v>882.86680000000001</v>
      </c>
      <c r="E11934" s="6">
        <v>864.14610000000005</v>
      </c>
    </row>
    <row r="11935" spans="4:5" x14ac:dyDescent="0.25">
      <c r="D11935" s="6">
        <v>854.76990000000001</v>
      </c>
      <c r="E11935" s="6">
        <v>660.67939999999999</v>
      </c>
    </row>
    <row r="11936" spans="4:5" x14ac:dyDescent="0.25">
      <c r="D11936" s="6">
        <v>1184.7809999999999</v>
      </c>
      <c r="E11936" s="6">
        <v>687.38930000000005</v>
      </c>
    </row>
    <row r="11937" spans="4:5" x14ac:dyDescent="0.25">
      <c r="D11937" s="6">
        <v>589.41380000000004</v>
      </c>
      <c r="E11937" s="6">
        <v>2658.2890000000002</v>
      </c>
    </row>
    <row r="11938" spans="4:5" x14ac:dyDescent="0.25">
      <c r="D11938" s="6">
        <v>1363.6320000000001</v>
      </c>
      <c r="E11938" s="6">
        <v>1314.5630000000001</v>
      </c>
    </row>
    <row r="11939" spans="4:5" x14ac:dyDescent="0.25">
      <c r="D11939" s="6">
        <v>1254.376</v>
      </c>
      <c r="E11939" s="6">
        <v>4730.1090000000004</v>
      </c>
    </row>
    <row r="11940" spans="4:5" x14ac:dyDescent="0.25">
      <c r="D11940" s="6">
        <v>2611.2089999999998</v>
      </c>
      <c r="E11940" s="6">
        <v>5842.5479999999998</v>
      </c>
    </row>
    <row r="11941" spans="4:5" x14ac:dyDescent="0.25">
      <c r="D11941" s="6">
        <v>1235.941</v>
      </c>
      <c r="E11941" s="6">
        <v>779.82010000000002</v>
      </c>
    </row>
    <row r="11942" spans="4:5" x14ac:dyDescent="0.25">
      <c r="D11942" s="6">
        <v>2257.1109999999999</v>
      </c>
      <c r="E11942" s="6">
        <v>8372.2060000000001</v>
      </c>
    </row>
    <row r="11943" spans="4:5" x14ac:dyDescent="0.25">
      <c r="D11943" s="6">
        <v>1163.6220000000001</v>
      </c>
      <c r="E11943" s="6">
        <v>4467</v>
      </c>
    </row>
    <row r="11944" spans="4:5" x14ac:dyDescent="0.25">
      <c r="D11944" s="6">
        <v>824.47929999999997</v>
      </c>
      <c r="E11944" s="6">
        <v>427.53989999999999</v>
      </c>
    </row>
    <row r="11945" spans="4:5" x14ac:dyDescent="0.25">
      <c r="D11945" s="6">
        <v>2369.1109999999999</v>
      </c>
      <c r="E11945" s="6">
        <v>1749.4590000000001</v>
      </c>
    </row>
    <row r="11946" spans="4:5" x14ac:dyDescent="0.25">
      <c r="D11946" s="6">
        <v>711.173</v>
      </c>
      <c r="E11946" s="6">
        <v>1820.8710000000001</v>
      </c>
    </row>
    <row r="11947" spans="4:5" x14ac:dyDescent="0.25">
      <c r="D11947" s="6">
        <v>1049.912</v>
      </c>
      <c r="E11947" s="6">
        <v>649.59870000000001</v>
      </c>
    </row>
    <row r="11948" spans="4:5" x14ac:dyDescent="0.25">
      <c r="D11948" s="6">
        <v>723.91129999999998</v>
      </c>
      <c r="E11948" s="6">
        <v>1038.885</v>
      </c>
    </row>
    <row r="11949" spans="4:5" x14ac:dyDescent="0.25">
      <c r="D11949" s="6">
        <v>692.54349999999999</v>
      </c>
      <c r="E11949" s="6">
        <v>1392.8</v>
      </c>
    </row>
    <row r="11950" spans="4:5" x14ac:dyDescent="0.25">
      <c r="D11950" s="6">
        <v>1170.817</v>
      </c>
      <c r="E11950" s="6">
        <v>5354</v>
      </c>
    </row>
    <row r="11951" spans="4:5" x14ac:dyDescent="0.25">
      <c r="D11951" s="6">
        <v>1217.5640000000001</v>
      </c>
      <c r="E11951" s="6">
        <v>452.72140000000002</v>
      </c>
    </row>
    <row r="11952" spans="4:5" x14ac:dyDescent="0.25">
      <c r="D11952" s="6">
        <v>764.71209999999996</v>
      </c>
      <c r="E11952" s="6">
        <v>5477.598</v>
      </c>
    </row>
    <row r="11953" spans="4:5" x14ac:dyDescent="0.25">
      <c r="D11953" s="6">
        <v>956.29930000000002</v>
      </c>
      <c r="E11953" s="6">
        <v>3264.3049999999998</v>
      </c>
    </row>
    <row r="11954" spans="4:5" x14ac:dyDescent="0.25">
      <c r="D11954" s="6">
        <v>1570.9059999999999</v>
      </c>
      <c r="E11954" s="6">
        <v>729.07780000000002</v>
      </c>
    </row>
    <row r="11955" spans="4:5" x14ac:dyDescent="0.25">
      <c r="D11955" s="6">
        <v>630.64279999999997</v>
      </c>
      <c r="E11955" s="6">
        <v>765.86860000000001</v>
      </c>
    </row>
    <row r="11956" spans="4:5" x14ac:dyDescent="0.25">
      <c r="D11956" s="6">
        <v>1502.077</v>
      </c>
      <c r="E11956" s="6">
        <v>1017.848</v>
      </c>
    </row>
    <row r="11957" spans="4:5" x14ac:dyDescent="0.25">
      <c r="D11957" s="6">
        <v>688.92859999999996</v>
      </c>
      <c r="E11957" s="6">
        <v>2084.2579999999998</v>
      </c>
    </row>
    <row r="11958" spans="4:5" x14ac:dyDescent="0.25">
      <c r="D11958" s="6">
        <v>710.49540000000002</v>
      </c>
      <c r="E11958" s="6">
        <v>1470.232</v>
      </c>
    </row>
    <row r="11959" spans="4:5" x14ac:dyDescent="0.25">
      <c r="D11959" s="6">
        <v>589.01930000000004</v>
      </c>
      <c r="E11959" s="6">
        <v>753.40740000000005</v>
      </c>
    </row>
    <row r="11960" spans="4:5" x14ac:dyDescent="0.25">
      <c r="D11960" s="6">
        <v>898.15790000000004</v>
      </c>
      <c r="E11960" s="6">
        <v>1230.1089999999999</v>
      </c>
    </row>
    <row r="11961" spans="4:5" x14ac:dyDescent="0.25">
      <c r="D11961" s="6">
        <v>940.49109999999996</v>
      </c>
      <c r="E11961" s="6">
        <v>751.67849999999999</v>
      </c>
    </row>
    <row r="11962" spans="4:5" x14ac:dyDescent="0.25">
      <c r="D11962" s="6">
        <v>1568.7249999999999</v>
      </c>
      <c r="E11962" s="6">
        <v>2339.8919999999998</v>
      </c>
    </row>
    <row r="11963" spans="4:5" x14ac:dyDescent="0.25">
      <c r="D11963" s="6">
        <v>983.74599999999998</v>
      </c>
      <c r="E11963" s="6">
        <v>2217.54</v>
      </c>
    </row>
    <row r="11964" spans="4:5" x14ac:dyDescent="0.25">
      <c r="D11964" s="6">
        <v>221.9632</v>
      </c>
      <c r="E11964" s="6">
        <v>605.38430000000005</v>
      </c>
    </row>
    <row r="11965" spans="4:5" x14ac:dyDescent="0.25">
      <c r="D11965" s="6">
        <v>985.6653</v>
      </c>
      <c r="E11965" s="6">
        <v>637.87090000000001</v>
      </c>
    </row>
    <row r="11966" spans="4:5" x14ac:dyDescent="0.25">
      <c r="D11966" s="6">
        <v>832.46420000000001</v>
      </c>
      <c r="E11966" s="6">
        <v>855.30769999999995</v>
      </c>
    </row>
    <row r="11967" spans="4:5" x14ac:dyDescent="0.25">
      <c r="D11967" s="6">
        <v>529.92020000000002</v>
      </c>
      <c r="E11967" s="6">
        <v>756.60609999999997</v>
      </c>
    </row>
    <row r="11968" spans="4:5" x14ac:dyDescent="0.25">
      <c r="D11968" s="6">
        <v>542.2106</v>
      </c>
      <c r="E11968" s="6">
        <v>778.33529999999996</v>
      </c>
    </row>
    <row r="11969" spans="4:5" x14ac:dyDescent="0.25">
      <c r="D11969" s="6">
        <v>716.44389999999999</v>
      </c>
      <c r="E11969" s="6">
        <v>1022.085</v>
      </c>
    </row>
    <row r="11970" spans="4:5" x14ac:dyDescent="0.25">
      <c r="D11970" s="6">
        <v>1024.9059999999999</v>
      </c>
      <c r="E11970" s="6">
        <v>9373.5010000000002</v>
      </c>
    </row>
    <row r="11971" spans="4:5" x14ac:dyDescent="0.25">
      <c r="D11971" s="6">
        <v>895.69939999999997</v>
      </c>
      <c r="E11971" s="6">
        <v>945.20280000000002</v>
      </c>
    </row>
    <row r="11972" spans="4:5" x14ac:dyDescent="0.25">
      <c r="D11972" s="6">
        <v>663.43899999999996</v>
      </c>
      <c r="E11972" s="6">
        <v>419.42309999999998</v>
      </c>
    </row>
    <row r="11973" spans="4:5" x14ac:dyDescent="0.25">
      <c r="D11973" s="6">
        <v>876.31640000000004</v>
      </c>
      <c r="E11973" s="6">
        <v>7921.0519999999997</v>
      </c>
    </row>
    <row r="11974" spans="4:5" x14ac:dyDescent="0.25">
      <c r="D11974" s="6">
        <v>451.08330000000001</v>
      </c>
      <c r="E11974" s="6">
        <v>6108.643</v>
      </c>
    </row>
    <row r="11975" spans="4:5" x14ac:dyDescent="0.25">
      <c r="D11975" s="6">
        <v>874.03539999999998</v>
      </c>
      <c r="E11975" s="6">
        <v>991.87329999999997</v>
      </c>
    </row>
    <row r="11976" spans="4:5" x14ac:dyDescent="0.25">
      <c r="D11976" s="6">
        <v>568.95280000000002</v>
      </c>
      <c r="E11976" s="6">
        <v>283.21620000000001</v>
      </c>
    </row>
    <row r="11977" spans="4:5" x14ac:dyDescent="0.25">
      <c r="D11977" s="6">
        <v>664.02829999999994</v>
      </c>
      <c r="E11977" s="6">
        <v>638</v>
      </c>
    </row>
    <row r="11978" spans="4:5" x14ac:dyDescent="0.25">
      <c r="D11978" s="6">
        <v>1370.7449999999999</v>
      </c>
      <c r="E11978" s="6">
        <v>1525.6759999999999</v>
      </c>
    </row>
    <row r="11979" spans="4:5" x14ac:dyDescent="0.25">
      <c r="D11979" s="6">
        <v>643.25850000000003</v>
      </c>
      <c r="E11979" s="6">
        <v>1641.0340000000001</v>
      </c>
    </row>
    <row r="11980" spans="4:5" x14ac:dyDescent="0.25">
      <c r="D11980" s="6">
        <v>837.35479999999995</v>
      </c>
      <c r="E11980" s="6">
        <v>1044.4870000000001</v>
      </c>
    </row>
    <row r="11981" spans="4:5" x14ac:dyDescent="0.25">
      <c r="D11981" s="6">
        <v>7290.5069999999996</v>
      </c>
      <c r="E11981" s="6">
        <v>5791.7669999999998</v>
      </c>
    </row>
    <row r="11982" spans="4:5" x14ac:dyDescent="0.25">
      <c r="D11982" s="6">
        <v>1332.357</v>
      </c>
      <c r="E11982" s="6">
        <v>5164.6049999999996</v>
      </c>
    </row>
    <row r="11983" spans="4:5" x14ac:dyDescent="0.25">
      <c r="D11983" s="6">
        <v>6528.9290000000001</v>
      </c>
      <c r="E11983" s="6">
        <v>1072.8209999999999</v>
      </c>
    </row>
    <row r="11984" spans="4:5" x14ac:dyDescent="0.25">
      <c r="D11984" s="6">
        <v>478.20119999999997</v>
      </c>
      <c r="E11984" s="6">
        <v>4627.3620000000001</v>
      </c>
    </row>
    <row r="11985" spans="4:5" x14ac:dyDescent="0.25">
      <c r="D11985" s="6">
        <v>1066.105</v>
      </c>
      <c r="E11985" s="6">
        <v>4283.6620000000003</v>
      </c>
    </row>
    <row r="11986" spans="4:5" x14ac:dyDescent="0.25">
      <c r="D11986" s="6">
        <v>1159.8720000000001</v>
      </c>
      <c r="E11986" s="6">
        <v>1000.25</v>
      </c>
    </row>
    <row r="11987" spans="4:5" x14ac:dyDescent="0.25">
      <c r="D11987" s="6">
        <v>2973.6729999999998</v>
      </c>
      <c r="E11987" s="6">
        <v>626.3107</v>
      </c>
    </row>
    <row r="11988" spans="4:5" x14ac:dyDescent="0.25">
      <c r="D11988" s="6">
        <v>2482.4189999999999</v>
      </c>
      <c r="E11988" s="6">
        <v>2296.7719999999999</v>
      </c>
    </row>
    <row r="11989" spans="4:5" x14ac:dyDescent="0.25">
      <c r="D11989" s="6">
        <v>5274.0469999999996</v>
      </c>
      <c r="E11989" s="6">
        <v>1425.329</v>
      </c>
    </row>
    <row r="11990" spans="4:5" x14ac:dyDescent="0.25">
      <c r="D11990" s="6">
        <v>1257.4549999999999</v>
      </c>
      <c r="E11990" s="6">
        <v>1351.6669999999999</v>
      </c>
    </row>
    <row r="11991" spans="4:5" x14ac:dyDescent="0.25">
      <c r="D11991" s="6">
        <v>2241.625</v>
      </c>
      <c r="E11991" s="6">
        <v>1084</v>
      </c>
    </row>
    <row r="11992" spans="4:5" x14ac:dyDescent="0.25">
      <c r="D11992" s="6">
        <v>506.98899999999998</v>
      </c>
      <c r="E11992" s="6">
        <v>8162.3029999999999</v>
      </c>
    </row>
    <row r="11993" spans="4:5" x14ac:dyDescent="0.25">
      <c r="D11993" s="6">
        <v>1260.9590000000001</v>
      </c>
      <c r="E11993" s="6">
        <v>9168.348</v>
      </c>
    </row>
    <row r="11994" spans="4:5" x14ac:dyDescent="0.25">
      <c r="D11994" s="6">
        <v>843.33510000000001</v>
      </c>
      <c r="E11994" s="6">
        <v>676.46990000000005</v>
      </c>
    </row>
    <row r="11995" spans="4:5" x14ac:dyDescent="0.25">
      <c r="D11995" s="6">
        <v>771.65350000000001</v>
      </c>
      <c r="E11995" s="6">
        <v>630.06370000000004</v>
      </c>
    </row>
    <row r="11996" spans="4:5" x14ac:dyDescent="0.25">
      <c r="D11996" s="6">
        <v>765.41930000000002</v>
      </c>
      <c r="E11996" s="6">
        <v>877.37829999999997</v>
      </c>
    </row>
    <row r="11997" spans="4:5" x14ac:dyDescent="0.25">
      <c r="D11997" s="6">
        <v>1017.1849999999999</v>
      </c>
      <c r="E11997" s="6">
        <v>656.28719999999998</v>
      </c>
    </row>
    <row r="11998" spans="4:5" x14ac:dyDescent="0.25">
      <c r="D11998" s="6">
        <v>2116.837</v>
      </c>
      <c r="E11998" s="6">
        <v>9601.6219999999994</v>
      </c>
    </row>
    <row r="11999" spans="4:5" x14ac:dyDescent="0.25">
      <c r="D11999" s="6">
        <v>583.78229999999996</v>
      </c>
      <c r="E11999" s="6">
        <v>705.31190000000004</v>
      </c>
    </row>
    <row r="12000" spans="4:5" x14ac:dyDescent="0.25">
      <c r="D12000" s="6">
        <v>1006.085</v>
      </c>
      <c r="E12000" s="6">
        <v>480.30009999999999</v>
      </c>
    </row>
    <row r="12001" spans="4:5" x14ac:dyDescent="0.25">
      <c r="D12001" s="6">
        <v>564.05420000000004</v>
      </c>
      <c r="E12001" s="6">
        <v>531.9402</v>
      </c>
    </row>
    <row r="12002" spans="4:5" x14ac:dyDescent="0.25">
      <c r="D12002" s="6">
        <v>837.73360000000002</v>
      </c>
      <c r="E12002" s="6">
        <v>982.3818</v>
      </c>
    </row>
    <row r="12003" spans="4:5" x14ac:dyDescent="0.25">
      <c r="D12003" s="6">
        <v>596.21799999999996</v>
      </c>
      <c r="E12003" s="6">
        <v>9797.2549999999992</v>
      </c>
    </row>
    <row r="12004" spans="4:5" x14ac:dyDescent="0.25">
      <c r="D12004" s="6">
        <v>4577.4780000000001</v>
      </c>
      <c r="E12004" s="6">
        <v>706.69200000000001</v>
      </c>
    </row>
    <row r="12005" spans="4:5" x14ac:dyDescent="0.25">
      <c r="D12005" s="6">
        <v>721.57410000000004</v>
      </c>
      <c r="E12005" s="6">
        <v>746.35019999999997</v>
      </c>
    </row>
    <row r="12006" spans="4:5" x14ac:dyDescent="0.25">
      <c r="D12006" s="6">
        <v>235.80879999999999</v>
      </c>
      <c r="E12006" s="6">
        <v>490.26400000000001</v>
      </c>
    </row>
    <row r="12007" spans="4:5" x14ac:dyDescent="0.25">
      <c r="D12007" s="6">
        <v>7593.4589999999998</v>
      </c>
      <c r="E12007" s="6">
        <v>728.5172</v>
      </c>
    </row>
    <row r="12008" spans="4:5" x14ac:dyDescent="0.25">
      <c r="D12008" s="6">
        <v>643.08889999999997</v>
      </c>
      <c r="E12008" s="6">
        <v>712.16899999999998</v>
      </c>
    </row>
    <row r="12009" spans="4:5" x14ac:dyDescent="0.25">
      <c r="D12009" s="6">
        <v>1230.9770000000001</v>
      </c>
      <c r="E12009" s="6">
        <v>8800.0290000000005</v>
      </c>
    </row>
    <row r="12010" spans="4:5" x14ac:dyDescent="0.25">
      <c r="D12010" s="6">
        <v>1010.711</v>
      </c>
      <c r="E12010" s="6">
        <v>551.28890000000001</v>
      </c>
    </row>
    <row r="12011" spans="4:5" x14ac:dyDescent="0.25">
      <c r="D12011" s="6">
        <v>1038.979</v>
      </c>
      <c r="E12011" s="6">
        <v>1207.8409999999999</v>
      </c>
    </row>
    <row r="12012" spans="4:5" x14ac:dyDescent="0.25">
      <c r="D12012" s="6">
        <v>839.5</v>
      </c>
      <c r="E12012" s="6">
        <v>584.44770000000005</v>
      </c>
    </row>
    <row r="12013" spans="4:5" x14ac:dyDescent="0.25">
      <c r="D12013" s="6">
        <v>593.3623</v>
      </c>
      <c r="E12013" s="6">
        <v>2841.415</v>
      </c>
    </row>
    <row r="12014" spans="4:5" x14ac:dyDescent="0.25">
      <c r="D12014" s="6">
        <v>1272.9079999999999</v>
      </c>
      <c r="E12014" s="6">
        <v>9232.5059999999994</v>
      </c>
    </row>
    <row r="12015" spans="4:5" x14ac:dyDescent="0.25">
      <c r="D12015" s="6">
        <v>1068.231</v>
      </c>
      <c r="E12015" s="6">
        <v>5187.4589999999998</v>
      </c>
    </row>
    <row r="12016" spans="4:5" x14ac:dyDescent="0.25">
      <c r="D12016" s="6">
        <v>1048.8820000000001</v>
      </c>
      <c r="E12016" s="6">
        <v>946.13390000000004</v>
      </c>
    </row>
    <row r="12017" spans="4:5" x14ac:dyDescent="0.25">
      <c r="D12017" s="6">
        <v>659.24990000000003</v>
      </c>
      <c r="E12017" s="6">
        <v>560.13549999999998</v>
      </c>
    </row>
    <row r="12018" spans="4:5" x14ac:dyDescent="0.25">
      <c r="D12018" s="6">
        <v>714.88670000000002</v>
      </c>
      <c r="E12018" s="6">
        <v>1913.174</v>
      </c>
    </row>
    <row r="12019" spans="4:5" x14ac:dyDescent="0.25">
      <c r="D12019" s="6">
        <v>1147.722</v>
      </c>
      <c r="E12019" s="6">
        <v>534.66669999999999</v>
      </c>
    </row>
    <row r="12020" spans="4:5" x14ac:dyDescent="0.25">
      <c r="D12020" s="6">
        <v>3547.4659999999999</v>
      </c>
      <c r="E12020" s="6">
        <v>990.81679999999994</v>
      </c>
    </row>
    <row r="12021" spans="4:5" x14ac:dyDescent="0.25">
      <c r="D12021" s="6">
        <v>833.93830000000003</v>
      </c>
      <c r="E12021" s="6">
        <v>1978.098</v>
      </c>
    </row>
    <row r="12022" spans="4:5" x14ac:dyDescent="0.25">
      <c r="D12022" s="6">
        <v>2608.123</v>
      </c>
      <c r="E12022" s="6">
        <v>492.92680000000001</v>
      </c>
    </row>
    <row r="12023" spans="4:5" x14ac:dyDescent="0.25">
      <c r="D12023" s="6">
        <v>667.6</v>
      </c>
      <c r="E12023" s="6">
        <v>642.22180000000003</v>
      </c>
    </row>
    <row r="12024" spans="4:5" x14ac:dyDescent="0.25">
      <c r="D12024" s="6">
        <v>709.96939999999995</v>
      </c>
      <c r="E12024" s="6">
        <v>353.8</v>
      </c>
    </row>
    <row r="12025" spans="4:5" x14ac:dyDescent="0.25">
      <c r="D12025" s="6">
        <v>589.74699999999996</v>
      </c>
      <c r="E12025" s="6">
        <v>676.90639999999996</v>
      </c>
    </row>
    <row r="12026" spans="4:5" x14ac:dyDescent="0.25">
      <c r="D12026" s="6">
        <v>936.1028</v>
      </c>
      <c r="E12026" s="6">
        <v>701.24749999999995</v>
      </c>
    </row>
    <row r="12027" spans="4:5" x14ac:dyDescent="0.25">
      <c r="D12027" s="6">
        <v>487.77969999999999</v>
      </c>
      <c r="E12027" s="6">
        <v>7744.9210000000003</v>
      </c>
    </row>
    <row r="12028" spans="4:5" x14ac:dyDescent="0.25">
      <c r="D12028" s="6">
        <v>603.32299999999998</v>
      </c>
      <c r="E12028" s="6">
        <v>624.17250000000001</v>
      </c>
    </row>
    <row r="12029" spans="4:5" x14ac:dyDescent="0.25">
      <c r="D12029" s="6">
        <v>998.02729999999997</v>
      </c>
      <c r="E12029" s="6">
        <v>1498.1210000000001</v>
      </c>
    </row>
    <row r="12030" spans="4:5" x14ac:dyDescent="0.25">
      <c r="D12030" s="6">
        <v>685.63239999999996</v>
      </c>
      <c r="E12030" s="6">
        <v>1658.98</v>
      </c>
    </row>
    <row r="12031" spans="4:5" x14ac:dyDescent="0.25">
      <c r="D12031" s="6">
        <v>1005.562</v>
      </c>
      <c r="E12031" s="6">
        <v>2813.4229999999998</v>
      </c>
    </row>
    <row r="12032" spans="4:5" x14ac:dyDescent="0.25">
      <c r="D12032" s="6">
        <v>1943.75</v>
      </c>
      <c r="E12032" s="6">
        <v>6021.2669999999998</v>
      </c>
    </row>
    <row r="12033" spans="4:5" x14ac:dyDescent="0.25">
      <c r="D12033" s="6">
        <v>724.38430000000005</v>
      </c>
      <c r="E12033" s="6">
        <v>1392.356</v>
      </c>
    </row>
    <row r="12034" spans="4:5" x14ac:dyDescent="0.25">
      <c r="D12034" s="6">
        <v>1399.759</v>
      </c>
      <c r="E12034" s="6">
        <v>919.29</v>
      </c>
    </row>
    <row r="12035" spans="4:5" x14ac:dyDescent="0.25">
      <c r="D12035" s="6">
        <v>1606.9010000000001</v>
      </c>
      <c r="E12035" s="6">
        <v>966.3057</v>
      </c>
    </row>
    <row r="12036" spans="4:5" x14ac:dyDescent="0.25">
      <c r="D12036" s="6">
        <v>1786.9380000000001</v>
      </c>
      <c r="E12036" s="6">
        <v>1255.598</v>
      </c>
    </row>
    <row r="12037" spans="4:5" x14ac:dyDescent="0.25">
      <c r="D12037" s="6">
        <v>1143.4459999999999</v>
      </c>
      <c r="E12037" s="6">
        <v>1062.44</v>
      </c>
    </row>
    <row r="12038" spans="4:5" x14ac:dyDescent="0.25">
      <c r="D12038" s="6">
        <v>5665.7920000000004</v>
      </c>
      <c r="E12038" s="6">
        <v>693.20609999999999</v>
      </c>
    </row>
    <row r="12039" spans="4:5" x14ac:dyDescent="0.25">
      <c r="D12039" s="6">
        <v>1541.6659999999999</v>
      </c>
      <c r="E12039" s="6">
        <v>820.19820000000004</v>
      </c>
    </row>
    <row r="12040" spans="4:5" x14ac:dyDescent="0.25">
      <c r="D12040" s="6">
        <v>760.5</v>
      </c>
      <c r="E12040" s="6">
        <v>2750.9560000000001</v>
      </c>
    </row>
    <row r="12041" spans="4:5" x14ac:dyDescent="0.25">
      <c r="D12041" s="6">
        <v>923.4683</v>
      </c>
      <c r="E12041" s="6">
        <v>444.72730000000001</v>
      </c>
    </row>
    <row r="12042" spans="4:5" x14ac:dyDescent="0.25">
      <c r="D12042" s="6">
        <v>942.83690000000001</v>
      </c>
      <c r="E12042" s="6">
        <v>863.44489999999996</v>
      </c>
    </row>
    <row r="12043" spans="4:5" x14ac:dyDescent="0.25">
      <c r="D12043" s="6">
        <v>740.75930000000005</v>
      </c>
      <c r="E12043" s="6">
        <v>6148.25</v>
      </c>
    </row>
    <row r="12044" spans="4:5" x14ac:dyDescent="0.25">
      <c r="D12044" s="6">
        <v>885.40049999999997</v>
      </c>
      <c r="E12044" s="6">
        <v>1436.0989999999999</v>
      </c>
    </row>
    <row r="12045" spans="4:5" x14ac:dyDescent="0.25">
      <c r="D12045" s="6">
        <v>985.33780000000002</v>
      </c>
      <c r="E12045" s="6">
        <v>594.63340000000005</v>
      </c>
    </row>
    <row r="12046" spans="4:5" x14ac:dyDescent="0.25">
      <c r="D12046" s="6">
        <v>2251.0430000000001</v>
      </c>
      <c r="E12046" s="6">
        <v>10118.1</v>
      </c>
    </row>
    <row r="12047" spans="4:5" x14ac:dyDescent="0.25">
      <c r="D12047" s="6">
        <v>758.28800000000001</v>
      </c>
      <c r="E12047" s="6">
        <v>12439.81</v>
      </c>
    </row>
    <row r="12048" spans="4:5" x14ac:dyDescent="0.25">
      <c r="D12048" s="6">
        <v>3764.8989999999999</v>
      </c>
      <c r="E12048" s="6">
        <v>2467.116</v>
      </c>
    </row>
    <row r="12049" spans="4:5" x14ac:dyDescent="0.25">
      <c r="D12049" s="6">
        <v>1355.5229999999999</v>
      </c>
      <c r="E12049" s="6">
        <v>10280.5</v>
      </c>
    </row>
    <row r="12050" spans="4:5" x14ac:dyDescent="0.25">
      <c r="D12050" s="6">
        <v>2278</v>
      </c>
      <c r="E12050" s="6">
        <v>815.1825</v>
      </c>
    </row>
    <row r="12051" spans="4:5" x14ac:dyDescent="0.25">
      <c r="D12051" s="6">
        <v>565.50580000000002</v>
      </c>
      <c r="E12051" s="6">
        <v>2447.1669999999999</v>
      </c>
    </row>
    <row r="12052" spans="4:5" x14ac:dyDescent="0.25">
      <c r="D12052" s="6">
        <v>1047.4159999999999</v>
      </c>
      <c r="E12052" s="6">
        <v>1007.5</v>
      </c>
    </row>
    <row r="12053" spans="4:5" x14ac:dyDescent="0.25">
      <c r="D12053" s="6">
        <v>1011.747</v>
      </c>
      <c r="E12053" s="6">
        <v>1422.8030000000001</v>
      </c>
    </row>
    <row r="12054" spans="4:5" x14ac:dyDescent="0.25">
      <c r="D12054" s="6">
        <v>3121.556</v>
      </c>
      <c r="E12054" s="6">
        <v>725.65959999999995</v>
      </c>
    </row>
    <row r="12055" spans="4:5" x14ac:dyDescent="0.25">
      <c r="D12055" s="6">
        <v>8166.2560000000003</v>
      </c>
      <c r="E12055" s="6">
        <v>1423.9179999999999</v>
      </c>
    </row>
    <row r="12056" spans="4:5" x14ac:dyDescent="0.25">
      <c r="D12056" s="6">
        <v>529.01959999999997</v>
      </c>
      <c r="E12056" s="6">
        <v>5566.6509999999998</v>
      </c>
    </row>
    <row r="12057" spans="4:5" x14ac:dyDescent="0.25">
      <c r="D12057" s="6">
        <v>1720.2349999999999</v>
      </c>
      <c r="E12057" s="6">
        <v>1627.2349999999999</v>
      </c>
    </row>
    <row r="12058" spans="4:5" x14ac:dyDescent="0.25">
      <c r="D12058" s="6">
        <v>1121.2929999999999</v>
      </c>
      <c r="E12058" s="6">
        <v>772.0231</v>
      </c>
    </row>
    <row r="12059" spans="4:5" x14ac:dyDescent="0.25">
      <c r="D12059" s="6">
        <v>714.50109999999995</v>
      </c>
      <c r="E12059" s="6">
        <v>1154.4159999999999</v>
      </c>
    </row>
    <row r="12060" spans="4:5" x14ac:dyDescent="0.25">
      <c r="D12060" s="6">
        <v>496.83730000000003</v>
      </c>
      <c r="E12060" s="6">
        <v>2576.4949999999999</v>
      </c>
    </row>
    <row r="12061" spans="4:5" x14ac:dyDescent="0.25">
      <c r="D12061" s="6">
        <v>747.45619999999997</v>
      </c>
      <c r="E12061" s="6">
        <v>3562.4119999999998</v>
      </c>
    </row>
    <row r="12062" spans="4:5" x14ac:dyDescent="0.25">
      <c r="D12062" s="6">
        <v>8376.0529999999999</v>
      </c>
      <c r="E12062" s="6">
        <v>711.23779999999999</v>
      </c>
    </row>
    <row r="12063" spans="4:5" x14ac:dyDescent="0.25">
      <c r="D12063" s="6">
        <v>1684.404</v>
      </c>
      <c r="E12063" s="6">
        <v>940.15989999999999</v>
      </c>
    </row>
    <row r="12064" spans="4:5" x14ac:dyDescent="0.25">
      <c r="D12064" s="6">
        <v>1019.1660000000001</v>
      </c>
      <c r="E12064" s="6">
        <v>6029.5379999999996</v>
      </c>
    </row>
    <row r="12065" spans="4:5" x14ac:dyDescent="0.25">
      <c r="D12065" s="6">
        <v>8849.5630000000001</v>
      </c>
      <c r="E12065" s="6">
        <v>4873.0290000000005</v>
      </c>
    </row>
    <row r="12066" spans="4:5" x14ac:dyDescent="0.25">
      <c r="D12066" s="6">
        <v>1008.434</v>
      </c>
      <c r="E12066" s="6">
        <v>661.20349999999996</v>
      </c>
    </row>
    <row r="12067" spans="4:5" x14ac:dyDescent="0.25">
      <c r="D12067" s="6">
        <v>254.17959999999999</v>
      </c>
      <c r="E12067" s="6">
        <v>8673.4259999999995</v>
      </c>
    </row>
    <row r="12068" spans="4:5" x14ac:dyDescent="0.25">
      <c r="D12068" s="6">
        <v>675.89850000000001</v>
      </c>
      <c r="E12068" s="6">
        <v>3715.2170000000001</v>
      </c>
    </row>
    <row r="12069" spans="4:5" x14ac:dyDescent="0.25">
      <c r="D12069" s="6">
        <v>566.58479999999997</v>
      </c>
      <c r="E12069" s="6">
        <v>2836.9450000000002</v>
      </c>
    </row>
    <row r="12070" spans="4:5" x14ac:dyDescent="0.25">
      <c r="D12070" s="6">
        <v>1972.3389999999999</v>
      </c>
      <c r="E12070" s="6">
        <v>8051.4610000000002</v>
      </c>
    </row>
    <row r="12071" spans="4:5" x14ac:dyDescent="0.25">
      <c r="D12071" s="6">
        <v>713.09339999999997</v>
      </c>
      <c r="E12071" s="6">
        <v>1252.8430000000001</v>
      </c>
    </row>
    <row r="12072" spans="4:5" x14ac:dyDescent="0.25">
      <c r="D12072" s="6">
        <v>679.82479999999998</v>
      </c>
      <c r="E12072" s="6">
        <v>304.72219999999999</v>
      </c>
    </row>
    <row r="12073" spans="4:5" x14ac:dyDescent="0.25">
      <c r="D12073" s="6">
        <v>931.3913</v>
      </c>
      <c r="E12073" s="6">
        <v>663.33749999999998</v>
      </c>
    </row>
    <row r="12074" spans="4:5" x14ac:dyDescent="0.25">
      <c r="D12074" s="6">
        <v>3428.529</v>
      </c>
      <c r="E12074" s="6">
        <v>1360.4570000000001</v>
      </c>
    </row>
    <row r="12075" spans="4:5" x14ac:dyDescent="0.25">
      <c r="D12075" s="6">
        <v>765.327</v>
      </c>
      <c r="E12075" s="6">
        <v>761.81389999999999</v>
      </c>
    </row>
    <row r="12076" spans="4:5" x14ac:dyDescent="0.25">
      <c r="D12076" s="6">
        <v>8772.4290000000001</v>
      </c>
      <c r="E12076" s="6">
        <v>511.83370000000002</v>
      </c>
    </row>
    <row r="12077" spans="4:5" x14ac:dyDescent="0.25">
      <c r="D12077" s="6">
        <v>679.19989999999996</v>
      </c>
      <c r="E12077" s="6">
        <v>534.73080000000004</v>
      </c>
    </row>
    <row r="12078" spans="4:5" x14ac:dyDescent="0.25">
      <c r="D12078" s="6">
        <v>2997.5709999999999</v>
      </c>
      <c r="E12078" s="6">
        <v>7172</v>
      </c>
    </row>
    <row r="12079" spans="4:5" x14ac:dyDescent="0.25">
      <c r="D12079" s="6">
        <v>517.98220000000003</v>
      </c>
      <c r="E12079" s="6">
        <v>1059.239</v>
      </c>
    </row>
    <row r="12080" spans="4:5" x14ac:dyDescent="0.25">
      <c r="D12080" s="6">
        <v>722.82069999999999</v>
      </c>
      <c r="E12080" s="6">
        <v>824.86710000000005</v>
      </c>
    </row>
    <row r="12081" spans="4:5" x14ac:dyDescent="0.25">
      <c r="D12081" s="6">
        <v>5742.9470000000001</v>
      </c>
      <c r="E12081" s="6">
        <v>585.48320000000001</v>
      </c>
    </row>
    <row r="12082" spans="4:5" x14ac:dyDescent="0.25">
      <c r="D12082" s="6">
        <v>305.77550000000002</v>
      </c>
      <c r="E12082" s="6">
        <v>884.25</v>
      </c>
    </row>
    <row r="12083" spans="4:5" x14ac:dyDescent="0.25">
      <c r="D12083" s="6">
        <v>2764.828</v>
      </c>
      <c r="E12083" s="6">
        <v>2647.2469999999998</v>
      </c>
    </row>
    <row r="12084" spans="4:5" x14ac:dyDescent="0.25">
      <c r="D12084" s="6">
        <v>560.4307</v>
      </c>
      <c r="E12084" s="6">
        <v>615.53650000000005</v>
      </c>
    </row>
    <row r="12085" spans="4:5" x14ac:dyDescent="0.25">
      <c r="D12085" s="6">
        <v>1202.252</v>
      </c>
      <c r="E12085" s="6">
        <v>654.69780000000003</v>
      </c>
    </row>
    <row r="12086" spans="4:5" x14ac:dyDescent="0.25">
      <c r="D12086" s="6">
        <v>861.68939999999998</v>
      </c>
      <c r="E12086" s="6">
        <v>987.66669999999999</v>
      </c>
    </row>
    <row r="12087" spans="4:5" x14ac:dyDescent="0.25">
      <c r="D12087" s="6">
        <v>789.04549999999995</v>
      </c>
      <c r="E12087" s="6">
        <v>2541.924</v>
      </c>
    </row>
    <row r="12088" spans="4:5" x14ac:dyDescent="0.25">
      <c r="D12088" s="6">
        <v>3424.4189999999999</v>
      </c>
      <c r="E12088" s="6">
        <v>688.20630000000006</v>
      </c>
    </row>
    <row r="12089" spans="4:5" x14ac:dyDescent="0.25">
      <c r="D12089" s="6">
        <v>7971.8819999999996</v>
      </c>
      <c r="E12089" s="6">
        <v>748.79</v>
      </c>
    </row>
    <row r="12090" spans="4:5" x14ac:dyDescent="0.25">
      <c r="D12090" s="6">
        <v>187.2637</v>
      </c>
      <c r="E12090" s="6">
        <v>397.57690000000002</v>
      </c>
    </row>
    <row r="12091" spans="4:5" x14ac:dyDescent="0.25">
      <c r="D12091" s="6">
        <v>1338.0809999999999</v>
      </c>
      <c r="E12091" s="6">
        <v>871.45039999999995</v>
      </c>
    </row>
    <row r="12092" spans="4:5" x14ac:dyDescent="0.25">
      <c r="D12092" s="6">
        <v>675.20839999999998</v>
      </c>
      <c r="E12092" s="6">
        <v>4776.893</v>
      </c>
    </row>
    <row r="12093" spans="4:5" x14ac:dyDescent="0.25">
      <c r="D12093" s="6">
        <v>961.90989999999999</v>
      </c>
      <c r="E12093" s="6">
        <v>11990.9</v>
      </c>
    </row>
    <row r="12094" spans="4:5" x14ac:dyDescent="0.25">
      <c r="D12094" s="6">
        <v>924.40260000000001</v>
      </c>
      <c r="E12094" s="6">
        <v>1129.8889999999999</v>
      </c>
    </row>
    <row r="12095" spans="4:5" x14ac:dyDescent="0.25">
      <c r="D12095" s="6">
        <v>737.77779999999996</v>
      </c>
      <c r="E12095" s="6">
        <v>988.15790000000004</v>
      </c>
    </row>
    <row r="12096" spans="4:5" x14ac:dyDescent="0.25">
      <c r="D12096" s="6">
        <v>2142.518</v>
      </c>
      <c r="E12096" s="6">
        <v>654.89459999999997</v>
      </c>
    </row>
    <row r="12097" spans="4:5" x14ac:dyDescent="0.25">
      <c r="D12097" s="6">
        <v>946.90009999999995</v>
      </c>
      <c r="E12097" s="6">
        <v>589.36279999999999</v>
      </c>
    </row>
    <row r="12098" spans="4:5" x14ac:dyDescent="0.25">
      <c r="D12098" s="6">
        <v>306.14530000000002</v>
      </c>
      <c r="E12098" s="6">
        <v>7626.1080000000002</v>
      </c>
    </row>
    <row r="12099" spans="4:5" x14ac:dyDescent="0.25">
      <c r="D12099" s="6">
        <v>1296.7639999999999</v>
      </c>
      <c r="E12099" s="6">
        <v>826.51030000000003</v>
      </c>
    </row>
    <row r="12100" spans="4:5" x14ac:dyDescent="0.25">
      <c r="D12100" s="6">
        <v>1035.3579999999999</v>
      </c>
      <c r="E12100" s="6">
        <v>10109.43</v>
      </c>
    </row>
    <row r="12101" spans="4:5" x14ac:dyDescent="0.25">
      <c r="D12101" s="6">
        <v>968.40269999999998</v>
      </c>
      <c r="E12101" s="6">
        <v>1327.903</v>
      </c>
    </row>
    <row r="12102" spans="4:5" x14ac:dyDescent="0.25">
      <c r="D12102" s="6">
        <v>1119.3309999999999</v>
      </c>
      <c r="E12102" s="6">
        <v>597.67470000000003</v>
      </c>
    </row>
    <row r="12103" spans="4:5" x14ac:dyDescent="0.25">
      <c r="D12103" s="6">
        <v>911.79290000000003</v>
      </c>
      <c r="E12103" s="6">
        <v>915.25689999999997</v>
      </c>
    </row>
    <row r="12104" spans="4:5" x14ac:dyDescent="0.25">
      <c r="D12104" s="6">
        <v>8397.5</v>
      </c>
      <c r="E12104" s="6">
        <v>3709.2220000000002</v>
      </c>
    </row>
    <row r="12105" spans="4:5" x14ac:dyDescent="0.25">
      <c r="D12105" s="6">
        <v>620.77779999999996</v>
      </c>
      <c r="E12105" s="6">
        <v>2606.4960000000001</v>
      </c>
    </row>
    <row r="12106" spans="4:5" x14ac:dyDescent="0.25">
      <c r="D12106" s="6">
        <v>700.91240000000005</v>
      </c>
      <c r="E12106" s="6">
        <v>442.91250000000002</v>
      </c>
    </row>
    <row r="12107" spans="4:5" x14ac:dyDescent="0.25">
      <c r="D12107" s="6">
        <v>543.17909999999995</v>
      </c>
      <c r="E12107" s="6">
        <v>635.85109999999997</v>
      </c>
    </row>
    <row r="12108" spans="4:5" x14ac:dyDescent="0.25">
      <c r="D12108" s="6">
        <v>588.16489999999999</v>
      </c>
      <c r="E12108" s="6">
        <v>563.71109999999999</v>
      </c>
    </row>
    <row r="12109" spans="4:5" x14ac:dyDescent="0.25">
      <c r="D12109" s="6">
        <v>513.11080000000004</v>
      </c>
      <c r="E12109" s="6">
        <v>598.08789999999999</v>
      </c>
    </row>
    <row r="12110" spans="4:5" x14ac:dyDescent="0.25">
      <c r="D12110" s="6">
        <v>352.33330000000001</v>
      </c>
      <c r="E12110" s="6">
        <v>9432.9240000000009</v>
      </c>
    </row>
    <row r="12111" spans="4:5" x14ac:dyDescent="0.25">
      <c r="D12111" s="6">
        <v>813.06939999999997</v>
      </c>
      <c r="E12111" s="6">
        <v>450.82830000000001</v>
      </c>
    </row>
    <row r="12112" spans="4:5" x14ac:dyDescent="0.25">
      <c r="D12112" s="6">
        <v>773.09590000000003</v>
      </c>
      <c r="E12112" s="6">
        <v>689.20060000000001</v>
      </c>
    </row>
    <row r="12113" spans="4:5" x14ac:dyDescent="0.25">
      <c r="D12113" s="6">
        <v>653.33330000000001</v>
      </c>
      <c r="E12113" s="6">
        <v>253.23689999999999</v>
      </c>
    </row>
    <row r="12114" spans="4:5" x14ac:dyDescent="0.25">
      <c r="D12114" s="6">
        <v>1475.913</v>
      </c>
      <c r="E12114" s="6">
        <v>603.46540000000005</v>
      </c>
    </row>
    <row r="12115" spans="4:5" x14ac:dyDescent="0.25">
      <c r="D12115" s="6">
        <v>930.18970000000002</v>
      </c>
      <c r="E12115" s="6">
        <v>935.10940000000005</v>
      </c>
    </row>
    <row r="12116" spans="4:5" x14ac:dyDescent="0.25">
      <c r="D12116" s="6">
        <v>3797.5590000000002</v>
      </c>
      <c r="E12116" s="6">
        <v>514.5575</v>
      </c>
    </row>
    <row r="12117" spans="4:5" x14ac:dyDescent="0.25">
      <c r="D12117" s="6">
        <v>758.43280000000004</v>
      </c>
      <c r="E12117" s="6">
        <v>197.09180000000001</v>
      </c>
    </row>
    <row r="12118" spans="4:5" x14ac:dyDescent="0.25">
      <c r="D12118" s="6">
        <v>1199.7619999999999</v>
      </c>
      <c r="E12118" s="6">
        <v>6388.6080000000002</v>
      </c>
    </row>
    <row r="12119" spans="4:5" x14ac:dyDescent="0.25">
      <c r="D12119" s="6">
        <v>1859.557</v>
      </c>
      <c r="E12119" s="6">
        <v>556.625</v>
      </c>
    </row>
    <row r="12120" spans="4:5" x14ac:dyDescent="0.25">
      <c r="D12120" s="6">
        <v>387</v>
      </c>
      <c r="E12120" s="6">
        <v>1096.2180000000001</v>
      </c>
    </row>
    <row r="12121" spans="4:5" x14ac:dyDescent="0.25">
      <c r="D12121" s="6">
        <v>1523.4880000000001</v>
      </c>
      <c r="E12121" s="6">
        <v>351.37349999999998</v>
      </c>
    </row>
    <row r="12122" spans="4:5" x14ac:dyDescent="0.25">
      <c r="D12122" s="6">
        <v>601.66610000000003</v>
      </c>
      <c r="E12122" s="6">
        <v>3560.9760000000001</v>
      </c>
    </row>
    <row r="12123" spans="4:5" x14ac:dyDescent="0.25">
      <c r="D12123" s="6">
        <v>1576.8119999999999</v>
      </c>
      <c r="E12123" s="6">
        <v>483.54820000000001</v>
      </c>
    </row>
    <row r="12124" spans="4:5" x14ac:dyDescent="0.25">
      <c r="D12124" s="6">
        <v>918.57809999999995</v>
      </c>
      <c r="E12124" s="6">
        <v>451.25369999999998</v>
      </c>
    </row>
    <row r="12125" spans="4:5" x14ac:dyDescent="0.25">
      <c r="D12125" s="6">
        <v>5916.3559999999998</v>
      </c>
      <c r="E12125" s="6">
        <v>865.7124</v>
      </c>
    </row>
    <row r="12126" spans="4:5" x14ac:dyDescent="0.25">
      <c r="D12126" s="6">
        <v>9444.64</v>
      </c>
      <c r="E12126" s="6">
        <v>649.78430000000003</v>
      </c>
    </row>
    <row r="12127" spans="4:5" x14ac:dyDescent="0.25">
      <c r="D12127" s="6">
        <v>1107.7860000000001</v>
      </c>
      <c r="E12127" s="6">
        <v>988.3415</v>
      </c>
    </row>
    <row r="12128" spans="4:5" x14ac:dyDescent="0.25">
      <c r="D12128" s="6">
        <v>675.71100000000001</v>
      </c>
      <c r="E12128" s="6">
        <v>762.83540000000005</v>
      </c>
    </row>
    <row r="12129" spans="4:5" x14ac:dyDescent="0.25">
      <c r="D12129" s="6">
        <v>811.18209999999999</v>
      </c>
      <c r="E12129" s="6">
        <v>2307.8719999999998</v>
      </c>
    </row>
    <row r="12130" spans="4:5" x14ac:dyDescent="0.25">
      <c r="D12130" s="6">
        <v>1089.9870000000001</v>
      </c>
      <c r="E12130" s="6">
        <v>1425.8109999999999</v>
      </c>
    </row>
    <row r="12131" spans="4:5" x14ac:dyDescent="0.25">
      <c r="D12131" s="6">
        <v>320.55880000000002</v>
      </c>
      <c r="E12131" s="6">
        <v>644.39499999999998</v>
      </c>
    </row>
    <row r="12132" spans="4:5" x14ac:dyDescent="0.25">
      <c r="D12132" s="6">
        <v>1595.866</v>
      </c>
      <c r="E12132" s="6">
        <v>7435</v>
      </c>
    </row>
    <row r="12133" spans="4:5" x14ac:dyDescent="0.25">
      <c r="D12133" s="6">
        <v>813.39930000000004</v>
      </c>
      <c r="E12133" s="6">
        <v>1624.634</v>
      </c>
    </row>
    <row r="12134" spans="4:5" x14ac:dyDescent="0.25">
      <c r="D12134" s="6">
        <v>835.2962</v>
      </c>
      <c r="E12134" s="6">
        <v>2010.3430000000001</v>
      </c>
    </row>
    <row r="12135" spans="4:5" x14ac:dyDescent="0.25">
      <c r="D12135" s="6">
        <v>751.06740000000002</v>
      </c>
      <c r="E12135" s="6">
        <v>3825.777</v>
      </c>
    </row>
    <row r="12136" spans="4:5" x14ac:dyDescent="0.25">
      <c r="D12136" s="6">
        <v>3883.2759999999998</v>
      </c>
      <c r="E12136" s="6">
        <v>419.40710000000001</v>
      </c>
    </row>
    <row r="12137" spans="4:5" x14ac:dyDescent="0.25">
      <c r="D12137" s="6">
        <v>461.2158</v>
      </c>
      <c r="E12137" s="6">
        <v>1257.336</v>
      </c>
    </row>
    <row r="12138" spans="4:5" x14ac:dyDescent="0.25">
      <c r="D12138" s="6">
        <v>1199.9349999999999</v>
      </c>
      <c r="E12138" s="6">
        <v>1043.2860000000001</v>
      </c>
    </row>
    <row r="12139" spans="4:5" x14ac:dyDescent="0.25">
      <c r="D12139" s="6">
        <v>2940.386</v>
      </c>
      <c r="E12139" s="6">
        <v>1314.441</v>
      </c>
    </row>
    <row r="12140" spans="4:5" x14ac:dyDescent="0.25">
      <c r="D12140" s="6">
        <v>527.57929999999999</v>
      </c>
      <c r="E12140" s="6">
        <v>1221.4469999999999</v>
      </c>
    </row>
    <row r="12141" spans="4:5" x14ac:dyDescent="0.25">
      <c r="D12141" s="6">
        <v>9041.9509999999991</v>
      </c>
      <c r="E12141" s="6">
        <v>700.54319999999996</v>
      </c>
    </row>
    <row r="12142" spans="4:5" x14ac:dyDescent="0.25">
      <c r="D12142" s="6">
        <v>1136.6769999999999</v>
      </c>
      <c r="E12142" s="6">
        <v>599.4778</v>
      </c>
    </row>
    <row r="12143" spans="4:5" x14ac:dyDescent="0.25">
      <c r="D12143" s="6">
        <v>3079.8879999999999</v>
      </c>
      <c r="E12143" s="6">
        <v>748.83249999999998</v>
      </c>
    </row>
    <row r="12144" spans="4:5" x14ac:dyDescent="0.25">
      <c r="D12144" s="6">
        <v>1269.479</v>
      </c>
      <c r="E12144" s="6">
        <v>529.39559999999994</v>
      </c>
    </row>
    <row r="12145" spans="4:5" x14ac:dyDescent="0.25">
      <c r="D12145" s="6">
        <v>1857.866</v>
      </c>
      <c r="E12145" s="6">
        <v>627.59709999999995</v>
      </c>
    </row>
    <row r="12146" spans="4:5" x14ac:dyDescent="0.25">
      <c r="D12146" s="6">
        <v>915</v>
      </c>
      <c r="E12146" s="6">
        <v>683.87720000000002</v>
      </c>
    </row>
    <row r="12147" spans="4:5" x14ac:dyDescent="0.25">
      <c r="D12147" s="6">
        <v>343.06670000000003</v>
      </c>
      <c r="E12147" s="6">
        <v>1349.154</v>
      </c>
    </row>
    <row r="12148" spans="4:5" x14ac:dyDescent="0.25">
      <c r="D12148" s="6">
        <v>996.58190000000002</v>
      </c>
      <c r="E12148" s="6">
        <v>9120.4459999999999</v>
      </c>
    </row>
    <row r="12149" spans="4:5" x14ac:dyDescent="0.25">
      <c r="D12149" s="6">
        <v>911.9529</v>
      </c>
      <c r="E12149" s="6">
        <v>1606.9849999999999</v>
      </c>
    </row>
    <row r="12150" spans="4:5" x14ac:dyDescent="0.25">
      <c r="D12150" s="6">
        <v>808.51689999999996</v>
      </c>
      <c r="E12150" s="6">
        <v>723.51570000000004</v>
      </c>
    </row>
    <row r="12151" spans="4:5" x14ac:dyDescent="0.25">
      <c r="D12151" s="6">
        <v>936.10419999999999</v>
      </c>
      <c r="E12151" s="6">
        <v>442</v>
      </c>
    </row>
    <row r="12152" spans="4:5" x14ac:dyDescent="0.25">
      <c r="D12152" s="6">
        <v>750.41650000000004</v>
      </c>
      <c r="E12152" s="6">
        <v>799.34130000000005</v>
      </c>
    </row>
    <row r="12153" spans="4:5" x14ac:dyDescent="0.25">
      <c r="D12153" s="6">
        <v>523.75990000000002</v>
      </c>
      <c r="E12153" s="6">
        <v>640.17579999999998</v>
      </c>
    </row>
    <row r="12154" spans="4:5" x14ac:dyDescent="0.25">
      <c r="D12154" s="6">
        <v>317.27269999999999</v>
      </c>
      <c r="E12154" s="6">
        <v>678.22389999999996</v>
      </c>
    </row>
    <row r="12155" spans="4:5" x14ac:dyDescent="0.25">
      <c r="D12155" s="6">
        <v>542.19349999999997</v>
      </c>
      <c r="E12155" s="6">
        <v>715</v>
      </c>
    </row>
    <row r="12156" spans="4:5" x14ac:dyDescent="0.25">
      <c r="D12156" s="6">
        <v>5277.6180000000004</v>
      </c>
      <c r="E12156" s="6">
        <v>1201.607</v>
      </c>
    </row>
    <row r="12157" spans="4:5" x14ac:dyDescent="0.25">
      <c r="D12157" s="6">
        <v>1010.785</v>
      </c>
      <c r="E12157" s="6">
        <v>477.31490000000002</v>
      </c>
    </row>
    <row r="12158" spans="4:5" x14ac:dyDescent="0.25">
      <c r="D12158" s="6">
        <v>479.26310000000001</v>
      </c>
      <c r="E12158" s="6">
        <v>3858.645</v>
      </c>
    </row>
    <row r="12159" spans="4:5" x14ac:dyDescent="0.25">
      <c r="D12159" s="6">
        <v>2590.3130000000001</v>
      </c>
      <c r="E12159" s="6">
        <v>2143.6880000000001</v>
      </c>
    </row>
    <row r="12160" spans="4:5" x14ac:dyDescent="0.25">
      <c r="D12160" s="6">
        <v>523.89790000000005</v>
      </c>
      <c r="E12160" s="6">
        <v>14942.33</v>
      </c>
    </row>
    <row r="12161" spans="4:5" x14ac:dyDescent="0.25">
      <c r="D12161" s="6">
        <v>456.61540000000002</v>
      </c>
      <c r="E12161" s="6">
        <v>977.70479999999998</v>
      </c>
    </row>
    <row r="12162" spans="4:5" x14ac:dyDescent="0.25">
      <c r="D12162" s="6">
        <v>1475.616</v>
      </c>
      <c r="E12162" s="6">
        <v>1258.549</v>
      </c>
    </row>
    <row r="12163" spans="4:5" x14ac:dyDescent="0.25">
      <c r="D12163" s="6">
        <v>1209.3040000000001</v>
      </c>
      <c r="E12163" s="6">
        <v>6946</v>
      </c>
    </row>
    <row r="12164" spans="4:5" x14ac:dyDescent="0.25">
      <c r="D12164" s="6">
        <v>669.21529999999996</v>
      </c>
      <c r="E12164" s="6">
        <v>781.18709999999999</v>
      </c>
    </row>
    <row r="12165" spans="4:5" x14ac:dyDescent="0.25">
      <c r="D12165" s="6">
        <v>647.99429999999995</v>
      </c>
      <c r="E12165" s="6">
        <v>1090.364</v>
      </c>
    </row>
    <row r="12166" spans="4:5" x14ac:dyDescent="0.25">
      <c r="D12166" s="6">
        <v>946.57960000000003</v>
      </c>
      <c r="E12166" s="6">
        <v>13192.97</v>
      </c>
    </row>
    <row r="12167" spans="4:5" x14ac:dyDescent="0.25">
      <c r="D12167" s="6">
        <v>661.59889999999996</v>
      </c>
      <c r="E12167" s="6">
        <v>6937.99</v>
      </c>
    </row>
    <row r="12168" spans="4:5" x14ac:dyDescent="0.25">
      <c r="D12168" s="6">
        <v>824.28560000000004</v>
      </c>
      <c r="E12168" s="6">
        <v>9087</v>
      </c>
    </row>
    <row r="12169" spans="4:5" x14ac:dyDescent="0.25">
      <c r="D12169" s="6">
        <v>3049.8560000000002</v>
      </c>
      <c r="E12169" s="6">
        <v>388.13330000000002</v>
      </c>
    </row>
    <row r="12170" spans="4:5" x14ac:dyDescent="0.25">
      <c r="D12170" s="6">
        <v>745.85770000000002</v>
      </c>
      <c r="E12170" s="6">
        <v>1113.617</v>
      </c>
    </row>
    <row r="12171" spans="4:5" x14ac:dyDescent="0.25">
      <c r="D12171" s="6">
        <v>4686.9849999999997</v>
      </c>
      <c r="E12171" s="6">
        <v>581.15319999999997</v>
      </c>
    </row>
    <row r="12172" spans="4:5" x14ac:dyDescent="0.25">
      <c r="D12172" s="6">
        <v>1300.835</v>
      </c>
      <c r="E12172" s="6">
        <v>11282.14</v>
      </c>
    </row>
    <row r="12173" spans="4:5" x14ac:dyDescent="0.25">
      <c r="D12173" s="6">
        <v>367.68130000000002</v>
      </c>
      <c r="E12173" s="6">
        <v>849.71410000000003</v>
      </c>
    </row>
    <row r="12174" spans="4:5" x14ac:dyDescent="0.25">
      <c r="D12174" s="6">
        <v>2373.587</v>
      </c>
      <c r="E12174" s="6">
        <v>1348.877</v>
      </c>
    </row>
    <row r="12175" spans="4:5" x14ac:dyDescent="0.25">
      <c r="D12175" s="6">
        <v>723.58489999999995</v>
      </c>
      <c r="E12175" s="6">
        <v>3140.5129999999999</v>
      </c>
    </row>
    <row r="12176" spans="4:5" x14ac:dyDescent="0.25">
      <c r="D12176" s="6">
        <v>542.68740000000003</v>
      </c>
      <c r="E12176" s="6">
        <v>3407.3739999999998</v>
      </c>
    </row>
    <row r="12177" spans="4:5" x14ac:dyDescent="0.25">
      <c r="D12177" s="6">
        <v>1187.77</v>
      </c>
      <c r="E12177" s="6">
        <v>5320.942</v>
      </c>
    </row>
    <row r="12178" spans="4:5" x14ac:dyDescent="0.25">
      <c r="D12178" s="6">
        <v>581.2364</v>
      </c>
      <c r="E12178" s="6">
        <v>487.45659999999998</v>
      </c>
    </row>
    <row r="12179" spans="4:5" x14ac:dyDescent="0.25">
      <c r="D12179" s="6">
        <v>576.09140000000002</v>
      </c>
      <c r="E12179" s="6">
        <v>469.31659999999999</v>
      </c>
    </row>
    <row r="12180" spans="4:5" x14ac:dyDescent="0.25">
      <c r="D12180" s="6">
        <v>417.55810000000002</v>
      </c>
      <c r="E12180" s="6">
        <v>3430.127</v>
      </c>
    </row>
    <row r="12181" spans="4:5" x14ac:dyDescent="0.25">
      <c r="D12181" s="6">
        <v>623.54819999999995</v>
      </c>
      <c r="E12181" s="6">
        <v>1036.7639999999999</v>
      </c>
    </row>
    <row r="12182" spans="4:5" x14ac:dyDescent="0.25">
      <c r="D12182" s="6">
        <v>832.59960000000001</v>
      </c>
      <c r="E12182" s="6">
        <v>600.78819999999996</v>
      </c>
    </row>
    <row r="12183" spans="4:5" x14ac:dyDescent="0.25">
      <c r="D12183" s="6">
        <v>496.47539999999998</v>
      </c>
      <c r="E12183" s="6">
        <v>470.89109999999999</v>
      </c>
    </row>
    <row r="12184" spans="4:5" x14ac:dyDescent="0.25">
      <c r="D12184" s="6">
        <v>4277.8370000000004</v>
      </c>
      <c r="E12184" s="6">
        <v>669.1875</v>
      </c>
    </row>
    <row r="12185" spans="4:5" x14ac:dyDescent="0.25">
      <c r="D12185" s="6">
        <v>1257.374</v>
      </c>
      <c r="E12185" s="6">
        <v>608.40740000000005</v>
      </c>
    </row>
    <row r="12186" spans="4:5" x14ac:dyDescent="0.25">
      <c r="D12186" s="6">
        <v>1002.29</v>
      </c>
      <c r="E12186" s="6">
        <v>897.26610000000005</v>
      </c>
    </row>
    <row r="12187" spans="4:5" x14ac:dyDescent="0.25">
      <c r="D12187" s="6">
        <v>812.58960000000002</v>
      </c>
      <c r="E12187" s="6">
        <v>2922.8739999999998</v>
      </c>
    </row>
    <row r="12188" spans="4:5" x14ac:dyDescent="0.25">
      <c r="D12188" s="6">
        <v>786.75869999999998</v>
      </c>
      <c r="E12188" s="6">
        <v>682.33609999999999</v>
      </c>
    </row>
    <row r="12189" spans="4:5" x14ac:dyDescent="0.25">
      <c r="D12189" s="6">
        <v>1153.2280000000001</v>
      </c>
      <c r="E12189" s="6">
        <v>6271.69</v>
      </c>
    </row>
    <row r="12190" spans="4:5" x14ac:dyDescent="0.25">
      <c r="D12190" s="6">
        <v>575.51900000000001</v>
      </c>
      <c r="E12190" s="6">
        <v>1806.596</v>
      </c>
    </row>
    <row r="12191" spans="4:5" x14ac:dyDescent="0.25">
      <c r="D12191" s="6">
        <v>961.64859999999999</v>
      </c>
      <c r="E12191" s="6">
        <v>802.29079999999999</v>
      </c>
    </row>
    <row r="12192" spans="4:5" x14ac:dyDescent="0.25">
      <c r="D12192" s="6">
        <v>510.39330000000001</v>
      </c>
      <c r="E12192" s="6">
        <v>988.00250000000005</v>
      </c>
    </row>
    <row r="12193" spans="4:5" x14ac:dyDescent="0.25">
      <c r="D12193" s="6">
        <v>3751.875</v>
      </c>
      <c r="E12193" s="6">
        <v>457.7903</v>
      </c>
    </row>
    <row r="12194" spans="4:5" x14ac:dyDescent="0.25">
      <c r="D12194" s="6">
        <v>197.83330000000001</v>
      </c>
      <c r="E12194" s="6">
        <v>437.94569999999999</v>
      </c>
    </row>
    <row r="12195" spans="4:5" x14ac:dyDescent="0.25">
      <c r="D12195" s="6">
        <v>951.91229999999996</v>
      </c>
      <c r="E12195" s="6">
        <v>778.00559999999996</v>
      </c>
    </row>
    <row r="12196" spans="4:5" x14ac:dyDescent="0.25">
      <c r="D12196" s="6">
        <v>932.36990000000003</v>
      </c>
      <c r="E12196" s="6">
        <v>1008.003</v>
      </c>
    </row>
    <row r="12197" spans="4:5" x14ac:dyDescent="0.25">
      <c r="D12197" s="6">
        <v>625.4058</v>
      </c>
      <c r="E12197" s="6">
        <v>184.24770000000001</v>
      </c>
    </row>
    <row r="12198" spans="4:5" x14ac:dyDescent="0.25">
      <c r="D12198" s="6">
        <v>594.7663</v>
      </c>
      <c r="E12198" s="6">
        <v>2697.1489999999999</v>
      </c>
    </row>
    <row r="12199" spans="4:5" x14ac:dyDescent="0.25">
      <c r="D12199" s="6">
        <v>2205.9940000000001</v>
      </c>
      <c r="E12199" s="6">
        <v>9366.0650000000005</v>
      </c>
    </row>
    <row r="12200" spans="4:5" x14ac:dyDescent="0.25">
      <c r="D12200" s="6">
        <v>1240.886</v>
      </c>
      <c r="E12200" s="6">
        <v>587.99879999999996</v>
      </c>
    </row>
    <row r="12201" spans="4:5" x14ac:dyDescent="0.25">
      <c r="D12201" s="6">
        <v>690.45540000000005</v>
      </c>
      <c r="E12201" s="6">
        <v>943.55129999999997</v>
      </c>
    </row>
    <row r="12202" spans="4:5" x14ac:dyDescent="0.25">
      <c r="D12202" s="6">
        <v>316.67649999999998</v>
      </c>
      <c r="E12202" s="6">
        <v>8552.1659999999993</v>
      </c>
    </row>
    <row r="12203" spans="4:5" x14ac:dyDescent="0.25">
      <c r="D12203" s="6">
        <v>636.36599999999999</v>
      </c>
      <c r="E12203" s="6">
        <v>638.77</v>
      </c>
    </row>
    <row r="12204" spans="4:5" x14ac:dyDescent="0.25">
      <c r="D12204" s="6">
        <v>651.53240000000005</v>
      </c>
      <c r="E12204" s="6">
        <v>12471.18</v>
      </c>
    </row>
    <row r="12205" spans="4:5" x14ac:dyDescent="0.25">
      <c r="D12205" s="6">
        <v>1122.126</v>
      </c>
      <c r="E12205" s="6">
        <v>1049.3969999999999</v>
      </c>
    </row>
    <row r="12206" spans="4:5" x14ac:dyDescent="0.25">
      <c r="D12206" s="6">
        <v>809.86279999999999</v>
      </c>
      <c r="E12206" s="6">
        <v>740.26949999999999</v>
      </c>
    </row>
    <row r="12207" spans="4:5" x14ac:dyDescent="0.25">
      <c r="D12207" s="6">
        <v>3986.4</v>
      </c>
      <c r="E12207" s="6">
        <v>5175.509</v>
      </c>
    </row>
    <row r="12208" spans="4:5" x14ac:dyDescent="0.25">
      <c r="D12208" s="6">
        <v>547.34040000000005</v>
      </c>
      <c r="E12208" s="6">
        <v>1468.4290000000001</v>
      </c>
    </row>
    <row r="12209" spans="4:5" x14ac:dyDescent="0.25">
      <c r="D12209" s="6">
        <v>3915.5549999999998</v>
      </c>
      <c r="E12209" s="6">
        <v>3630.9870000000001</v>
      </c>
    </row>
    <row r="12210" spans="4:5" x14ac:dyDescent="0.25">
      <c r="D12210" s="6">
        <v>617.44849999999997</v>
      </c>
      <c r="E12210" s="6">
        <v>537.50170000000003</v>
      </c>
    </row>
    <row r="12211" spans="4:5" x14ac:dyDescent="0.25">
      <c r="D12211" s="6">
        <v>583.96100000000001</v>
      </c>
      <c r="E12211" s="6">
        <v>1876.7460000000001</v>
      </c>
    </row>
    <row r="12212" spans="4:5" x14ac:dyDescent="0.25">
      <c r="D12212" s="6">
        <v>638.90470000000005</v>
      </c>
      <c r="E12212" s="6">
        <v>1324.162</v>
      </c>
    </row>
    <row r="12213" spans="4:5" x14ac:dyDescent="0.25">
      <c r="D12213" s="6">
        <v>982.32759999999996</v>
      </c>
      <c r="E12213" s="6">
        <v>237.0864</v>
      </c>
    </row>
    <row r="12214" spans="4:5" x14ac:dyDescent="0.25">
      <c r="D12214" s="6">
        <v>1297.2339999999999</v>
      </c>
      <c r="E12214" s="6">
        <v>772.24680000000001</v>
      </c>
    </row>
    <row r="12215" spans="4:5" x14ac:dyDescent="0.25">
      <c r="D12215" s="6">
        <v>1378.6469999999999</v>
      </c>
      <c r="E12215" s="6">
        <v>478.32749999999999</v>
      </c>
    </row>
    <row r="12216" spans="4:5" x14ac:dyDescent="0.25">
      <c r="D12216" s="6">
        <v>586.81979999999999</v>
      </c>
      <c r="E12216" s="6">
        <v>1779.489</v>
      </c>
    </row>
    <row r="12217" spans="4:5" x14ac:dyDescent="0.25">
      <c r="D12217" s="6">
        <v>8684.7729999999992</v>
      </c>
      <c r="E12217" s="6">
        <v>1806.2270000000001</v>
      </c>
    </row>
    <row r="12218" spans="4:5" x14ac:dyDescent="0.25">
      <c r="D12218" s="6">
        <v>4014.5819999999999</v>
      </c>
      <c r="E12218" s="6">
        <v>1391.6669999999999</v>
      </c>
    </row>
    <row r="12219" spans="4:5" x14ac:dyDescent="0.25">
      <c r="D12219" s="6">
        <v>3193.431</v>
      </c>
      <c r="E12219" s="6">
        <v>174.5446</v>
      </c>
    </row>
    <row r="12220" spans="4:5" x14ac:dyDescent="0.25">
      <c r="D12220" s="6">
        <v>162.84829999999999</v>
      </c>
      <c r="E12220" s="6">
        <v>541</v>
      </c>
    </row>
    <row r="12221" spans="4:5" x14ac:dyDescent="0.25">
      <c r="D12221" s="6">
        <v>730.51340000000005</v>
      </c>
      <c r="E12221" s="6">
        <v>6100.75</v>
      </c>
    </row>
    <row r="12222" spans="4:5" x14ac:dyDescent="0.25">
      <c r="D12222" s="6">
        <v>279.63600000000002</v>
      </c>
      <c r="E12222" s="6">
        <v>514.25</v>
      </c>
    </row>
    <row r="12223" spans="4:5" x14ac:dyDescent="0.25">
      <c r="D12223" s="6">
        <v>600.23419999999999</v>
      </c>
      <c r="E12223" s="6">
        <v>699.48440000000005</v>
      </c>
    </row>
    <row r="12224" spans="4:5" x14ac:dyDescent="0.25">
      <c r="D12224" s="6">
        <v>910.26229999999998</v>
      </c>
      <c r="E12224" s="6">
        <v>7102.3620000000001</v>
      </c>
    </row>
    <row r="12225" spans="4:5" x14ac:dyDescent="0.25">
      <c r="D12225" s="6">
        <v>1279.0250000000001</v>
      </c>
      <c r="E12225" s="6">
        <v>457.5</v>
      </c>
    </row>
    <row r="12226" spans="4:5" x14ac:dyDescent="0.25">
      <c r="D12226" s="6">
        <v>206.53530000000001</v>
      </c>
      <c r="E12226" s="6">
        <v>10220.120000000001</v>
      </c>
    </row>
    <row r="12227" spans="4:5" x14ac:dyDescent="0.25">
      <c r="D12227" s="6">
        <v>322.20499999999998</v>
      </c>
      <c r="E12227" s="6">
        <v>1240.9590000000001</v>
      </c>
    </row>
    <row r="12228" spans="4:5" x14ac:dyDescent="0.25">
      <c r="D12228" s="6">
        <v>1135.6669999999999</v>
      </c>
      <c r="E12228" s="6">
        <v>560.73569999999995</v>
      </c>
    </row>
    <row r="12229" spans="4:5" x14ac:dyDescent="0.25">
      <c r="D12229" s="6">
        <v>680.48609999999996</v>
      </c>
      <c r="E12229" s="6">
        <v>1130.1130000000001</v>
      </c>
    </row>
    <row r="12230" spans="4:5" x14ac:dyDescent="0.25">
      <c r="D12230" s="6">
        <v>631.50649999999996</v>
      </c>
      <c r="E12230" s="6">
        <v>1151.4000000000001</v>
      </c>
    </row>
    <row r="12231" spans="4:5" x14ac:dyDescent="0.25">
      <c r="D12231" s="6">
        <v>7237.0429999999997</v>
      </c>
      <c r="E12231" s="6">
        <v>655.67650000000003</v>
      </c>
    </row>
    <row r="12232" spans="4:5" x14ac:dyDescent="0.25">
      <c r="D12232" s="6">
        <v>2965.3820000000001</v>
      </c>
      <c r="E12232" s="6">
        <v>4211.08</v>
      </c>
    </row>
    <row r="12233" spans="4:5" x14ac:dyDescent="0.25">
      <c r="D12233" s="6">
        <v>730.27480000000003</v>
      </c>
      <c r="E12233" s="6">
        <v>967.47820000000002</v>
      </c>
    </row>
    <row r="12234" spans="4:5" x14ac:dyDescent="0.25">
      <c r="D12234" s="6">
        <v>3731.116</v>
      </c>
      <c r="E12234" s="6">
        <v>3688.71</v>
      </c>
    </row>
    <row r="12235" spans="4:5" x14ac:dyDescent="0.25">
      <c r="D12235" s="6">
        <v>529.47910000000002</v>
      </c>
      <c r="E12235" s="6">
        <v>2941.3440000000001</v>
      </c>
    </row>
    <row r="12236" spans="4:5" x14ac:dyDescent="0.25">
      <c r="D12236" s="6">
        <v>3287.1219999999998</v>
      </c>
      <c r="E12236" s="6">
        <v>299.91269999999997</v>
      </c>
    </row>
    <row r="12237" spans="4:5" x14ac:dyDescent="0.25">
      <c r="D12237" s="6">
        <v>400.45100000000002</v>
      </c>
      <c r="E12237" s="6">
        <v>186.94329999999999</v>
      </c>
    </row>
    <row r="12238" spans="4:5" x14ac:dyDescent="0.25">
      <c r="D12238" s="6">
        <v>3749.0390000000002</v>
      </c>
      <c r="E12238" s="6">
        <v>9207.1669999999995</v>
      </c>
    </row>
    <row r="12239" spans="4:5" x14ac:dyDescent="0.25">
      <c r="D12239" s="6">
        <v>480.40609999999998</v>
      </c>
      <c r="E12239" s="6">
        <v>2957.25</v>
      </c>
    </row>
    <row r="12240" spans="4:5" x14ac:dyDescent="0.25">
      <c r="D12240" s="6">
        <v>682.4828</v>
      </c>
      <c r="E12240" s="6">
        <v>658.16219999999998</v>
      </c>
    </row>
    <row r="12241" spans="4:5" x14ac:dyDescent="0.25">
      <c r="D12241" s="6">
        <v>1210.0029999999999</v>
      </c>
      <c r="E12241" s="6">
        <v>601.33389999999997</v>
      </c>
    </row>
    <row r="12242" spans="4:5" x14ac:dyDescent="0.25">
      <c r="D12242" s="6">
        <v>998.73030000000006</v>
      </c>
      <c r="E12242" s="6">
        <v>301.75</v>
      </c>
    </row>
    <row r="12243" spans="4:5" x14ac:dyDescent="0.25">
      <c r="D12243" s="6">
        <v>2991.846</v>
      </c>
      <c r="E12243" s="6">
        <v>797.71579999999994</v>
      </c>
    </row>
    <row r="12244" spans="4:5" x14ac:dyDescent="0.25">
      <c r="D12244" s="6">
        <v>1167.3109999999999</v>
      </c>
      <c r="E12244" s="6">
        <v>600.20330000000001</v>
      </c>
    </row>
    <row r="12245" spans="4:5" x14ac:dyDescent="0.25">
      <c r="D12245" s="6">
        <v>761.13139999999999</v>
      </c>
      <c r="E12245" s="6">
        <v>621.47469999999998</v>
      </c>
    </row>
    <row r="12246" spans="4:5" x14ac:dyDescent="0.25">
      <c r="D12246" s="6">
        <v>588.85170000000005</v>
      </c>
      <c r="E12246" s="6">
        <v>7000.1819999999998</v>
      </c>
    </row>
    <row r="12247" spans="4:5" x14ac:dyDescent="0.25">
      <c r="D12247" s="6">
        <v>1411.5060000000001</v>
      </c>
      <c r="E12247" s="6">
        <v>568.85379999999998</v>
      </c>
    </row>
    <row r="12248" spans="4:5" x14ac:dyDescent="0.25">
      <c r="D12248" s="6">
        <v>1618.8330000000001</v>
      </c>
      <c r="E12248" s="6">
        <v>1426.6189999999999</v>
      </c>
    </row>
    <row r="12249" spans="4:5" x14ac:dyDescent="0.25">
      <c r="D12249" s="6">
        <v>2255.3910000000001</v>
      </c>
      <c r="E12249" s="6">
        <v>2931.4169999999999</v>
      </c>
    </row>
    <row r="12250" spans="4:5" x14ac:dyDescent="0.25">
      <c r="D12250" s="6">
        <v>684.37220000000002</v>
      </c>
      <c r="E12250" s="6">
        <v>691.20280000000002</v>
      </c>
    </row>
    <row r="12251" spans="4:5" x14ac:dyDescent="0.25">
      <c r="D12251" s="6">
        <v>2085.6480000000001</v>
      </c>
      <c r="E12251" s="6">
        <v>949.70129999999995</v>
      </c>
    </row>
    <row r="12252" spans="4:5" x14ac:dyDescent="0.25">
      <c r="D12252" s="6">
        <v>4610.4059999999999</v>
      </c>
      <c r="E12252" s="6">
        <v>716.4896</v>
      </c>
    </row>
    <row r="12253" spans="4:5" x14ac:dyDescent="0.25">
      <c r="D12253" s="6">
        <v>508.81299999999999</v>
      </c>
      <c r="E12253" s="6">
        <v>8337.8989999999994</v>
      </c>
    </row>
    <row r="12254" spans="4:5" x14ac:dyDescent="0.25">
      <c r="D12254" s="6">
        <v>712.44799999999998</v>
      </c>
      <c r="E12254" s="6">
        <v>647.26570000000004</v>
      </c>
    </row>
    <row r="12255" spans="4:5" x14ac:dyDescent="0.25">
      <c r="D12255" s="6">
        <v>989.99350000000004</v>
      </c>
      <c r="E12255" s="6">
        <v>1278.83</v>
      </c>
    </row>
    <row r="12256" spans="4:5" x14ac:dyDescent="0.25">
      <c r="D12256" s="6">
        <v>4838.3159999999998</v>
      </c>
      <c r="E12256" s="6">
        <v>1480.6669999999999</v>
      </c>
    </row>
    <row r="12257" spans="4:5" x14ac:dyDescent="0.25">
      <c r="D12257" s="6">
        <v>1156.75</v>
      </c>
      <c r="E12257" s="6">
        <v>673.92359999999996</v>
      </c>
    </row>
    <row r="12258" spans="4:5" x14ac:dyDescent="0.25">
      <c r="D12258" s="6">
        <v>1491.0319999999999</v>
      </c>
      <c r="E12258" s="6">
        <v>280</v>
      </c>
    </row>
    <row r="12259" spans="4:5" x14ac:dyDescent="0.25">
      <c r="D12259" s="6">
        <v>2130.0540000000001</v>
      </c>
      <c r="E12259" s="6">
        <v>610.91420000000005</v>
      </c>
    </row>
    <row r="12260" spans="4:5" x14ac:dyDescent="0.25">
      <c r="D12260" s="6">
        <v>687.54679999999996</v>
      </c>
      <c r="E12260" s="6">
        <v>8504.5759999999991</v>
      </c>
    </row>
    <row r="12261" spans="4:5" x14ac:dyDescent="0.25">
      <c r="D12261" s="6">
        <v>3952.6950000000002</v>
      </c>
      <c r="E12261" s="6">
        <v>730.53700000000003</v>
      </c>
    </row>
    <row r="12262" spans="4:5" x14ac:dyDescent="0.25">
      <c r="D12262" s="6">
        <v>11269.79</v>
      </c>
      <c r="E12262" s="6">
        <v>3729</v>
      </c>
    </row>
    <row r="12263" spans="4:5" x14ac:dyDescent="0.25">
      <c r="D12263" s="6">
        <v>157.91130000000001</v>
      </c>
      <c r="E12263" s="6">
        <v>914.42550000000006</v>
      </c>
    </row>
    <row r="12264" spans="4:5" x14ac:dyDescent="0.25">
      <c r="D12264" s="6">
        <v>1215.5519999999999</v>
      </c>
      <c r="E12264" s="6">
        <v>1682.1980000000001</v>
      </c>
    </row>
    <row r="12265" spans="4:5" x14ac:dyDescent="0.25">
      <c r="D12265" s="6">
        <v>818.8057</v>
      </c>
      <c r="E12265" s="6">
        <v>4137.2849999999999</v>
      </c>
    </row>
    <row r="12266" spans="4:5" x14ac:dyDescent="0.25">
      <c r="D12266" s="6">
        <v>726.71190000000001</v>
      </c>
      <c r="E12266" s="6">
        <v>841</v>
      </c>
    </row>
    <row r="12267" spans="4:5" x14ac:dyDescent="0.25">
      <c r="D12267" s="6">
        <v>2371.92</v>
      </c>
      <c r="E12267" s="6">
        <v>634.39200000000005</v>
      </c>
    </row>
    <row r="12268" spans="4:5" x14ac:dyDescent="0.25">
      <c r="D12268" s="6">
        <v>674.92809999999997</v>
      </c>
      <c r="E12268" s="6">
        <v>591.69569999999999</v>
      </c>
    </row>
    <row r="12269" spans="4:5" x14ac:dyDescent="0.25">
      <c r="D12269" s="6">
        <v>1334.5260000000001</v>
      </c>
      <c r="E12269" s="6">
        <v>260.85840000000002</v>
      </c>
    </row>
    <row r="12270" spans="4:5" x14ac:dyDescent="0.25">
      <c r="D12270" s="6">
        <v>459.61009999999999</v>
      </c>
      <c r="E12270" s="6">
        <v>10132.52</v>
      </c>
    </row>
    <row r="12271" spans="4:5" x14ac:dyDescent="0.25">
      <c r="D12271" s="6">
        <v>622.67409999999995</v>
      </c>
      <c r="E12271" s="6">
        <v>549.07029999999997</v>
      </c>
    </row>
    <row r="12272" spans="4:5" x14ac:dyDescent="0.25">
      <c r="D12272" s="6">
        <v>568.6</v>
      </c>
      <c r="E12272" s="6">
        <v>539.42930000000001</v>
      </c>
    </row>
    <row r="12273" spans="4:5" x14ac:dyDescent="0.25">
      <c r="D12273" s="6">
        <v>659.48360000000002</v>
      </c>
      <c r="E12273" s="6">
        <v>387.2242</v>
      </c>
    </row>
    <row r="12274" spans="4:5" x14ac:dyDescent="0.25">
      <c r="D12274" s="6">
        <v>1196.7909999999999</v>
      </c>
      <c r="E12274" s="6">
        <v>569.79330000000004</v>
      </c>
    </row>
    <row r="12275" spans="4:5" x14ac:dyDescent="0.25">
      <c r="D12275" s="6">
        <v>1012.1180000000001</v>
      </c>
      <c r="E12275" s="6">
        <v>639.46669999999995</v>
      </c>
    </row>
    <row r="12276" spans="4:5" x14ac:dyDescent="0.25">
      <c r="D12276" s="6">
        <v>175.46629999999999</v>
      </c>
      <c r="E12276" s="6">
        <v>687.19200000000001</v>
      </c>
    </row>
    <row r="12277" spans="4:5" x14ac:dyDescent="0.25">
      <c r="D12277" s="6">
        <v>798.63080000000002</v>
      </c>
      <c r="E12277" s="6">
        <v>1393.8510000000001</v>
      </c>
    </row>
    <row r="12278" spans="4:5" x14ac:dyDescent="0.25">
      <c r="D12278" s="6">
        <v>4610.9769999999999</v>
      </c>
      <c r="E12278" s="6">
        <v>5199.4679999999998</v>
      </c>
    </row>
    <row r="12279" spans="4:5" x14ac:dyDescent="0.25">
      <c r="D12279" s="6">
        <v>982.09739999999999</v>
      </c>
      <c r="E12279" s="6">
        <v>727.68600000000004</v>
      </c>
    </row>
    <row r="12280" spans="4:5" x14ac:dyDescent="0.25">
      <c r="D12280" s="6">
        <v>4506.143</v>
      </c>
      <c r="E12280" s="6">
        <v>4629.6580000000004</v>
      </c>
    </row>
    <row r="12281" spans="4:5" x14ac:dyDescent="0.25">
      <c r="D12281" s="6">
        <v>551.83119999999997</v>
      </c>
      <c r="E12281" s="6">
        <v>11148.63</v>
      </c>
    </row>
    <row r="12282" spans="4:5" x14ac:dyDescent="0.25">
      <c r="D12282" s="6">
        <v>620.14179999999999</v>
      </c>
      <c r="E12282" s="6">
        <v>1260.0409999999999</v>
      </c>
    </row>
    <row r="12283" spans="4:5" x14ac:dyDescent="0.25">
      <c r="D12283" s="6">
        <v>1235.085</v>
      </c>
      <c r="E12283" s="6">
        <v>1158.9490000000001</v>
      </c>
    </row>
    <row r="12284" spans="4:5" x14ac:dyDescent="0.25">
      <c r="D12284" s="6">
        <v>603.67319999999995</v>
      </c>
      <c r="E12284" s="6">
        <v>4421</v>
      </c>
    </row>
    <row r="12285" spans="4:5" x14ac:dyDescent="0.25">
      <c r="D12285" s="6">
        <v>546.18520000000001</v>
      </c>
      <c r="E12285" s="6">
        <v>695.88890000000004</v>
      </c>
    </row>
    <row r="12286" spans="4:5" x14ac:dyDescent="0.25">
      <c r="D12286" s="6">
        <v>432.69690000000003</v>
      </c>
      <c r="E12286" s="6">
        <v>987.1173</v>
      </c>
    </row>
    <row r="12287" spans="4:5" x14ac:dyDescent="0.25">
      <c r="D12287" s="6">
        <v>3407.87</v>
      </c>
      <c r="E12287" s="6">
        <v>655.50400000000002</v>
      </c>
    </row>
    <row r="12288" spans="4:5" x14ac:dyDescent="0.25">
      <c r="D12288" s="6">
        <v>767.44309999999996</v>
      </c>
      <c r="E12288" s="6">
        <v>10467.75</v>
      </c>
    </row>
    <row r="12289" spans="4:5" x14ac:dyDescent="0.25">
      <c r="D12289" s="6">
        <v>517.73030000000006</v>
      </c>
      <c r="E12289" s="6">
        <v>11713.1</v>
      </c>
    </row>
    <row r="12290" spans="4:5" x14ac:dyDescent="0.25">
      <c r="D12290" s="6">
        <v>702.41719999999998</v>
      </c>
      <c r="E12290" s="6">
        <v>1500.7670000000001</v>
      </c>
    </row>
    <row r="12291" spans="4:5" x14ac:dyDescent="0.25">
      <c r="D12291" s="6">
        <v>484.25</v>
      </c>
      <c r="E12291" s="6">
        <v>4892.4440000000004</v>
      </c>
    </row>
    <row r="12292" spans="4:5" x14ac:dyDescent="0.25">
      <c r="D12292" s="6">
        <v>1114.5229999999999</v>
      </c>
      <c r="E12292" s="6">
        <v>915.60239999999999</v>
      </c>
    </row>
    <row r="12293" spans="4:5" x14ac:dyDescent="0.25">
      <c r="D12293" s="6">
        <v>212.59569999999999</v>
      </c>
      <c r="E12293" s="6">
        <v>608.46900000000005</v>
      </c>
    </row>
    <row r="12294" spans="4:5" x14ac:dyDescent="0.25">
      <c r="D12294" s="6">
        <v>176.14959999999999</v>
      </c>
      <c r="E12294" s="6">
        <v>1441.375</v>
      </c>
    </row>
    <row r="12295" spans="4:5" x14ac:dyDescent="0.25">
      <c r="D12295" s="6">
        <v>11592.23</v>
      </c>
      <c r="E12295" s="6">
        <v>2964.703</v>
      </c>
    </row>
    <row r="12296" spans="4:5" x14ac:dyDescent="0.25">
      <c r="D12296" s="6">
        <v>579.8954</v>
      </c>
      <c r="E12296" s="6">
        <v>6562.1719999999996</v>
      </c>
    </row>
    <row r="12297" spans="4:5" x14ac:dyDescent="0.25">
      <c r="D12297" s="6">
        <v>587.83600000000001</v>
      </c>
      <c r="E12297" s="6">
        <v>653.2654</v>
      </c>
    </row>
    <row r="12298" spans="4:5" x14ac:dyDescent="0.25">
      <c r="D12298" s="6">
        <v>4455.3680000000004</v>
      </c>
      <c r="E12298" s="6">
        <v>7215.99</v>
      </c>
    </row>
    <row r="12299" spans="4:5" x14ac:dyDescent="0.25">
      <c r="D12299" s="6">
        <v>768.85760000000005</v>
      </c>
      <c r="E12299" s="6">
        <v>7122.4859999999999</v>
      </c>
    </row>
    <row r="12300" spans="4:5" x14ac:dyDescent="0.25">
      <c r="D12300" s="6">
        <v>1334.8620000000001</v>
      </c>
      <c r="E12300" s="6">
        <v>3220.259</v>
      </c>
    </row>
    <row r="12301" spans="4:5" x14ac:dyDescent="0.25">
      <c r="D12301" s="6">
        <v>541.71780000000001</v>
      </c>
      <c r="E12301" s="6">
        <v>614.64570000000003</v>
      </c>
    </row>
    <row r="12302" spans="4:5" x14ac:dyDescent="0.25">
      <c r="D12302" s="6">
        <v>1325.357</v>
      </c>
      <c r="E12302" s="6">
        <v>548.81910000000005</v>
      </c>
    </row>
    <row r="12303" spans="4:5" x14ac:dyDescent="0.25">
      <c r="D12303" s="6">
        <v>1059</v>
      </c>
      <c r="E12303" s="6">
        <v>562.85149999999999</v>
      </c>
    </row>
    <row r="12304" spans="4:5" x14ac:dyDescent="0.25">
      <c r="D12304" s="6">
        <v>1140.4549999999999</v>
      </c>
      <c r="E12304" s="6">
        <v>469.07040000000001</v>
      </c>
    </row>
    <row r="12305" spans="4:5" x14ac:dyDescent="0.25">
      <c r="D12305" s="6">
        <v>899.89319999999998</v>
      </c>
      <c r="E12305" s="6">
        <v>556.79219999999998</v>
      </c>
    </row>
    <row r="12306" spans="4:5" x14ac:dyDescent="0.25">
      <c r="D12306" s="6">
        <v>176.73179999999999</v>
      </c>
      <c r="E12306" s="6">
        <v>706.83330000000001</v>
      </c>
    </row>
    <row r="12307" spans="4:5" x14ac:dyDescent="0.25">
      <c r="D12307" s="6">
        <v>2078.6770000000001</v>
      </c>
      <c r="E12307" s="6">
        <v>814.62220000000002</v>
      </c>
    </row>
    <row r="12308" spans="4:5" x14ac:dyDescent="0.25">
      <c r="D12308" s="6">
        <v>1352.723</v>
      </c>
      <c r="E12308" s="6">
        <v>557.27059999999994</v>
      </c>
    </row>
    <row r="12309" spans="4:5" x14ac:dyDescent="0.25">
      <c r="D12309" s="6">
        <v>1794.3409999999999</v>
      </c>
      <c r="E12309" s="6">
        <v>474.25940000000003</v>
      </c>
    </row>
    <row r="12310" spans="4:5" x14ac:dyDescent="0.25">
      <c r="D12310" s="6">
        <v>960.44439999999997</v>
      </c>
      <c r="E12310" s="6">
        <v>530.36249999999995</v>
      </c>
    </row>
    <row r="12311" spans="4:5" x14ac:dyDescent="0.25">
      <c r="D12311" s="6">
        <v>483.62639999999999</v>
      </c>
      <c r="E12311" s="6">
        <v>767.97299999999996</v>
      </c>
    </row>
    <row r="12312" spans="4:5" x14ac:dyDescent="0.25">
      <c r="D12312" s="6">
        <v>553.50109999999995</v>
      </c>
      <c r="E12312" s="6">
        <v>9108.8490000000002</v>
      </c>
    </row>
    <row r="12313" spans="4:5" x14ac:dyDescent="0.25">
      <c r="D12313" s="6">
        <v>566.24959999999999</v>
      </c>
      <c r="E12313" s="6">
        <v>6800.7359999999999</v>
      </c>
    </row>
    <row r="12314" spans="4:5" x14ac:dyDescent="0.25">
      <c r="D12314" s="6">
        <v>1379.0550000000001</v>
      </c>
      <c r="E12314" s="6">
        <v>8387.92</v>
      </c>
    </row>
    <row r="12315" spans="4:5" x14ac:dyDescent="0.25">
      <c r="D12315" s="6">
        <v>1036.6980000000001</v>
      </c>
      <c r="E12315" s="6">
        <v>3620.625</v>
      </c>
    </row>
    <row r="12316" spans="4:5" x14ac:dyDescent="0.25">
      <c r="D12316" s="6">
        <v>1361.414</v>
      </c>
      <c r="E12316" s="6">
        <v>5404.3549999999996</v>
      </c>
    </row>
    <row r="12317" spans="4:5" x14ac:dyDescent="0.25">
      <c r="D12317" s="6">
        <v>842.28970000000004</v>
      </c>
      <c r="E12317" s="6">
        <v>693.47950000000003</v>
      </c>
    </row>
    <row r="12318" spans="4:5" x14ac:dyDescent="0.25">
      <c r="D12318" s="6">
        <v>761.8818</v>
      </c>
      <c r="E12318" s="6">
        <v>8274.3739999999998</v>
      </c>
    </row>
    <row r="12319" spans="4:5" x14ac:dyDescent="0.25">
      <c r="D12319" s="6">
        <v>488.4853</v>
      </c>
      <c r="E12319" s="6">
        <v>1516.741</v>
      </c>
    </row>
    <row r="12320" spans="4:5" x14ac:dyDescent="0.25">
      <c r="D12320" s="6">
        <v>2366.335</v>
      </c>
      <c r="E12320" s="6">
        <v>2184.1480000000001</v>
      </c>
    </row>
    <row r="12321" spans="4:5" x14ac:dyDescent="0.25">
      <c r="D12321" s="6">
        <v>3949.4549999999999</v>
      </c>
      <c r="E12321" s="6">
        <v>965.34929999999997</v>
      </c>
    </row>
    <row r="12322" spans="4:5" x14ac:dyDescent="0.25">
      <c r="D12322" s="6">
        <v>693.81349999999998</v>
      </c>
      <c r="E12322" s="6">
        <v>543.78030000000001</v>
      </c>
    </row>
    <row r="12323" spans="4:5" x14ac:dyDescent="0.25">
      <c r="D12323" s="6">
        <v>926.18629999999996</v>
      </c>
      <c r="E12323" s="6">
        <v>1223.8530000000001</v>
      </c>
    </row>
    <row r="12324" spans="4:5" x14ac:dyDescent="0.25">
      <c r="D12324" s="6">
        <v>2156.6959999999999</v>
      </c>
      <c r="E12324" s="6">
        <v>637.39300000000003</v>
      </c>
    </row>
    <row r="12325" spans="4:5" x14ac:dyDescent="0.25">
      <c r="D12325" s="6">
        <v>781.5</v>
      </c>
      <c r="E12325" s="6">
        <v>2410.3719999999998</v>
      </c>
    </row>
    <row r="12326" spans="4:5" x14ac:dyDescent="0.25">
      <c r="D12326" s="6">
        <v>772.05939999999998</v>
      </c>
      <c r="E12326" s="6">
        <v>659.80880000000002</v>
      </c>
    </row>
    <row r="12327" spans="4:5" x14ac:dyDescent="0.25">
      <c r="D12327" s="6">
        <v>1224.3979999999999</v>
      </c>
      <c r="E12327" s="6">
        <v>4734.4589999999998</v>
      </c>
    </row>
    <row r="12328" spans="4:5" x14ac:dyDescent="0.25">
      <c r="D12328" s="6">
        <v>899</v>
      </c>
      <c r="E12328" s="6">
        <v>800.0444</v>
      </c>
    </row>
    <row r="12329" spans="4:5" x14ac:dyDescent="0.25">
      <c r="D12329" s="6">
        <v>3577.6669999999999</v>
      </c>
      <c r="E12329" s="6">
        <v>675.27620000000002</v>
      </c>
    </row>
    <row r="12330" spans="4:5" x14ac:dyDescent="0.25">
      <c r="D12330" s="6">
        <v>502.97449999999998</v>
      </c>
      <c r="E12330" s="6">
        <v>472.4461</v>
      </c>
    </row>
    <row r="12331" spans="4:5" x14ac:dyDescent="0.25">
      <c r="D12331" s="6">
        <v>1214.1469999999999</v>
      </c>
      <c r="E12331" s="6">
        <v>550.23080000000004</v>
      </c>
    </row>
    <row r="12332" spans="4:5" x14ac:dyDescent="0.25">
      <c r="D12332" s="6">
        <v>632.48379999999997</v>
      </c>
      <c r="E12332" s="6">
        <v>9314.8340000000007</v>
      </c>
    </row>
    <row r="12333" spans="4:5" x14ac:dyDescent="0.25">
      <c r="D12333" s="6">
        <v>499.7867</v>
      </c>
      <c r="E12333" s="6">
        <v>738</v>
      </c>
    </row>
    <row r="12334" spans="4:5" x14ac:dyDescent="0.25">
      <c r="D12334" s="6">
        <v>792.12059999999997</v>
      </c>
      <c r="E12334" s="6">
        <v>953.87710000000004</v>
      </c>
    </row>
    <row r="12335" spans="4:5" x14ac:dyDescent="0.25">
      <c r="D12335" s="6">
        <v>786.19889999999998</v>
      </c>
      <c r="E12335" s="6">
        <v>3127.8989999999999</v>
      </c>
    </row>
    <row r="12336" spans="4:5" x14ac:dyDescent="0.25">
      <c r="D12336" s="6">
        <v>5331.75</v>
      </c>
      <c r="E12336" s="6">
        <v>7810.7240000000002</v>
      </c>
    </row>
    <row r="12337" spans="4:5" x14ac:dyDescent="0.25">
      <c r="D12337" s="6">
        <v>1087.114</v>
      </c>
      <c r="E12337" s="6">
        <v>1220.4190000000001</v>
      </c>
    </row>
    <row r="12338" spans="4:5" x14ac:dyDescent="0.25">
      <c r="D12338" s="6">
        <v>668.88869999999997</v>
      </c>
      <c r="E12338" s="6">
        <v>878.55340000000001</v>
      </c>
    </row>
    <row r="12339" spans="4:5" x14ac:dyDescent="0.25">
      <c r="D12339" s="6">
        <v>1645.6669999999999</v>
      </c>
      <c r="E12339" s="6">
        <v>867.79470000000003</v>
      </c>
    </row>
    <row r="12340" spans="4:5" x14ac:dyDescent="0.25">
      <c r="D12340" s="6">
        <v>5959.7839999999997</v>
      </c>
      <c r="E12340" s="6">
        <v>1124.393</v>
      </c>
    </row>
    <row r="12341" spans="4:5" x14ac:dyDescent="0.25">
      <c r="D12341" s="6">
        <v>552.29480000000001</v>
      </c>
      <c r="E12341" s="6">
        <v>799.92309999999998</v>
      </c>
    </row>
    <row r="12342" spans="4:5" x14ac:dyDescent="0.25">
      <c r="D12342" s="6">
        <v>6537.6059999999998</v>
      </c>
      <c r="E12342" s="6">
        <v>557.25930000000005</v>
      </c>
    </row>
    <row r="12343" spans="4:5" x14ac:dyDescent="0.25">
      <c r="D12343" s="6">
        <v>165.2963</v>
      </c>
      <c r="E12343" s="6">
        <v>11670.32</v>
      </c>
    </row>
    <row r="12344" spans="4:5" x14ac:dyDescent="0.25">
      <c r="D12344" s="6">
        <v>600.94910000000004</v>
      </c>
      <c r="E12344" s="6">
        <v>720.34609999999998</v>
      </c>
    </row>
    <row r="12345" spans="4:5" x14ac:dyDescent="0.25">
      <c r="D12345" s="6">
        <v>1292.1400000000001</v>
      </c>
      <c r="E12345" s="6">
        <v>9256.1389999999992</v>
      </c>
    </row>
    <row r="12346" spans="4:5" x14ac:dyDescent="0.25">
      <c r="D12346" s="6">
        <v>1191.0730000000001</v>
      </c>
      <c r="E12346" s="6">
        <v>466.31020000000001</v>
      </c>
    </row>
    <row r="12347" spans="4:5" x14ac:dyDescent="0.25">
      <c r="D12347" s="6">
        <v>2829.3040000000001</v>
      </c>
      <c r="E12347" s="6">
        <v>6648.4750000000004</v>
      </c>
    </row>
    <row r="12348" spans="4:5" x14ac:dyDescent="0.25">
      <c r="D12348" s="6">
        <v>528.17290000000003</v>
      </c>
      <c r="E12348" s="6">
        <v>562.54790000000003</v>
      </c>
    </row>
    <row r="12349" spans="4:5" x14ac:dyDescent="0.25">
      <c r="D12349" s="6">
        <v>1401.288</v>
      </c>
      <c r="E12349" s="6">
        <v>984.80169999999998</v>
      </c>
    </row>
    <row r="12350" spans="4:5" x14ac:dyDescent="0.25">
      <c r="D12350" s="6">
        <v>663.26520000000005</v>
      </c>
      <c r="E12350" s="6">
        <v>411.38889999999998</v>
      </c>
    </row>
    <row r="12351" spans="4:5" x14ac:dyDescent="0.25">
      <c r="D12351" s="6">
        <v>756.02919999999995</v>
      </c>
      <c r="E12351" s="6">
        <v>671.34780000000001</v>
      </c>
    </row>
    <row r="12352" spans="4:5" x14ac:dyDescent="0.25">
      <c r="D12352" s="6">
        <v>8692.9030000000002</v>
      </c>
      <c r="E12352" s="6">
        <v>3639.6260000000002</v>
      </c>
    </row>
    <row r="12353" spans="4:5" x14ac:dyDescent="0.25">
      <c r="D12353" s="6">
        <v>1161.838</v>
      </c>
      <c r="E12353" s="6">
        <v>559.59159999999997</v>
      </c>
    </row>
    <row r="12354" spans="4:5" x14ac:dyDescent="0.25">
      <c r="D12354" s="6">
        <v>1905.356</v>
      </c>
      <c r="E12354" s="6">
        <v>3022.375</v>
      </c>
    </row>
    <row r="12355" spans="4:5" x14ac:dyDescent="0.25">
      <c r="D12355" s="6">
        <v>456.98090000000002</v>
      </c>
      <c r="E12355" s="6">
        <v>720.79489999999998</v>
      </c>
    </row>
    <row r="12356" spans="4:5" x14ac:dyDescent="0.25">
      <c r="D12356" s="6">
        <v>587.20000000000005</v>
      </c>
      <c r="E12356" s="6">
        <v>855.94090000000006</v>
      </c>
    </row>
    <row r="12357" spans="4:5" x14ac:dyDescent="0.25">
      <c r="D12357" s="6">
        <v>10935.88</v>
      </c>
      <c r="E12357" s="6">
        <v>517.76149999999996</v>
      </c>
    </row>
    <row r="12358" spans="4:5" x14ac:dyDescent="0.25">
      <c r="D12358" s="6">
        <v>10708.99</v>
      </c>
      <c r="E12358" s="6">
        <v>1771.0619999999999</v>
      </c>
    </row>
    <row r="12359" spans="4:5" x14ac:dyDescent="0.25">
      <c r="D12359" s="6">
        <v>531.61360000000002</v>
      </c>
      <c r="E12359" s="6">
        <v>1101.7560000000001</v>
      </c>
    </row>
    <row r="12360" spans="4:5" x14ac:dyDescent="0.25">
      <c r="D12360" s="6">
        <v>696.47879999999998</v>
      </c>
      <c r="E12360" s="6">
        <v>1087.1320000000001</v>
      </c>
    </row>
    <row r="12361" spans="4:5" x14ac:dyDescent="0.25">
      <c r="D12361" s="6">
        <v>520.9588</v>
      </c>
      <c r="E12361" s="6">
        <v>2442.1010000000001</v>
      </c>
    </row>
    <row r="12362" spans="4:5" x14ac:dyDescent="0.25">
      <c r="D12362" s="6">
        <v>4970.3950000000004</v>
      </c>
      <c r="E12362" s="6">
        <v>1420.652</v>
      </c>
    </row>
    <row r="12363" spans="4:5" x14ac:dyDescent="0.25">
      <c r="D12363" s="6">
        <v>2773.16</v>
      </c>
      <c r="E12363" s="6">
        <v>734.21389999999997</v>
      </c>
    </row>
    <row r="12364" spans="4:5" x14ac:dyDescent="0.25">
      <c r="D12364" s="6">
        <v>4298.3050000000003</v>
      </c>
      <c r="E12364" s="6">
        <v>9424.6319999999996</v>
      </c>
    </row>
    <row r="12365" spans="4:5" x14ac:dyDescent="0.25">
      <c r="D12365" s="6">
        <v>2100.6979999999999</v>
      </c>
      <c r="E12365" s="6">
        <v>480.84050000000002</v>
      </c>
    </row>
    <row r="12366" spans="4:5" x14ac:dyDescent="0.25">
      <c r="D12366" s="6">
        <v>558.37459999999999</v>
      </c>
      <c r="E12366" s="6">
        <v>563.02390000000003</v>
      </c>
    </row>
    <row r="12367" spans="4:5" x14ac:dyDescent="0.25">
      <c r="D12367" s="6">
        <v>580.93920000000003</v>
      </c>
      <c r="E12367" s="6">
        <v>466.66469999999998</v>
      </c>
    </row>
    <row r="12368" spans="4:5" x14ac:dyDescent="0.25">
      <c r="D12368" s="6">
        <v>394.13130000000001</v>
      </c>
      <c r="E12368" s="6">
        <v>463.89</v>
      </c>
    </row>
    <row r="12369" spans="4:5" x14ac:dyDescent="0.25">
      <c r="D12369" s="6">
        <v>2321.1019999999999</v>
      </c>
      <c r="E12369" s="6">
        <v>844.48339999999996</v>
      </c>
    </row>
    <row r="12370" spans="4:5" x14ac:dyDescent="0.25">
      <c r="D12370" s="6">
        <v>389.63549999999998</v>
      </c>
      <c r="E12370" s="6">
        <v>11815.51</v>
      </c>
    </row>
    <row r="12371" spans="4:5" x14ac:dyDescent="0.25">
      <c r="D12371" s="6">
        <v>1328.05</v>
      </c>
      <c r="E12371" s="6">
        <v>539.45770000000005</v>
      </c>
    </row>
    <row r="12372" spans="4:5" x14ac:dyDescent="0.25">
      <c r="D12372" s="6">
        <v>2895.5909999999999</v>
      </c>
      <c r="E12372" s="6">
        <v>1001.947</v>
      </c>
    </row>
    <row r="12373" spans="4:5" x14ac:dyDescent="0.25">
      <c r="D12373" s="6">
        <v>185.84440000000001</v>
      </c>
      <c r="E12373" s="6">
        <v>914.45929999999998</v>
      </c>
    </row>
    <row r="12374" spans="4:5" x14ac:dyDescent="0.25">
      <c r="D12374" s="6">
        <v>479.28149999999999</v>
      </c>
      <c r="E12374" s="6">
        <v>709.35019999999997</v>
      </c>
    </row>
    <row r="12375" spans="4:5" x14ac:dyDescent="0.25">
      <c r="D12375" s="6">
        <v>482.94650000000001</v>
      </c>
      <c r="E12375" s="6">
        <v>610.43859999999995</v>
      </c>
    </row>
    <row r="12376" spans="4:5" x14ac:dyDescent="0.25">
      <c r="D12376" s="6">
        <v>923.08169999999996</v>
      </c>
      <c r="E12376" s="6">
        <v>175.88</v>
      </c>
    </row>
    <row r="12377" spans="4:5" x14ac:dyDescent="0.25">
      <c r="D12377" s="6">
        <v>893.1</v>
      </c>
      <c r="E12377" s="6">
        <v>739.26919999999996</v>
      </c>
    </row>
    <row r="12378" spans="4:5" x14ac:dyDescent="0.25">
      <c r="D12378" s="6">
        <v>2937.5320000000002</v>
      </c>
      <c r="E12378" s="6">
        <v>1270.7750000000001</v>
      </c>
    </row>
    <row r="12379" spans="4:5" x14ac:dyDescent="0.25">
      <c r="D12379" s="6">
        <v>674.97289999999998</v>
      </c>
      <c r="E12379" s="6">
        <v>334.40449999999998</v>
      </c>
    </row>
    <row r="12380" spans="4:5" x14ac:dyDescent="0.25">
      <c r="D12380" s="6">
        <v>3944.4169999999999</v>
      </c>
      <c r="E12380" s="6">
        <v>8060.2759999999998</v>
      </c>
    </row>
    <row r="12381" spans="4:5" x14ac:dyDescent="0.25">
      <c r="D12381" s="6">
        <v>788.51239999999996</v>
      </c>
      <c r="E12381" s="6">
        <v>7433.2420000000002</v>
      </c>
    </row>
    <row r="12382" spans="4:5" x14ac:dyDescent="0.25">
      <c r="D12382" s="6">
        <v>551.64869999999996</v>
      </c>
      <c r="E12382" s="6">
        <v>494.4409</v>
      </c>
    </row>
    <row r="12383" spans="4:5" x14ac:dyDescent="0.25">
      <c r="D12383" s="6">
        <v>1571.4380000000001</v>
      </c>
      <c r="E12383" s="6">
        <v>4348.1289999999999</v>
      </c>
    </row>
    <row r="12384" spans="4:5" x14ac:dyDescent="0.25">
      <c r="D12384" s="6">
        <v>786.16300000000001</v>
      </c>
      <c r="E12384" s="6">
        <v>6063.2269999999999</v>
      </c>
    </row>
    <row r="12385" spans="4:5" x14ac:dyDescent="0.25">
      <c r="D12385" s="6">
        <v>602.87130000000002</v>
      </c>
      <c r="E12385" s="6">
        <v>705.5249</v>
      </c>
    </row>
    <row r="12386" spans="4:5" x14ac:dyDescent="0.25">
      <c r="D12386" s="6">
        <v>949.70460000000003</v>
      </c>
      <c r="E12386" s="6">
        <v>1120.0540000000001</v>
      </c>
    </row>
    <row r="12387" spans="4:5" x14ac:dyDescent="0.25">
      <c r="D12387" s="6">
        <v>764.99540000000002</v>
      </c>
      <c r="E12387" s="6">
        <v>1770.5</v>
      </c>
    </row>
    <row r="12388" spans="4:5" x14ac:dyDescent="0.25">
      <c r="D12388" s="6">
        <v>4802.5</v>
      </c>
      <c r="E12388" s="6">
        <v>1068</v>
      </c>
    </row>
    <row r="12389" spans="4:5" x14ac:dyDescent="0.25">
      <c r="D12389" s="6">
        <v>509.90339999999998</v>
      </c>
      <c r="E12389" s="6">
        <v>179.61600000000001</v>
      </c>
    </row>
    <row r="12390" spans="4:5" x14ac:dyDescent="0.25">
      <c r="D12390" s="6">
        <v>3559.422</v>
      </c>
      <c r="E12390" s="6">
        <v>1912.5</v>
      </c>
    </row>
    <row r="12391" spans="4:5" x14ac:dyDescent="0.25">
      <c r="D12391" s="6">
        <v>686.78359999999998</v>
      </c>
      <c r="E12391" s="6">
        <v>490.34539999999998</v>
      </c>
    </row>
    <row r="12392" spans="4:5" x14ac:dyDescent="0.25">
      <c r="D12392" s="6">
        <v>514.26390000000004</v>
      </c>
      <c r="E12392" s="6">
        <v>3192.7730000000001</v>
      </c>
    </row>
    <row r="12393" spans="4:5" x14ac:dyDescent="0.25">
      <c r="D12393" s="6">
        <v>3945.8620000000001</v>
      </c>
      <c r="E12393" s="6">
        <v>898.79859999999996</v>
      </c>
    </row>
    <row r="12394" spans="4:5" x14ac:dyDescent="0.25">
      <c r="D12394" s="6">
        <v>5269.2759999999998</v>
      </c>
      <c r="E12394" s="6">
        <v>1016.934</v>
      </c>
    </row>
    <row r="12395" spans="4:5" x14ac:dyDescent="0.25">
      <c r="D12395" s="6">
        <v>848.60659999999996</v>
      </c>
      <c r="E12395" s="6">
        <v>312.33330000000001</v>
      </c>
    </row>
    <row r="12396" spans="4:5" x14ac:dyDescent="0.25">
      <c r="D12396" s="6">
        <v>9378.3310000000001</v>
      </c>
      <c r="E12396" s="6">
        <v>723.53719999999998</v>
      </c>
    </row>
    <row r="12397" spans="4:5" x14ac:dyDescent="0.25">
      <c r="D12397" s="6">
        <v>2106.498</v>
      </c>
      <c r="E12397" s="6">
        <v>1186.3979999999999</v>
      </c>
    </row>
    <row r="12398" spans="4:5" x14ac:dyDescent="0.25">
      <c r="D12398" s="6">
        <v>559.80740000000003</v>
      </c>
      <c r="E12398" s="6">
        <v>322.89569999999998</v>
      </c>
    </row>
    <row r="12399" spans="4:5" x14ac:dyDescent="0.25">
      <c r="D12399" s="6">
        <v>6866.2790000000005</v>
      </c>
      <c r="E12399" s="6">
        <v>635.88980000000004</v>
      </c>
    </row>
    <row r="12400" spans="4:5" x14ac:dyDescent="0.25">
      <c r="D12400" s="6">
        <v>637.91390000000001</v>
      </c>
      <c r="E12400" s="6">
        <v>479.06569999999999</v>
      </c>
    </row>
    <row r="12401" spans="4:5" x14ac:dyDescent="0.25">
      <c r="D12401" s="6">
        <v>539.31479999999999</v>
      </c>
      <c r="E12401" s="6">
        <v>493.30329999999998</v>
      </c>
    </row>
    <row r="12402" spans="4:5" x14ac:dyDescent="0.25">
      <c r="D12402" s="6">
        <v>608.92229999999995</v>
      </c>
      <c r="E12402" s="6">
        <v>5757</v>
      </c>
    </row>
    <row r="12403" spans="4:5" x14ac:dyDescent="0.25">
      <c r="D12403" s="6">
        <v>6717.625</v>
      </c>
      <c r="E12403" s="6">
        <v>407.00549999999998</v>
      </c>
    </row>
    <row r="12404" spans="4:5" x14ac:dyDescent="0.25">
      <c r="D12404" s="6">
        <v>6469.0940000000001</v>
      </c>
      <c r="E12404" s="6">
        <v>473.82850000000002</v>
      </c>
    </row>
    <row r="12405" spans="4:5" x14ac:dyDescent="0.25">
      <c r="D12405" s="6">
        <v>653.44420000000002</v>
      </c>
      <c r="E12405" s="6">
        <v>2742.5219999999999</v>
      </c>
    </row>
    <row r="12406" spans="4:5" x14ac:dyDescent="0.25">
      <c r="D12406" s="6">
        <v>588.13649999999996</v>
      </c>
      <c r="E12406" s="6">
        <v>541.91480000000001</v>
      </c>
    </row>
    <row r="12407" spans="4:5" x14ac:dyDescent="0.25">
      <c r="D12407" s="6">
        <v>597.87649999999996</v>
      </c>
      <c r="E12407" s="6">
        <v>725.40160000000003</v>
      </c>
    </row>
    <row r="12408" spans="4:5" x14ac:dyDescent="0.25">
      <c r="D12408" s="6">
        <v>1369.25</v>
      </c>
      <c r="E12408" s="6">
        <v>2075.17</v>
      </c>
    </row>
    <row r="12409" spans="4:5" x14ac:dyDescent="0.25">
      <c r="D12409" s="6">
        <v>3389.9119999999998</v>
      </c>
      <c r="E12409" s="6">
        <v>443.76859999999999</v>
      </c>
    </row>
    <row r="12410" spans="4:5" x14ac:dyDescent="0.25">
      <c r="D12410" s="6">
        <v>2457.3330000000001</v>
      </c>
      <c r="E12410" s="6">
        <v>1715.67</v>
      </c>
    </row>
    <row r="12411" spans="4:5" x14ac:dyDescent="0.25">
      <c r="D12411" s="6">
        <v>2718.7139999999999</v>
      </c>
      <c r="E12411" s="6">
        <v>5832.0519999999997</v>
      </c>
    </row>
    <row r="12412" spans="4:5" x14ac:dyDescent="0.25">
      <c r="D12412" s="6">
        <v>2915.748</v>
      </c>
      <c r="E12412" s="6">
        <v>5099.8440000000001</v>
      </c>
    </row>
    <row r="12413" spans="4:5" x14ac:dyDescent="0.25">
      <c r="D12413" s="6">
        <v>1428.134</v>
      </c>
      <c r="E12413" s="6">
        <v>4734.0479999999998</v>
      </c>
    </row>
    <row r="12414" spans="4:5" x14ac:dyDescent="0.25">
      <c r="D12414" s="6">
        <v>700.44489999999996</v>
      </c>
      <c r="E12414" s="6">
        <v>1105.2</v>
      </c>
    </row>
    <row r="12415" spans="4:5" x14ac:dyDescent="0.25">
      <c r="D12415" s="6">
        <v>5852.7470000000003</v>
      </c>
      <c r="E12415" s="6">
        <v>6985.6930000000002</v>
      </c>
    </row>
    <row r="12416" spans="4:5" x14ac:dyDescent="0.25">
      <c r="D12416" s="6">
        <v>817.15</v>
      </c>
      <c r="E12416" s="6">
        <v>645.61609999999996</v>
      </c>
    </row>
    <row r="12417" spans="4:5" x14ac:dyDescent="0.25">
      <c r="D12417" s="6">
        <v>10742.38</v>
      </c>
      <c r="E12417" s="6">
        <v>3486.3649999999998</v>
      </c>
    </row>
    <row r="12418" spans="4:5" x14ac:dyDescent="0.25">
      <c r="D12418" s="6">
        <v>798.42619999999999</v>
      </c>
      <c r="E12418" s="6">
        <v>540.22479999999996</v>
      </c>
    </row>
    <row r="12419" spans="4:5" x14ac:dyDescent="0.25">
      <c r="D12419" s="6">
        <v>511.59109999999998</v>
      </c>
      <c r="E12419" s="6">
        <v>16382</v>
      </c>
    </row>
    <row r="12420" spans="4:5" x14ac:dyDescent="0.25">
      <c r="D12420" s="6">
        <v>561</v>
      </c>
      <c r="E12420" s="6">
        <v>2408.2469999999998</v>
      </c>
    </row>
    <row r="12421" spans="4:5" x14ac:dyDescent="0.25">
      <c r="D12421" s="6">
        <v>1154.95</v>
      </c>
      <c r="E12421" s="6">
        <v>825.81759999999997</v>
      </c>
    </row>
    <row r="12422" spans="4:5" x14ac:dyDescent="0.25">
      <c r="D12422" s="6">
        <v>1046.5</v>
      </c>
      <c r="E12422" s="6">
        <v>1002.121</v>
      </c>
    </row>
    <row r="12423" spans="4:5" x14ac:dyDescent="0.25">
      <c r="D12423" s="6">
        <v>3886.6489999999999</v>
      </c>
      <c r="E12423" s="6">
        <v>5868.25</v>
      </c>
    </row>
    <row r="12424" spans="4:5" x14ac:dyDescent="0.25">
      <c r="D12424" s="6">
        <v>1022.908</v>
      </c>
      <c r="E12424" s="6">
        <v>1423.6479999999999</v>
      </c>
    </row>
    <row r="12425" spans="4:5" x14ac:dyDescent="0.25">
      <c r="D12425" s="6">
        <v>518.43740000000003</v>
      </c>
      <c r="E12425" s="6">
        <v>4354.3639999999996</v>
      </c>
    </row>
    <row r="12426" spans="4:5" x14ac:dyDescent="0.25">
      <c r="D12426" s="6">
        <v>675.55200000000002</v>
      </c>
      <c r="E12426" s="6">
        <v>550.07209999999998</v>
      </c>
    </row>
    <row r="12427" spans="4:5" x14ac:dyDescent="0.25">
      <c r="D12427" s="6">
        <v>11778.62</v>
      </c>
      <c r="E12427" s="6">
        <v>561.61590000000001</v>
      </c>
    </row>
    <row r="12428" spans="4:5" x14ac:dyDescent="0.25">
      <c r="D12428" s="6">
        <v>14431.86</v>
      </c>
      <c r="E12428" s="6">
        <v>1887.134</v>
      </c>
    </row>
    <row r="12429" spans="4:5" x14ac:dyDescent="0.25">
      <c r="D12429" s="6">
        <v>796.5</v>
      </c>
      <c r="E12429" s="6">
        <v>7255.1310000000003</v>
      </c>
    </row>
    <row r="12430" spans="4:5" x14ac:dyDescent="0.25">
      <c r="D12430" s="6">
        <v>617</v>
      </c>
      <c r="E12430" s="6">
        <v>460.65929999999997</v>
      </c>
    </row>
    <row r="12431" spans="4:5" x14ac:dyDescent="0.25">
      <c r="D12431" s="6">
        <v>476.33690000000001</v>
      </c>
      <c r="E12431" s="6">
        <v>942.22209999999995</v>
      </c>
    </row>
    <row r="12432" spans="4:5" x14ac:dyDescent="0.25">
      <c r="D12432" s="6">
        <v>819.61040000000003</v>
      </c>
      <c r="E12432" s="6">
        <v>8800.4619999999995</v>
      </c>
    </row>
    <row r="12433" spans="4:5" x14ac:dyDescent="0.25">
      <c r="D12433" s="6">
        <v>628.61099999999999</v>
      </c>
      <c r="E12433" s="6">
        <v>831.17359999999996</v>
      </c>
    </row>
    <row r="12434" spans="4:5" x14ac:dyDescent="0.25">
      <c r="D12434" s="6">
        <v>341.04640000000001</v>
      </c>
      <c r="E12434" s="6">
        <v>208.4118</v>
      </c>
    </row>
    <row r="12435" spans="4:5" x14ac:dyDescent="0.25">
      <c r="D12435" s="6">
        <v>1597</v>
      </c>
      <c r="E12435" s="6">
        <v>561.69560000000001</v>
      </c>
    </row>
    <row r="12436" spans="4:5" x14ac:dyDescent="0.25">
      <c r="D12436" s="6">
        <v>197.3125</v>
      </c>
      <c r="E12436" s="6">
        <v>1103.184</v>
      </c>
    </row>
    <row r="12437" spans="4:5" x14ac:dyDescent="0.25">
      <c r="D12437" s="6">
        <v>994.60839999999996</v>
      </c>
      <c r="E12437" s="6">
        <v>456.58240000000001</v>
      </c>
    </row>
    <row r="12438" spans="4:5" x14ac:dyDescent="0.25">
      <c r="D12438" s="6">
        <v>2170.7860000000001</v>
      </c>
      <c r="E12438" s="6">
        <v>396.67</v>
      </c>
    </row>
    <row r="12439" spans="4:5" x14ac:dyDescent="0.25">
      <c r="D12439" s="6">
        <v>805.41070000000002</v>
      </c>
      <c r="E12439" s="6">
        <v>361.58670000000001</v>
      </c>
    </row>
    <row r="12440" spans="4:5" x14ac:dyDescent="0.25">
      <c r="D12440" s="6">
        <v>5085.7470000000003</v>
      </c>
      <c r="E12440" s="6">
        <v>570.21169999999995</v>
      </c>
    </row>
    <row r="12441" spans="4:5" x14ac:dyDescent="0.25">
      <c r="D12441" s="6">
        <v>6600.393</v>
      </c>
      <c r="E12441" s="6">
        <v>645.12210000000005</v>
      </c>
    </row>
    <row r="12442" spans="4:5" x14ac:dyDescent="0.25">
      <c r="D12442" s="6">
        <v>458.76729999999998</v>
      </c>
      <c r="E12442" s="6">
        <v>670.3963</v>
      </c>
    </row>
    <row r="12443" spans="4:5" x14ac:dyDescent="0.25">
      <c r="D12443" s="6">
        <v>472.40230000000003</v>
      </c>
      <c r="E12443" s="6">
        <v>1092.9780000000001</v>
      </c>
    </row>
    <row r="12444" spans="4:5" x14ac:dyDescent="0.25">
      <c r="D12444" s="6">
        <v>1672.2650000000001</v>
      </c>
      <c r="E12444" s="6">
        <v>643.30079999999998</v>
      </c>
    </row>
    <row r="12445" spans="4:5" x14ac:dyDescent="0.25">
      <c r="D12445" s="6">
        <v>787</v>
      </c>
      <c r="E12445" s="6">
        <v>616.45330000000001</v>
      </c>
    </row>
    <row r="12446" spans="4:5" x14ac:dyDescent="0.25">
      <c r="D12446" s="6">
        <v>556.66740000000004</v>
      </c>
      <c r="E12446" s="6">
        <v>971.03269999999998</v>
      </c>
    </row>
    <row r="12447" spans="4:5" x14ac:dyDescent="0.25">
      <c r="D12447" s="6">
        <v>650.30859999999996</v>
      </c>
      <c r="E12447" s="6">
        <v>458.21269999999998</v>
      </c>
    </row>
    <row r="12448" spans="4:5" x14ac:dyDescent="0.25">
      <c r="D12448" s="6">
        <v>388.5</v>
      </c>
      <c r="E12448" s="6">
        <v>7242.0420000000004</v>
      </c>
    </row>
    <row r="12449" spans="4:5" x14ac:dyDescent="0.25">
      <c r="D12449" s="6">
        <v>2330.5279999999998</v>
      </c>
      <c r="E12449" s="6">
        <v>3015.3609999999999</v>
      </c>
    </row>
    <row r="12450" spans="4:5" x14ac:dyDescent="0.25">
      <c r="D12450" s="6">
        <v>4584.7269999999999</v>
      </c>
      <c r="E12450" s="6">
        <v>2118.6669999999999</v>
      </c>
    </row>
    <row r="12451" spans="4:5" x14ac:dyDescent="0.25">
      <c r="D12451" s="6">
        <v>5446.8919999999998</v>
      </c>
      <c r="E12451" s="6">
        <v>7493</v>
      </c>
    </row>
    <row r="12452" spans="4:5" x14ac:dyDescent="0.25">
      <c r="D12452" s="6">
        <v>355.6662</v>
      </c>
      <c r="E12452" s="6">
        <v>412.33330000000001</v>
      </c>
    </row>
    <row r="12453" spans="4:5" x14ac:dyDescent="0.25">
      <c r="D12453" s="6">
        <v>669.76289999999995</v>
      </c>
      <c r="E12453" s="6">
        <v>6017.0450000000001</v>
      </c>
    </row>
    <row r="12454" spans="4:5" x14ac:dyDescent="0.25">
      <c r="D12454" s="6">
        <v>4907.0069999999996</v>
      </c>
      <c r="E12454" s="6">
        <v>8335.7160000000003</v>
      </c>
    </row>
    <row r="12455" spans="4:5" x14ac:dyDescent="0.25">
      <c r="D12455" s="6">
        <v>2457.6930000000002</v>
      </c>
      <c r="E12455" s="6">
        <v>1013.01</v>
      </c>
    </row>
    <row r="12456" spans="4:5" x14ac:dyDescent="0.25">
      <c r="D12456" s="6">
        <v>1396.86</v>
      </c>
      <c r="E12456" s="6">
        <v>1339.096</v>
      </c>
    </row>
    <row r="12457" spans="4:5" x14ac:dyDescent="0.25">
      <c r="D12457" s="6">
        <v>2544.143</v>
      </c>
      <c r="E12457" s="6">
        <v>556.52629999999999</v>
      </c>
    </row>
    <row r="12458" spans="4:5" x14ac:dyDescent="0.25">
      <c r="D12458" s="6">
        <v>643.26670000000001</v>
      </c>
      <c r="E12458" s="6">
        <v>519.43560000000002</v>
      </c>
    </row>
    <row r="12459" spans="4:5" x14ac:dyDescent="0.25">
      <c r="D12459" s="6">
        <v>345.1429</v>
      </c>
      <c r="E12459" s="6">
        <v>1226.5509999999999</v>
      </c>
    </row>
    <row r="12460" spans="4:5" x14ac:dyDescent="0.25">
      <c r="D12460" s="6">
        <v>340.3562</v>
      </c>
      <c r="E12460" s="6">
        <v>743.03560000000004</v>
      </c>
    </row>
    <row r="12461" spans="4:5" x14ac:dyDescent="0.25">
      <c r="D12461" s="6">
        <v>5342</v>
      </c>
      <c r="E12461" s="6">
        <v>2067.7359999999999</v>
      </c>
    </row>
    <row r="12462" spans="4:5" x14ac:dyDescent="0.25">
      <c r="D12462" s="6">
        <v>1066.549</v>
      </c>
      <c r="E12462" s="6">
        <v>699.6028</v>
      </c>
    </row>
    <row r="12463" spans="4:5" x14ac:dyDescent="0.25">
      <c r="D12463" s="6">
        <v>728.49570000000006</v>
      </c>
      <c r="E12463" s="6">
        <v>1312.3330000000001</v>
      </c>
    </row>
    <row r="12464" spans="4:5" x14ac:dyDescent="0.25">
      <c r="D12464" s="6">
        <v>6939.8019999999997</v>
      </c>
      <c r="E12464" s="6">
        <v>498.52379999999999</v>
      </c>
    </row>
    <row r="12465" spans="4:5" x14ac:dyDescent="0.25">
      <c r="D12465" s="6">
        <v>1104.211</v>
      </c>
      <c r="E12465" s="6">
        <v>227.09020000000001</v>
      </c>
    </row>
    <row r="12466" spans="4:5" x14ac:dyDescent="0.25">
      <c r="D12466" s="6">
        <v>8378.8690000000006</v>
      </c>
      <c r="E12466" s="6">
        <v>3471.7660000000001</v>
      </c>
    </row>
    <row r="12467" spans="4:5" x14ac:dyDescent="0.25">
      <c r="D12467" s="6">
        <v>2863.2190000000001</v>
      </c>
      <c r="E12467" s="6">
        <v>163.20509999999999</v>
      </c>
    </row>
    <row r="12468" spans="4:5" x14ac:dyDescent="0.25">
      <c r="D12468" s="6">
        <v>4103.9799999999996</v>
      </c>
      <c r="E12468" s="6">
        <v>5628</v>
      </c>
    </row>
    <row r="12469" spans="4:5" x14ac:dyDescent="0.25">
      <c r="D12469" s="6">
        <v>418.96100000000001</v>
      </c>
      <c r="E12469" s="6">
        <v>2615.7890000000002</v>
      </c>
    </row>
    <row r="12470" spans="4:5" x14ac:dyDescent="0.25">
      <c r="D12470" s="6">
        <v>567.45579999999995</v>
      </c>
      <c r="E12470" s="6">
        <v>890.13850000000002</v>
      </c>
    </row>
    <row r="12471" spans="4:5" x14ac:dyDescent="0.25">
      <c r="D12471" s="6">
        <v>503.94720000000001</v>
      </c>
      <c r="E12471" s="6">
        <v>369</v>
      </c>
    </row>
    <row r="12472" spans="4:5" x14ac:dyDescent="0.25">
      <c r="D12472" s="6">
        <v>412.29090000000002</v>
      </c>
      <c r="E12472" s="6">
        <v>605.15899999999999</v>
      </c>
    </row>
    <row r="12473" spans="4:5" x14ac:dyDescent="0.25">
      <c r="D12473" s="6">
        <v>657.86559999999997</v>
      </c>
      <c r="E12473" s="6">
        <v>1310.6990000000001</v>
      </c>
    </row>
    <row r="12474" spans="4:5" x14ac:dyDescent="0.25">
      <c r="D12474" s="6">
        <v>546.86649999999997</v>
      </c>
      <c r="E12474" s="6">
        <v>7003.9539999999997</v>
      </c>
    </row>
    <row r="12475" spans="4:5" x14ac:dyDescent="0.25">
      <c r="D12475" s="6">
        <v>1773.789</v>
      </c>
      <c r="E12475" s="6">
        <v>407.25839999999999</v>
      </c>
    </row>
    <row r="12476" spans="4:5" x14ac:dyDescent="0.25">
      <c r="D12476" s="6">
        <v>1261.896</v>
      </c>
      <c r="E12476" s="6">
        <v>1390.269</v>
      </c>
    </row>
    <row r="12477" spans="4:5" x14ac:dyDescent="0.25">
      <c r="D12477" s="6">
        <v>1023.266</v>
      </c>
      <c r="E12477" s="6">
        <v>491.54169999999999</v>
      </c>
    </row>
    <row r="12478" spans="4:5" x14ac:dyDescent="0.25">
      <c r="D12478" s="6">
        <v>574.18460000000005</v>
      </c>
      <c r="E12478" s="6">
        <v>4677.8879999999999</v>
      </c>
    </row>
    <row r="12479" spans="4:5" x14ac:dyDescent="0.25">
      <c r="D12479" s="6">
        <v>1985.1179999999999</v>
      </c>
      <c r="E12479" s="6">
        <v>600.24879999999996</v>
      </c>
    </row>
    <row r="12480" spans="4:5" x14ac:dyDescent="0.25">
      <c r="D12480" s="6">
        <v>926.29899999999998</v>
      </c>
      <c r="E12480" s="6">
        <v>5629.3270000000002</v>
      </c>
    </row>
    <row r="12481" spans="4:5" x14ac:dyDescent="0.25">
      <c r="D12481" s="6">
        <v>987.77670000000001</v>
      </c>
      <c r="E12481" s="6">
        <v>3144.471</v>
      </c>
    </row>
    <row r="12482" spans="4:5" x14ac:dyDescent="0.25">
      <c r="D12482" s="6">
        <v>5275.9740000000002</v>
      </c>
      <c r="E12482" s="6">
        <v>4136.2</v>
      </c>
    </row>
    <row r="12483" spans="4:5" x14ac:dyDescent="0.25">
      <c r="D12483" s="6">
        <v>582.85519999999997</v>
      </c>
      <c r="E12483" s="6">
        <v>6121.6909999999998</v>
      </c>
    </row>
    <row r="12484" spans="4:5" x14ac:dyDescent="0.25">
      <c r="D12484" s="6">
        <v>892.21640000000002</v>
      </c>
      <c r="E12484" s="6">
        <v>659.21559999999999</v>
      </c>
    </row>
    <row r="12485" spans="4:5" x14ac:dyDescent="0.25">
      <c r="D12485" s="6">
        <v>1549.3330000000001</v>
      </c>
      <c r="E12485" s="6">
        <v>8723.1049999999996</v>
      </c>
    </row>
    <row r="12486" spans="4:5" x14ac:dyDescent="0.25">
      <c r="D12486" s="6">
        <v>521.15089999999998</v>
      </c>
      <c r="E12486" s="6">
        <v>1231.3330000000001</v>
      </c>
    </row>
    <row r="12487" spans="4:5" x14ac:dyDescent="0.25">
      <c r="D12487" s="6">
        <v>4722.6670000000004</v>
      </c>
      <c r="E12487" s="6">
        <v>660.97900000000004</v>
      </c>
    </row>
    <row r="12488" spans="4:5" x14ac:dyDescent="0.25">
      <c r="D12488" s="6">
        <v>645.29060000000004</v>
      </c>
      <c r="E12488" s="6">
        <v>1967.3489999999999</v>
      </c>
    </row>
    <row r="12489" spans="4:5" x14ac:dyDescent="0.25">
      <c r="D12489" s="6">
        <v>7008.52</v>
      </c>
      <c r="E12489" s="6">
        <v>854.697</v>
      </c>
    </row>
    <row r="12490" spans="4:5" x14ac:dyDescent="0.25">
      <c r="D12490" s="6">
        <v>465.13400000000001</v>
      </c>
      <c r="E12490" s="6">
        <v>2958</v>
      </c>
    </row>
    <row r="12491" spans="4:5" x14ac:dyDescent="0.25">
      <c r="D12491" s="6">
        <v>9996.2360000000008</v>
      </c>
      <c r="E12491" s="6">
        <v>9768.6029999999992</v>
      </c>
    </row>
    <row r="12492" spans="4:5" x14ac:dyDescent="0.25">
      <c r="D12492" s="6">
        <v>9557.7880000000005</v>
      </c>
      <c r="E12492" s="6">
        <v>3922.672</v>
      </c>
    </row>
    <row r="12493" spans="4:5" x14ac:dyDescent="0.25">
      <c r="D12493" s="6">
        <v>1534.432</v>
      </c>
      <c r="E12493" s="6">
        <v>887.43790000000001</v>
      </c>
    </row>
    <row r="12494" spans="4:5" x14ac:dyDescent="0.25">
      <c r="D12494" s="6">
        <v>3987.3530000000001</v>
      </c>
      <c r="E12494" s="6">
        <v>981.28920000000005</v>
      </c>
    </row>
    <row r="12495" spans="4:5" x14ac:dyDescent="0.25">
      <c r="D12495" s="6">
        <v>903.33199999999999</v>
      </c>
      <c r="E12495" s="6">
        <v>3260.9079999999999</v>
      </c>
    </row>
    <row r="12496" spans="4:5" x14ac:dyDescent="0.25">
      <c r="D12496" s="6">
        <v>604.21280000000002</v>
      </c>
      <c r="E12496" s="6">
        <v>687.50400000000002</v>
      </c>
    </row>
    <row r="12497" spans="4:5" x14ac:dyDescent="0.25">
      <c r="D12497" s="6">
        <v>3168.4740000000002</v>
      </c>
      <c r="E12497" s="6">
        <v>1055.3430000000001</v>
      </c>
    </row>
    <row r="12498" spans="4:5" x14ac:dyDescent="0.25">
      <c r="D12498" s="6">
        <v>213.40639999999999</v>
      </c>
      <c r="E12498" s="6">
        <v>788.7808</v>
      </c>
    </row>
    <row r="12499" spans="4:5" x14ac:dyDescent="0.25">
      <c r="D12499" s="6">
        <v>3958.4279999999999</v>
      </c>
      <c r="E12499" s="6">
        <v>1414.63</v>
      </c>
    </row>
    <row r="12500" spans="4:5" x14ac:dyDescent="0.25">
      <c r="D12500" s="6">
        <v>5857</v>
      </c>
      <c r="E12500" s="6">
        <v>8288.3179999999993</v>
      </c>
    </row>
    <row r="12501" spans="4:5" x14ac:dyDescent="0.25">
      <c r="D12501" s="6">
        <v>159.5814</v>
      </c>
      <c r="E12501" s="6">
        <v>7330.4269999999997</v>
      </c>
    </row>
    <row r="12502" spans="4:5" x14ac:dyDescent="0.25">
      <c r="D12502" s="6">
        <v>3229.15</v>
      </c>
      <c r="E12502" s="6">
        <v>2335.261</v>
      </c>
    </row>
    <row r="12503" spans="4:5" x14ac:dyDescent="0.25">
      <c r="D12503" s="6">
        <v>1350.8589999999999</v>
      </c>
      <c r="E12503" s="6">
        <v>550.65160000000003</v>
      </c>
    </row>
    <row r="12504" spans="4:5" x14ac:dyDescent="0.25">
      <c r="D12504" s="6">
        <v>3121.9670000000001</v>
      </c>
      <c r="E12504" s="6">
        <v>427.64729999999997</v>
      </c>
    </row>
    <row r="12505" spans="4:5" x14ac:dyDescent="0.25">
      <c r="D12505" s="6">
        <v>6530.2889999999998</v>
      </c>
      <c r="E12505" s="6">
        <v>653.37599999999998</v>
      </c>
    </row>
    <row r="12506" spans="4:5" x14ac:dyDescent="0.25">
      <c r="D12506" s="6">
        <v>1101.6289999999999</v>
      </c>
      <c r="E12506" s="6">
        <v>729.62919999999997</v>
      </c>
    </row>
    <row r="12507" spans="4:5" x14ac:dyDescent="0.25">
      <c r="D12507" s="6">
        <v>768.96839999999997</v>
      </c>
      <c r="E12507" s="6">
        <v>9156.75</v>
      </c>
    </row>
    <row r="12508" spans="4:5" x14ac:dyDescent="0.25">
      <c r="D12508" s="6">
        <v>143.11760000000001</v>
      </c>
      <c r="E12508" s="6">
        <v>1051.4490000000001</v>
      </c>
    </row>
    <row r="12509" spans="4:5" x14ac:dyDescent="0.25">
      <c r="D12509" s="6">
        <v>2946.09</v>
      </c>
      <c r="E12509" s="6">
        <v>2359.2220000000002</v>
      </c>
    </row>
    <row r="12510" spans="4:5" x14ac:dyDescent="0.25">
      <c r="D12510" s="6">
        <v>5731.8789999999999</v>
      </c>
      <c r="E12510" s="6">
        <v>430.41039999999998</v>
      </c>
    </row>
    <row r="12511" spans="4:5" x14ac:dyDescent="0.25">
      <c r="D12511" s="6">
        <v>883.38850000000002</v>
      </c>
      <c r="E12511" s="6">
        <v>2040.9159999999999</v>
      </c>
    </row>
    <row r="12512" spans="4:5" x14ac:dyDescent="0.25">
      <c r="D12512" s="6">
        <v>3167.8330000000001</v>
      </c>
      <c r="E12512" s="6">
        <v>640.64139999999998</v>
      </c>
    </row>
    <row r="12513" spans="4:5" x14ac:dyDescent="0.25">
      <c r="D12513" s="6">
        <v>2353.8739999999998</v>
      </c>
      <c r="E12513" s="6">
        <v>576.72730000000001</v>
      </c>
    </row>
    <row r="12514" spans="4:5" x14ac:dyDescent="0.25">
      <c r="D12514" s="6">
        <v>4451.4870000000001</v>
      </c>
      <c r="E12514" s="6">
        <v>177.01849999999999</v>
      </c>
    </row>
    <row r="12515" spans="4:5" x14ac:dyDescent="0.25">
      <c r="D12515" s="6">
        <v>2789.0639999999999</v>
      </c>
      <c r="E12515" s="6">
        <v>402.63529999999997</v>
      </c>
    </row>
    <row r="12516" spans="4:5" x14ac:dyDescent="0.25">
      <c r="D12516" s="6">
        <v>505.38929999999999</v>
      </c>
      <c r="E12516" s="6">
        <v>1642.66</v>
      </c>
    </row>
    <row r="12517" spans="4:5" x14ac:dyDescent="0.25">
      <c r="D12517" s="6">
        <v>2157.462</v>
      </c>
      <c r="E12517" s="6">
        <v>432.62569999999999</v>
      </c>
    </row>
    <row r="12518" spans="4:5" x14ac:dyDescent="0.25">
      <c r="D12518" s="6">
        <v>5076.1710000000003</v>
      </c>
      <c r="E12518" s="6">
        <v>578.31399999999996</v>
      </c>
    </row>
    <row r="12519" spans="4:5" x14ac:dyDescent="0.25">
      <c r="D12519" s="6">
        <v>1587</v>
      </c>
      <c r="E12519" s="6">
        <v>686.67309999999998</v>
      </c>
    </row>
    <row r="12520" spans="4:5" x14ac:dyDescent="0.25">
      <c r="D12520" s="6">
        <v>4263</v>
      </c>
      <c r="E12520" s="6">
        <v>4291.0249999999996</v>
      </c>
    </row>
    <row r="12521" spans="4:5" x14ac:dyDescent="0.25">
      <c r="D12521" s="6">
        <v>854.00699999999995</v>
      </c>
      <c r="E12521" s="6">
        <v>662.78779999999995</v>
      </c>
    </row>
    <row r="12522" spans="4:5" x14ac:dyDescent="0.25">
      <c r="D12522" s="6">
        <v>350.75</v>
      </c>
      <c r="E12522" s="6">
        <v>1036.4000000000001</v>
      </c>
    </row>
    <row r="12523" spans="4:5" x14ac:dyDescent="0.25">
      <c r="D12523" s="6">
        <v>791.36210000000005</v>
      </c>
      <c r="E12523" s="6">
        <v>8082.3289999999997</v>
      </c>
    </row>
    <row r="12524" spans="4:5" x14ac:dyDescent="0.25">
      <c r="D12524" s="6">
        <v>6358.125</v>
      </c>
      <c r="E12524" s="6">
        <v>444.91699999999997</v>
      </c>
    </row>
    <row r="12525" spans="4:5" x14ac:dyDescent="0.25">
      <c r="D12525" s="6">
        <v>1682.7429999999999</v>
      </c>
      <c r="E12525" s="6">
        <v>1885.692</v>
      </c>
    </row>
    <row r="12526" spans="4:5" x14ac:dyDescent="0.25">
      <c r="D12526" s="6">
        <v>522.36839999999995</v>
      </c>
      <c r="E12526" s="6">
        <v>1104.078</v>
      </c>
    </row>
    <row r="12527" spans="4:5" x14ac:dyDescent="0.25">
      <c r="D12527" s="6">
        <v>5062</v>
      </c>
      <c r="E12527" s="6">
        <v>5677.5519999999997</v>
      </c>
    </row>
    <row r="12528" spans="4:5" x14ac:dyDescent="0.25">
      <c r="D12528" s="6">
        <v>5832.7259999999997</v>
      </c>
      <c r="E12528" s="6">
        <v>428.74290000000002</v>
      </c>
    </row>
    <row r="12529" spans="4:5" x14ac:dyDescent="0.25">
      <c r="D12529" s="6">
        <v>580.5</v>
      </c>
      <c r="E12529" s="6">
        <v>787.93460000000005</v>
      </c>
    </row>
    <row r="12530" spans="4:5" x14ac:dyDescent="0.25">
      <c r="D12530" s="6">
        <v>6872.3050000000003</v>
      </c>
      <c r="E12530" s="6">
        <v>864.32169999999996</v>
      </c>
    </row>
    <row r="12531" spans="4:5" x14ac:dyDescent="0.25">
      <c r="D12531" s="6">
        <v>150.5556</v>
      </c>
      <c r="E12531" s="6">
        <v>570.33500000000004</v>
      </c>
    </row>
    <row r="12532" spans="4:5" x14ac:dyDescent="0.25">
      <c r="D12532" s="6">
        <v>3791.5839999999998</v>
      </c>
      <c r="E12532" s="6">
        <v>3827.5650000000001</v>
      </c>
    </row>
    <row r="12533" spans="4:5" x14ac:dyDescent="0.25">
      <c r="D12533" s="6">
        <v>3933.7269999999999</v>
      </c>
      <c r="E12533" s="6">
        <v>164.6233</v>
      </c>
    </row>
    <row r="12534" spans="4:5" x14ac:dyDescent="0.25">
      <c r="D12534" s="6">
        <v>3241.518</v>
      </c>
      <c r="E12534" s="6">
        <v>697</v>
      </c>
    </row>
    <row r="12535" spans="4:5" x14ac:dyDescent="0.25">
      <c r="D12535" s="6">
        <v>613.0693</v>
      </c>
      <c r="E12535" s="6">
        <v>979</v>
      </c>
    </row>
    <row r="12536" spans="4:5" x14ac:dyDescent="0.25">
      <c r="D12536" s="6">
        <v>386.90910000000002</v>
      </c>
      <c r="E12536" s="6">
        <v>361.89190000000002</v>
      </c>
    </row>
    <row r="12537" spans="4:5" x14ac:dyDescent="0.25">
      <c r="D12537" s="6">
        <v>559.86199999999997</v>
      </c>
      <c r="E12537" s="6">
        <v>2523.623</v>
      </c>
    </row>
    <row r="12538" spans="4:5" x14ac:dyDescent="0.25">
      <c r="D12538" s="6">
        <v>7886.2</v>
      </c>
      <c r="E12538" s="6">
        <v>410.43189999999998</v>
      </c>
    </row>
    <row r="12539" spans="4:5" x14ac:dyDescent="0.25">
      <c r="D12539" s="6">
        <v>8271.6090000000004</v>
      </c>
      <c r="E12539" s="6">
        <v>7238.4809999999998</v>
      </c>
    </row>
    <row r="12540" spans="4:5" x14ac:dyDescent="0.25">
      <c r="D12540" s="6">
        <v>5809.2640000000001</v>
      </c>
      <c r="E12540" s="6">
        <v>284.20690000000002</v>
      </c>
    </row>
    <row r="12541" spans="4:5" x14ac:dyDescent="0.25">
      <c r="D12541" s="6">
        <v>570.89210000000003</v>
      </c>
      <c r="E12541" s="6">
        <v>994.22699999999998</v>
      </c>
    </row>
    <row r="12542" spans="4:5" x14ac:dyDescent="0.25">
      <c r="D12542" s="6">
        <v>6488.5</v>
      </c>
      <c r="E12542" s="6">
        <v>772.5</v>
      </c>
    </row>
    <row r="12543" spans="4:5" x14ac:dyDescent="0.25">
      <c r="D12543" s="6">
        <v>5977.5169999999998</v>
      </c>
      <c r="E12543" s="6">
        <v>7967.3320000000003</v>
      </c>
    </row>
    <row r="12544" spans="4:5" x14ac:dyDescent="0.25">
      <c r="D12544" s="6">
        <v>299.83330000000001</v>
      </c>
      <c r="E12544" s="6">
        <v>625.44749999999999</v>
      </c>
    </row>
    <row r="12545" spans="4:5" x14ac:dyDescent="0.25">
      <c r="D12545" s="6">
        <v>5247.6790000000001</v>
      </c>
      <c r="E12545" s="6">
        <v>1255.857</v>
      </c>
    </row>
    <row r="12546" spans="4:5" x14ac:dyDescent="0.25">
      <c r="D12546" s="6">
        <v>759.01469999999995</v>
      </c>
      <c r="E12546" s="6">
        <v>6446.5389999999998</v>
      </c>
    </row>
    <row r="12547" spans="4:5" x14ac:dyDescent="0.25">
      <c r="D12547" s="6">
        <v>6038.7150000000001</v>
      </c>
      <c r="E12547" s="6">
        <v>748.37940000000003</v>
      </c>
    </row>
    <row r="12548" spans="4:5" x14ac:dyDescent="0.25">
      <c r="D12548" s="6">
        <v>8100.7060000000001</v>
      </c>
      <c r="E12548" s="6">
        <v>513.64559999999994</v>
      </c>
    </row>
    <row r="12549" spans="4:5" x14ac:dyDescent="0.25">
      <c r="D12549" s="6">
        <v>2545.6350000000002</v>
      </c>
      <c r="E12549" s="6">
        <v>560.78880000000004</v>
      </c>
    </row>
    <row r="12550" spans="4:5" x14ac:dyDescent="0.25">
      <c r="D12550" s="6">
        <v>796.59</v>
      </c>
      <c r="E12550" s="6">
        <v>181.64410000000001</v>
      </c>
    </row>
    <row r="12551" spans="4:5" x14ac:dyDescent="0.25">
      <c r="D12551" s="6">
        <v>4095</v>
      </c>
      <c r="E12551" s="6">
        <v>615.54250000000002</v>
      </c>
    </row>
    <row r="12552" spans="4:5" x14ac:dyDescent="0.25">
      <c r="D12552" s="6">
        <v>5202.4530000000004</v>
      </c>
      <c r="E12552" s="6">
        <v>626.76869999999997</v>
      </c>
    </row>
    <row r="12553" spans="4:5" x14ac:dyDescent="0.25">
      <c r="D12553" s="6">
        <v>4140.2560000000003</v>
      </c>
      <c r="E12553" s="6">
        <v>556.63589999999999</v>
      </c>
    </row>
    <row r="12554" spans="4:5" x14ac:dyDescent="0.25">
      <c r="D12554" s="6">
        <v>692.63059999999996</v>
      </c>
      <c r="E12554" s="6">
        <v>580.43150000000003</v>
      </c>
    </row>
    <row r="12555" spans="4:5" x14ac:dyDescent="0.25">
      <c r="D12555" s="6">
        <v>251.8407</v>
      </c>
      <c r="E12555" s="6">
        <v>395.22120000000001</v>
      </c>
    </row>
    <row r="12556" spans="4:5" x14ac:dyDescent="0.25">
      <c r="D12556" s="6">
        <v>360.49639999999999</v>
      </c>
      <c r="E12556" s="6">
        <v>2402.924</v>
      </c>
    </row>
    <row r="12557" spans="4:5" x14ac:dyDescent="0.25">
      <c r="D12557" s="6">
        <v>4586</v>
      </c>
      <c r="E12557" s="6">
        <v>5895.6670000000004</v>
      </c>
    </row>
    <row r="12558" spans="4:5" x14ac:dyDescent="0.25">
      <c r="D12558" s="6">
        <v>541.55290000000002</v>
      </c>
      <c r="E12558" s="6">
        <v>7611.3329999999996</v>
      </c>
    </row>
    <row r="12559" spans="4:5" x14ac:dyDescent="0.25">
      <c r="D12559" s="6">
        <v>1009</v>
      </c>
      <c r="E12559" s="6">
        <v>376.11239999999998</v>
      </c>
    </row>
    <row r="12560" spans="4:5" x14ac:dyDescent="0.25">
      <c r="D12560" s="6">
        <v>352.52629999999999</v>
      </c>
      <c r="E12560" s="6">
        <v>446.5</v>
      </c>
    </row>
    <row r="12561" spans="4:5" x14ac:dyDescent="0.25">
      <c r="D12561" s="6">
        <v>7180.7179999999998</v>
      </c>
      <c r="E12561" s="6">
        <v>742.69230000000005</v>
      </c>
    </row>
    <row r="12562" spans="4:5" x14ac:dyDescent="0.25">
      <c r="D12562" s="6">
        <v>726.5</v>
      </c>
      <c r="E12562" s="6">
        <v>4147.6499999999996</v>
      </c>
    </row>
    <row r="12563" spans="4:5" x14ac:dyDescent="0.25">
      <c r="D12563" s="6">
        <v>4410.3919999999998</v>
      </c>
      <c r="E12563" s="6">
        <v>574.69820000000004</v>
      </c>
    </row>
    <row r="12564" spans="4:5" x14ac:dyDescent="0.25">
      <c r="D12564" s="6">
        <v>805.28300000000002</v>
      </c>
      <c r="E12564" s="6">
        <v>8414.4740000000002</v>
      </c>
    </row>
    <row r="12565" spans="4:5" x14ac:dyDescent="0.25">
      <c r="D12565" s="6">
        <v>2549.7820000000002</v>
      </c>
      <c r="E12565" s="6">
        <v>3410.13</v>
      </c>
    </row>
    <row r="12566" spans="4:5" x14ac:dyDescent="0.25">
      <c r="D12566" s="6">
        <v>1039.0540000000001</v>
      </c>
      <c r="E12566" s="6">
        <v>5246.0029999999997</v>
      </c>
    </row>
    <row r="12567" spans="4:5" x14ac:dyDescent="0.25">
      <c r="D12567" s="6">
        <v>2012.653</v>
      </c>
      <c r="E12567" s="6">
        <v>5699.9780000000001</v>
      </c>
    </row>
    <row r="12568" spans="4:5" x14ac:dyDescent="0.25">
      <c r="D12568" s="6">
        <v>850</v>
      </c>
      <c r="E12568" s="6">
        <v>1141.3409999999999</v>
      </c>
    </row>
    <row r="12569" spans="4:5" x14ac:dyDescent="0.25">
      <c r="D12569" s="6">
        <v>675.33889999999997</v>
      </c>
      <c r="E12569" s="6">
        <v>5416.652</v>
      </c>
    </row>
    <row r="12570" spans="4:5" x14ac:dyDescent="0.25">
      <c r="D12570" s="6">
        <v>2634.9490000000001</v>
      </c>
      <c r="E12570" s="6">
        <v>2228.598</v>
      </c>
    </row>
    <row r="12571" spans="4:5" x14ac:dyDescent="0.25">
      <c r="D12571" s="6">
        <v>4657.6670000000004</v>
      </c>
      <c r="E12571" s="6">
        <v>5841.7740000000003</v>
      </c>
    </row>
    <row r="12572" spans="4:5" x14ac:dyDescent="0.25">
      <c r="D12572" s="6">
        <v>4548.3680000000004</v>
      </c>
      <c r="E12572" s="6">
        <v>397.34879999999998</v>
      </c>
    </row>
    <row r="12573" spans="4:5" x14ac:dyDescent="0.25">
      <c r="D12573" s="6">
        <v>1371.4290000000001</v>
      </c>
      <c r="E12573" s="6">
        <v>439.29509999999999</v>
      </c>
    </row>
    <row r="12574" spans="4:5" x14ac:dyDescent="0.25">
      <c r="D12574" s="6">
        <v>2692.2689999999998</v>
      </c>
      <c r="E12574" s="6">
        <v>2179.585</v>
      </c>
    </row>
    <row r="12575" spans="4:5" x14ac:dyDescent="0.25">
      <c r="D12575" s="6">
        <v>597.81219999999996</v>
      </c>
      <c r="E12575" s="6">
        <v>621.00189999999998</v>
      </c>
    </row>
    <row r="12576" spans="4:5" x14ac:dyDescent="0.25">
      <c r="D12576" s="6">
        <v>224.3039</v>
      </c>
      <c r="E12576" s="6">
        <v>1333.865</v>
      </c>
    </row>
    <row r="12577" spans="4:5" x14ac:dyDescent="0.25">
      <c r="D12577" s="6">
        <v>549.32489999999996</v>
      </c>
      <c r="E12577" s="6">
        <v>3533</v>
      </c>
    </row>
    <row r="12578" spans="4:5" x14ac:dyDescent="0.25">
      <c r="D12578" s="6">
        <v>457.89179999999999</v>
      </c>
      <c r="E12578" s="6">
        <v>1029.4860000000001</v>
      </c>
    </row>
    <row r="12579" spans="4:5" x14ac:dyDescent="0.25">
      <c r="D12579" s="6">
        <v>465.44260000000003</v>
      </c>
      <c r="E12579" s="6">
        <v>385.2</v>
      </c>
    </row>
    <row r="12580" spans="4:5" x14ac:dyDescent="0.25">
      <c r="D12580" s="6">
        <v>1481.4</v>
      </c>
      <c r="E12580" s="6">
        <v>719.71939999999995</v>
      </c>
    </row>
    <row r="12581" spans="4:5" x14ac:dyDescent="0.25">
      <c r="D12581" s="6">
        <v>6748.6130000000003</v>
      </c>
      <c r="E12581" s="6">
        <v>5770.4719999999998</v>
      </c>
    </row>
    <row r="12582" spans="4:5" x14ac:dyDescent="0.25">
      <c r="D12582" s="6">
        <v>410.44499999999999</v>
      </c>
      <c r="E12582" s="6">
        <v>634.34360000000004</v>
      </c>
    </row>
    <row r="12583" spans="4:5" x14ac:dyDescent="0.25">
      <c r="D12583" s="6">
        <v>235.83459999999999</v>
      </c>
      <c r="E12583" s="6">
        <v>6408.3130000000001</v>
      </c>
    </row>
    <row r="12584" spans="4:5" x14ac:dyDescent="0.25">
      <c r="D12584" s="6">
        <v>409.88659999999999</v>
      </c>
      <c r="E12584" s="6">
        <v>3761.9369999999999</v>
      </c>
    </row>
    <row r="12585" spans="4:5" x14ac:dyDescent="0.25">
      <c r="D12585" s="6">
        <v>1944.5</v>
      </c>
      <c r="E12585" s="6">
        <v>362.82339999999999</v>
      </c>
    </row>
    <row r="12586" spans="4:5" x14ac:dyDescent="0.25">
      <c r="D12586" s="6">
        <v>395.52519999999998</v>
      </c>
      <c r="E12586" s="6">
        <v>2645.114</v>
      </c>
    </row>
    <row r="12587" spans="4:5" x14ac:dyDescent="0.25">
      <c r="D12587" s="6">
        <v>1756.576</v>
      </c>
      <c r="E12587" s="6">
        <v>434.27949999999998</v>
      </c>
    </row>
    <row r="12588" spans="4:5" x14ac:dyDescent="0.25">
      <c r="D12588" s="6">
        <v>720.94179999999994</v>
      </c>
      <c r="E12588" s="6">
        <v>931.84699999999998</v>
      </c>
    </row>
    <row r="12589" spans="4:5" x14ac:dyDescent="0.25">
      <c r="D12589" s="6">
        <v>1039.7739999999999</v>
      </c>
      <c r="E12589" s="6">
        <v>728.49760000000003</v>
      </c>
    </row>
    <row r="12590" spans="4:5" x14ac:dyDescent="0.25">
      <c r="D12590" s="6">
        <v>564.68150000000003</v>
      </c>
      <c r="E12590" s="6">
        <v>11752.05</v>
      </c>
    </row>
    <row r="12591" spans="4:5" x14ac:dyDescent="0.25">
      <c r="D12591" s="6">
        <v>4063.375</v>
      </c>
      <c r="E12591" s="6">
        <v>4688.9539999999997</v>
      </c>
    </row>
    <row r="12592" spans="4:5" x14ac:dyDescent="0.25">
      <c r="D12592" s="6">
        <v>3701</v>
      </c>
      <c r="E12592" s="6">
        <v>280.4255</v>
      </c>
    </row>
    <row r="12593" spans="4:5" x14ac:dyDescent="0.25">
      <c r="D12593" s="6">
        <v>174.53720000000001</v>
      </c>
      <c r="E12593" s="6">
        <v>3893.3069999999998</v>
      </c>
    </row>
    <row r="12594" spans="4:5" x14ac:dyDescent="0.25">
      <c r="D12594" s="6">
        <v>4476.4380000000001</v>
      </c>
      <c r="E12594" s="6">
        <v>926.84389999999996</v>
      </c>
    </row>
    <row r="12595" spans="4:5" x14ac:dyDescent="0.25">
      <c r="D12595" s="6">
        <v>870.01400000000001</v>
      </c>
      <c r="E12595" s="6">
        <v>5608.8</v>
      </c>
    </row>
    <row r="12596" spans="4:5" x14ac:dyDescent="0.25">
      <c r="D12596" s="6">
        <v>4446.5320000000002</v>
      </c>
      <c r="E12596" s="6">
        <v>730.76</v>
      </c>
    </row>
    <row r="12597" spans="4:5" x14ac:dyDescent="0.25">
      <c r="D12597" s="6">
        <v>518.66210000000001</v>
      </c>
      <c r="E12597" s="6">
        <v>1561.9010000000001</v>
      </c>
    </row>
    <row r="12598" spans="4:5" x14ac:dyDescent="0.25">
      <c r="D12598" s="6">
        <v>922.13559999999995</v>
      </c>
      <c r="E12598" s="6">
        <v>943.89430000000004</v>
      </c>
    </row>
    <row r="12599" spans="4:5" x14ac:dyDescent="0.25">
      <c r="D12599" s="6">
        <v>1140.415</v>
      </c>
      <c r="E12599" s="6">
        <v>402.74340000000001</v>
      </c>
    </row>
    <row r="12600" spans="4:5" x14ac:dyDescent="0.25">
      <c r="D12600" s="6">
        <v>647.69569999999999</v>
      </c>
      <c r="E12600" s="6">
        <v>3322.3919999999998</v>
      </c>
    </row>
    <row r="12601" spans="4:5" x14ac:dyDescent="0.25">
      <c r="D12601" s="6">
        <v>5245.7370000000001</v>
      </c>
      <c r="E12601" s="6">
        <v>789.2</v>
      </c>
    </row>
    <row r="12602" spans="4:5" x14ac:dyDescent="0.25">
      <c r="D12602" s="6">
        <v>3235.2469999999998</v>
      </c>
      <c r="E12602" s="6">
        <v>807.5</v>
      </c>
    </row>
    <row r="12603" spans="4:5" x14ac:dyDescent="0.25">
      <c r="D12603" s="6">
        <v>308.52629999999999</v>
      </c>
      <c r="E12603" s="6">
        <v>437.20690000000002</v>
      </c>
    </row>
    <row r="12604" spans="4:5" x14ac:dyDescent="0.25">
      <c r="D12604" s="6">
        <v>5826.18</v>
      </c>
      <c r="E12604" s="6">
        <v>5756.9089999999997</v>
      </c>
    </row>
    <row r="12605" spans="4:5" x14ac:dyDescent="0.25">
      <c r="D12605" s="6">
        <v>232.83920000000001</v>
      </c>
      <c r="E12605" s="6">
        <v>914.19929999999999</v>
      </c>
    </row>
    <row r="12606" spans="4:5" x14ac:dyDescent="0.25">
      <c r="D12606" s="6">
        <v>6303.5</v>
      </c>
      <c r="E12606" s="6">
        <v>1118.6310000000001</v>
      </c>
    </row>
    <row r="12607" spans="4:5" x14ac:dyDescent="0.25">
      <c r="D12607" s="6">
        <v>539.81730000000005</v>
      </c>
      <c r="E12607" s="6">
        <v>9939.9889999999996</v>
      </c>
    </row>
    <row r="12608" spans="4:5" x14ac:dyDescent="0.25">
      <c r="D12608" s="6">
        <v>550.17430000000002</v>
      </c>
      <c r="E12608" s="6">
        <v>1019.996</v>
      </c>
    </row>
    <row r="12609" spans="4:5" x14ac:dyDescent="0.25">
      <c r="D12609" s="6">
        <v>1297.1489999999999</v>
      </c>
      <c r="E12609" s="6">
        <v>217.66370000000001</v>
      </c>
    </row>
    <row r="12610" spans="4:5" x14ac:dyDescent="0.25">
      <c r="D12610" s="6">
        <v>351.89580000000001</v>
      </c>
      <c r="E12610" s="6">
        <v>388.68529999999998</v>
      </c>
    </row>
    <row r="12611" spans="4:5" x14ac:dyDescent="0.25">
      <c r="D12611" s="6">
        <v>4058</v>
      </c>
      <c r="E12611" s="6">
        <v>669.87270000000001</v>
      </c>
    </row>
    <row r="12612" spans="4:5" x14ac:dyDescent="0.25">
      <c r="D12612" s="6">
        <v>458.99459999999999</v>
      </c>
      <c r="E12612" s="6">
        <v>8219.5</v>
      </c>
    </row>
    <row r="12613" spans="4:5" x14ac:dyDescent="0.25">
      <c r="D12613" s="6">
        <v>342</v>
      </c>
      <c r="E12613" s="6">
        <v>1476.472</v>
      </c>
    </row>
    <row r="12614" spans="4:5" x14ac:dyDescent="0.25">
      <c r="D12614" s="6">
        <v>640.5</v>
      </c>
      <c r="E12614" s="6">
        <v>642.8184</v>
      </c>
    </row>
    <row r="12615" spans="4:5" x14ac:dyDescent="0.25">
      <c r="D12615" s="6">
        <v>946.00279999999998</v>
      </c>
      <c r="E12615" s="6">
        <v>819.02679999999998</v>
      </c>
    </row>
    <row r="12616" spans="4:5" x14ac:dyDescent="0.25">
      <c r="D12616" s="6">
        <v>511.6474</v>
      </c>
      <c r="E12616" s="6">
        <v>330.6</v>
      </c>
    </row>
    <row r="12617" spans="4:5" x14ac:dyDescent="0.25">
      <c r="D12617" s="6">
        <v>1132.059</v>
      </c>
      <c r="E12617" s="6">
        <v>970.072</v>
      </c>
    </row>
    <row r="12618" spans="4:5" x14ac:dyDescent="0.25">
      <c r="D12618" s="6">
        <v>833.48530000000005</v>
      </c>
      <c r="E12618" s="6">
        <v>2314.8670000000002</v>
      </c>
    </row>
    <row r="12619" spans="4:5" x14ac:dyDescent="0.25">
      <c r="D12619" s="6">
        <v>9194.3060000000005</v>
      </c>
      <c r="E12619" s="6">
        <v>345.94119999999998</v>
      </c>
    </row>
    <row r="12620" spans="4:5" x14ac:dyDescent="0.25">
      <c r="D12620" s="6">
        <v>707.54110000000003</v>
      </c>
      <c r="E12620" s="6">
        <v>400.875</v>
      </c>
    </row>
    <row r="12621" spans="4:5" x14ac:dyDescent="0.25">
      <c r="D12621" s="6">
        <v>2262.54</v>
      </c>
      <c r="E12621" s="6">
        <v>1082.348</v>
      </c>
    </row>
    <row r="12622" spans="4:5" x14ac:dyDescent="0.25">
      <c r="D12622" s="6">
        <v>354.1105</v>
      </c>
      <c r="E12622" s="6">
        <v>1051.117</v>
      </c>
    </row>
    <row r="12623" spans="4:5" x14ac:dyDescent="0.25">
      <c r="D12623" s="6">
        <v>1064.961</v>
      </c>
      <c r="E12623" s="6">
        <v>2016.223</v>
      </c>
    </row>
    <row r="12624" spans="4:5" x14ac:dyDescent="0.25">
      <c r="D12624" s="6">
        <v>2519.2539999999999</v>
      </c>
      <c r="E12624" s="6">
        <v>353.67070000000001</v>
      </c>
    </row>
    <row r="12625" spans="4:5" x14ac:dyDescent="0.25">
      <c r="D12625" s="6">
        <v>3217.0810000000001</v>
      </c>
      <c r="E12625" s="6">
        <v>1197.357</v>
      </c>
    </row>
    <row r="12626" spans="4:5" x14ac:dyDescent="0.25">
      <c r="D12626" s="6">
        <v>653.14080000000001</v>
      </c>
      <c r="E12626" s="6">
        <v>4906.7079999999996</v>
      </c>
    </row>
    <row r="12627" spans="4:5" x14ac:dyDescent="0.25">
      <c r="D12627" s="6">
        <v>1986.37</v>
      </c>
      <c r="E12627" s="6">
        <v>732.93409999999994</v>
      </c>
    </row>
    <row r="12628" spans="4:5" x14ac:dyDescent="0.25">
      <c r="D12628" s="6">
        <v>2759.9029999999998</v>
      </c>
      <c r="E12628" s="6">
        <v>981.71500000000003</v>
      </c>
    </row>
    <row r="12629" spans="4:5" x14ac:dyDescent="0.25">
      <c r="D12629" s="6">
        <v>1166.973</v>
      </c>
      <c r="E12629" s="6">
        <v>3445.2550000000001</v>
      </c>
    </row>
    <row r="12630" spans="4:5" x14ac:dyDescent="0.25">
      <c r="D12630" s="6">
        <v>442.8861</v>
      </c>
      <c r="E12630" s="6">
        <v>3463</v>
      </c>
    </row>
    <row r="12631" spans="4:5" x14ac:dyDescent="0.25">
      <c r="D12631" s="6">
        <v>741.99080000000004</v>
      </c>
      <c r="E12631" s="6">
        <v>225.02099999999999</v>
      </c>
    </row>
    <row r="12632" spans="4:5" x14ac:dyDescent="0.25">
      <c r="D12632" s="6">
        <v>593.11440000000005</v>
      </c>
      <c r="E12632" s="6">
        <v>1859.5450000000001</v>
      </c>
    </row>
    <row r="12633" spans="4:5" x14ac:dyDescent="0.25">
      <c r="D12633" s="6">
        <v>671.37630000000001</v>
      </c>
      <c r="E12633" s="6">
        <v>2341.59</v>
      </c>
    </row>
    <row r="12634" spans="4:5" x14ac:dyDescent="0.25">
      <c r="D12634" s="6">
        <v>1574.8689999999999</v>
      </c>
      <c r="E12634" s="6">
        <v>3757.5</v>
      </c>
    </row>
    <row r="12635" spans="4:5" x14ac:dyDescent="0.25">
      <c r="D12635" s="6">
        <v>2580.857</v>
      </c>
      <c r="E12635" s="6">
        <v>5199.8969999999999</v>
      </c>
    </row>
    <row r="12636" spans="4:5" x14ac:dyDescent="0.25">
      <c r="D12636" s="6">
        <v>1119.971</v>
      </c>
      <c r="E12636" s="6">
        <v>365.7398</v>
      </c>
    </row>
    <row r="12637" spans="4:5" x14ac:dyDescent="0.25">
      <c r="D12637" s="6">
        <v>342.4513</v>
      </c>
      <c r="E12637" s="6">
        <v>471.8442</v>
      </c>
    </row>
    <row r="12638" spans="4:5" x14ac:dyDescent="0.25">
      <c r="D12638" s="6">
        <v>3658.4769999999999</v>
      </c>
      <c r="E12638" s="6">
        <v>388.33019999999999</v>
      </c>
    </row>
    <row r="12639" spans="4:5" x14ac:dyDescent="0.25">
      <c r="D12639" s="6">
        <v>616.38800000000003</v>
      </c>
      <c r="E12639" s="6">
        <v>7448.9660000000003</v>
      </c>
    </row>
    <row r="12640" spans="4:5" x14ac:dyDescent="0.25">
      <c r="D12640" s="6">
        <v>790.85709999999995</v>
      </c>
      <c r="E12640" s="6">
        <v>2667.203</v>
      </c>
    </row>
    <row r="12641" spans="4:5" x14ac:dyDescent="0.25">
      <c r="D12641" s="6">
        <v>5064.6790000000001</v>
      </c>
      <c r="E12641" s="6">
        <v>727</v>
      </c>
    </row>
    <row r="12642" spans="4:5" x14ac:dyDescent="0.25">
      <c r="D12642" s="6">
        <v>520.74950000000001</v>
      </c>
      <c r="E12642" s="6">
        <v>162.25819999999999</v>
      </c>
    </row>
    <row r="12643" spans="4:5" x14ac:dyDescent="0.25">
      <c r="D12643" s="6">
        <v>489.55560000000003</v>
      </c>
      <c r="E12643" s="6">
        <v>542.99170000000004</v>
      </c>
    </row>
    <row r="12644" spans="4:5" x14ac:dyDescent="0.25">
      <c r="D12644" s="6">
        <v>525.75580000000002</v>
      </c>
      <c r="E12644" s="6">
        <v>451.8655</v>
      </c>
    </row>
    <row r="12645" spans="4:5" x14ac:dyDescent="0.25">
      <c r="D12645" s="6">
        <v>952.26909999999998</v>
      </c>
      <c r="E12645" s="6">
        <v>529.03959999999995</v>
      </c>
    </row>
    <row r="12646" spans="4:5" x14ac:dyDescent="0.25">
      <c r="D12646" s="6">
        <v>375.80950000000001</v>
      </c>
      <c r="E12646" s="6">
        <v>653.94770000000005</v>
      </c>
    </row>
    <row r="12647" spans="4:5" x14ac:dyDescent="0.25">
      <c r="D12647" s="6">
        <v>928.41660000000002</v>
      </c>
      <c r="E12647" s="6">
        <v>1228.1120000000001</v>
      </c>
    </row>
    <row r="12648" spans="4:5" x14ac:dyDescent="0.25">
      <c r="D12648" s="6">
        <v>422.6472</v>
      </c>
      <c r="E12648" s="6">
        <v>5593.8329999999996</v>
      </c>
    </row>
    <row r="12649" spans="4:5" x14ac:dyDescent="0.25">
      <c r="D12649" s="6">
        <v>4413.7299999999996</v>
      </c>
      <c r="E12649" s="6">
        <v>10788.92</v>
      </c>
    </row>
    <row r="12650" spans="4:5" x14ac:dyDescent="0.25">
      <c r="D12650" s="6">
        <v>926.26959999999997</v>
      </c>
      <c r="E12650" s="6">
        <v>5256.3969999999999</v>
      </c>
    </row>
    <row r="12651" spans="4:5" x14ac:dyDescent="0.25">
      <c r="D12651" s="6">
        <v>488.78870000000001</v>
      </c>
      <c r="E12651" s="6">
        <v>165.7491</v>
      </c>
    </row>
    <row r="12652" spans="4:5" x14ac:dyDescent="0.25">
      <c r="D12652" s="6">
        <v>3161.44</v>
      </c>
      <c r="E12652" s="6">
        <v>516.33330000000001</v>
      </c>
    </row>
    <row r="12653" spans="4:5" x14ac:dyDescent="0.25">
      <c r="D12653" s="6">
        <v>2803.002</v>
      </c>
      <c r="E12653" s="6">
        <v>392.40679999999998</v>
      </c>
    </row>
    <row r="12654" spans="4:5" x14ac:dyDescent="0.25">
      <c r="D12654" s="6">
        <v>6480.6670000000004</v>
      </c>
      <c r="E12654" s="6">
        <v>312.18540000000002</v>
      </c>
    </row>
    <row r="12655" spans="4:5" x14ac:dyDescent="0.25">
      <c r="D12655" s="6">
        <v>1344.432</v>
      </c>
      <c r="E12655" s="6">
        <v>4186.116</v>
      </c>
    </row>
    <row r="12656" spans="4:5" x14ac:dyDescent="0.25">
      <c r="D12656" s="6">
        <v>1185.366</v>
      </c>
      <c r="E12656" s="6">
        <v>369.24130000000002</v>
      </c>
    </row>
    <row r="12657" spans="4:5" x14ac:dyDescent="0.25">
      <c r="D12657" s="6">
        <v>446.67469999999997</v>
      </c>
      <c r="E12657" s="6">
        <v>7797.0330000000004</v>
      </c>
    </row>
    <row r="12658" spans="4:5" x14ac:dyDescent="0.25">
      <c r="D12658" s="6">
        <v>899.33500000000004</v>
      </c>
      <c r="E12658" s="6">
        <v>2021.009</v>
      </c>
    </row>
    <row r="12659" spans="4:5" x14ac:dyDescent="0.25">
      <c r="D12659" s="6">
        <v>3366.6190000000001</v>
      </c>
      <c r="E12659" s="6">
        <v>1348.991</v>
      </c>
    </row>
    <row r="12660" spans="4:5" x14ac:dyDescent="0.25">
      <c r="D12660" s="6">
        <v>730.72090000000003</v>
      </c>
      <c r="E12660" s="6">
        <v>651.19510000000002</v>
      </c>
    </row>
    <row r="12661" spans="4:5" x14ac:dyDescent="0.25">
      <c r="D12661" s="6">
        <v>357</v>
      </c>
      <c r="E12661" s="6">
        <v>622.59770000000003</v>
      </c>
    </row>
    <row r="12662" spans="4:5" x14ac:dyDescent="0.25">
      <c r="D12662" s="6">
        <v>956.46180000000004</v>
      </c>
      <c r="E12662" s="6">
        <v>767.66669999999999</v>
      </c>
    </row>
    <row r="12663" spans="4:5" x14ac:dyDescent="0.25">
      <c r="D12663" s="6">
        <v>648.40470000000005</v>
      </c>
      <c r="E12663" s="6">
        <v>929.66890000000001</v>
      </c>
    </row>
    <row r="12664" spans="4:5" x14ac:dyDescent="0.25">
      <c r="D12664" s="6">
        <v>1196.163</v>
      </c>
      <c r="E12664" s="6">
        <v>1045.559</v>
      </c>
    </row>
    <row r="12665" spans="4:5" x14ac:dyDescent="0.25">
      <c r="D12665" s="6">
        <v>487.32119999999998</v>
      </c>
      <c r="E12665" s="6">
        <v>4411.1540000000005</v>
      </c>
    </row>
    <row r="12666" spans="4:5" x14ac:dyDescent="0.25">
      <c r="D12666" s="6">
        <v>314.57619999999997</v>
      </c>
      <c r="E12666" s="6">
        <v>521.99869999999999</v>
      </c>
    </row>
    <row r="12667" spans="4:5" x14ac:dyDescent="0.25">
      <c r="D12667" s="6">
        <v>584.00149999999996</v>
      </c>
      <c r="E12667" s="6">
        <v>3607</v>
      </c>
    </row>
    <row r="12668" spans="4:5" x14ac:dyDescent="0.25">
      <c r="D12668" s="6">
        <v>798.35720000000003</v>
      </c>
      <c r="E12668" s="6">
        <v>1303.8810000000001</v>
      </c>
    </row>
    <row r="12669" spans="4:5" x14ac:dyDescent="0.25">
      <c r="D12669" s="6">
        <v>705.46069999999997</v>
      </c>
      <c r="E12669" s="6">
        <v>2864.92</v>
      </c>
    </row>
    <row r="12670" spans="4:5" x14ac:dyDescent="0.25">
      <c r="D12670" s="6">
        <v>1467.1420000000001</v>
      </c>
      <c r="E12670" s="6">
        <v>520.40920000000006</v>
      </c>
    </row>
    <row r="12671" spans="4:5" x14ac:dyDescent="0.25">
      <c r="D12671" s="6">
        <v>3822.1039999999998</v>
      </c>
      <c r="E12671" s="6">
        <v>4047.047</v>
      </c>
    </row>
    <row r="12672" spans="4:5" x14ac:dyDescent="0.25">
      <c r="D12672" s="6">
        <v>230.97880000000001</v>
      </c>
      <c r="E12672" s="6">
        <v>4826.2749999999996</v>
      </c>
    </row>
    <row r="12673" spans="4:5" x14ac:dyDescent="0.25">
      <c r="D12673" s="6">
        <v>473.03629999999998</v>
      </c>
      <c r="E12673" s="6">
        <v>160.82769999999999</v>
      </c>
    </row>
    <row r="12674" spans="4:5" x14ac:dyDescent="0.25">
      <c r="D12674" s="6">
        <v>915.41340000000002</v>
      </c>
      <c r="E12674" s="6">
        <v>1084.6949999999999</v>
      </c>
    </row>
    <row r="12675" spans="4:5" x14ac:dyDescent="0.25">
      <c r="D12675" s="6">
        <v>223.9889</v>
      </c>
      <c r="E12675" s="6">
        <v>1099.6600000000001</v>
      </c>
    </row>
    <row r="12676" spans="4:5" x14ac:dyDescent="0.25">
      <c r="D12676" s="6">
        <v>3036.3850000000002</v>
      </c>
      <c r="E12676" s="6">
        <v>486.33330000000001</v>
      </c>
    </row>
    <row r="12677" spans="4:5" x14ac:dyDescent="0.25">
      <c r="D12677" s="6">
        <v>507.46050000000002</v>
      </c>
      <c r="E12677" s="6">
        <v>1820.748</v>
      </c>
    </row>
    <row r="12678" spans="4:5" x14ac:dyDescent="0.25">
      <c r="D12678" s="6">
        <v>671.49609999999996</v>
      </c>
      <c r="E12678" s="6">
        <v>297.66669999999999</v>
      </c>
    </row>
    <row r="12679" spans="4:5" x14ac:dyDescent="0.25">
      <c r="D12679" s="6">
        <v>152.71379999999999</v>
      </c>
      <c r="E12679" s="6">
        <v>763.58600000000001</v>
      </c>
    </row>
    <row r="12680" spans="4:5" x14ac:dyDescent="0.25">
      <c r="D12680" s="6">
        <v>560.19129999999996</v>
      </c>
      <c r="E12680" s="6">
        <v>152.78909999999999</v>
      </c>
    </row>
    <row r="12681" spans="4:5" x14ac:dyDescent="0.25">
      <c r="D12681" s="6">
        <v>1080.2270000000001</v>
      </c>
      <c r="E12681" s="6">
        <v>3615.7750000000001</v>
      </c>
    </row>
    <row r="12682" spans="4:5" x14ac:dyDescent="0.25">
      <c r="D12682" s="6">
        <v>936.4</v>
      </c>
      <c r="E12682" s="6">
        <v>166.99250000000001</v>
      </c>
    </row>
    <row r="12683" spans="4:5" x14ac:dyDescent="0.25">
      <c r="D12683" s="6">
        <v>3176.6</v>
      </c>
      <c r="E12683" s="6">
        <v>1199.5709999999999</v>
      </c>
    </row>
    <row r="12684" spans="4:5" x14ac:dyDescent="0.25">
      <c r="D12684" s="6">
        <v>463.34230000000002</v>
      </c>
      <c r="E12684" s="6">
        <v>445.47640000000001</v>
      </c>
    </row>
    <row r="12685" spans="4:5" x14ac:dyDescent="0.25">
      <c r="D12685" s="6">
        <v>525.28560000000004</v>
      </c>
      <c r="E12685" s="6">
        <v>346.69479999999999</v>
      </c>
    </row>
    <row r="12686" spans="4:5" x14ac:dyDescent="0.25">
      <c r="D12686" s="6">
        <v>3330.7139999999999</v>
      </c>
      <c r="E12686" s="6">
        <v>508.37040000000002</v>
      </c>
    </row>
    <row r="12687" spans="4:5" x14ac:dyDescent="0.25">
      <c r="D12687" s="6">
        <v>632.16120000000001</v>
      </c>
      <c r="E12687" s="6">
        <v>169.56460000000001</v>
      </c>
    </row>
    <row r="12688" spans="4:5" x14ac:dyDescent="0.25">
      <c r="D12688" s="6">
        <v>562.32650000000001</v>
      </c>
      <c r="E12688" s="6">
        <v>330.25709999999998</v>
      </c>
    </row>
    <row r="12689" spans="4:5" x14ac:dyDescent="0.25">
      <c r="D12689" s="6">
        <v>170.1866</v>
      </c>
      <c r="E12689" s="6">
        <v>753.86829999999998</v>
      </c>
    </row>
    <row r="12690" spans="4:5" x14ac:dyDescent="0.25">
      <c r="D12690" s="6">
        <v>1052.577</v>
      </c>
      <c r="E12690" s="6">
        <v>1381.579</v>
      </c>
    </row>
    <row r="12691" spans="4:5" x14ac:dyDescent="0.25">
      <c r="D12691" s="6">
        <v>736.42700000000002</v>
      </c>
      <c r="E12691" s="6">
        <v>4039.5709999999999</v>
      </c>
    </row>
    <row r="12692" spans="4:5" x14ac:dyDescent="0.25">
      <c r="D12692" s="6">
        <v>283.82530000000003</v>
      </c>
      <c r="E12692" s="6">
        <v>565.98860000000002</v>
      </c>
    </row>
    <row r="12693" spans="4:5" x14ac:dyDescent="0.25">
      <c r="D12693" s="6">
        <v>331.87639999999999</v>
      </c>
      <c r="E12693" s="6">
        <v>912.90570000000002</v>
      </c>
    </row>
    <row r="12694" spans="4:5" x14ac:dyDescent="0.25">
      <c r="D12694" s="6">
        <v>924</v>
      </c>
      <c r="E12694" s="6">
        <v>410.7901</v>
      </c>
    </row>
    <row r="12695" spans="4:5" x14ac:dyDescent="0.25">
      <c r="D12695" s="6">
        <v>4127.9089999999997</v>
      </c>
      <c r="E12695" s="6">
        <v>163.19630000000001</v>
      </c>
    </row>
    <row r="12696" spans="4:5" x14ac:dyDescent="0.25">
      <c r="D12696" s="6">
        <v>1899.2059999999999</v>
      </c>
      <c r="E12696" s="6">
        <v>523.10940000000005</v>
      </c>
    </row>
    <row r="12697" spans="4:5" x14ac:dyDescent="0.25">
      <c r="D12697" s="6">
        <v>215.6</v>
      </c>
      <c r="E12697" s="6">
        <v>12414.13</v>
      </c>
    </row>
    <row r="12698" spans="4:5" x14ac:dyDescent="0.25">
      <c r="D12698" s="6">
        <v>735.125</v>
      </c>
      <c r="E12698" s="6">
        <v>1068.181</v>
      </c>
    </row>
    <row r="12699" spans="4:5" x14ac:dyDescent="0.25">
      <c r="D12699" s="6">
        <v>2254.2379999999998</v>
      </c>
      <c r="E12699" s="6">
        <v>1824.258</v>
      </c>
    </row>
    <row r="12700" spans="4:5" x14ac:dyDescent="0.25">
      <c r="D12700" s="6">
        <v>444.03620000000001</v>
      </c>
      <c r="E12700" s="6">
        <v>347.91230000000002</v>
      </c>
    </row>
    <row r="12701" spans="4:5" x14ac:dyDescent="0.25">
      <c r="D12701" s="6">
        <v>279.74919999999997</v>
      </c>
      <c r="E12701" s="6">
        <v>5296.6670000000004</v>
      </c>
    </row>
    <row r="12702" spans="4:5" x14ac:dyDescent="0.25">
      <c r="D12702" s="6">
        <v>658.61860000000001</v>
      </c>
      <c r="E12702" s="6">
        <v>1655.5</v>
      </c>
    </row>
    <row r="12703" spans="4:5" x14ac:dyDescent="0.25">
      <c r="D12703" s="6">
        <v>485.81599999999997</v>
      </c>
      <c r="E12703" s="6">
        <v>870.35199999999998</v>
      </c>
    </row>
    <row r="12704" spans="4:5" x14ac:dyDescent="0.25">
      <c r="D12704" s="6">
        <v>335.34</v>
      </c>
      <c r="E12704" s="6">
        <v>725.53110000000004</v>
      </c>
    </row>
    <row r="12705" spans="4:5" x14ac:dyDescent="0.25">
      <c r="D12705" s="6">
        <v>355.21519999999998</v>
      </c>
      <c r="E12705" s="6">
        <v>2816.7689999999998</v>
      </c>
    </row>
    <row r="12706" spans="4:5" x14ac:dyDescent="0.25">
      <c r="D12706" s="6">
        <v>3266.9090000000001</v>
      </c>
      <c r="E12706" s="6">
        <v>467.84879999999998</v>
      </c>
    </row>
    <row r="12707" spans="4:5" x14ac:dyDescent="0.25">
      <c r="D12707" s="6">
        <v>155.0942</v>
      </c>
      <c r="E12707" s="6">
        <v>470.64859999999999</v>
      </c>
    </row>
    <row r="12708" spans="4:5" x14ac:dyDescent="0.25">
      <c r="D12708" s="6">
        <v>700.98590000000002</v>
      </c>
      <c r="E12708" s="6">
        <v>856.62189999999998</v>
      </c>
    </row>
    <row r="12709" spans="4:5" x14ac:dyDescent="0.25">
      <c r="D12709" s="6">
        <v>598.05920000000003</v>
      </c>
      <c r="E12709" s="6">
        <v>1830.665</v>
      </c>
    </row>
    <row r="12710" spans="4:5" x14ac:dyDescent="0.25">
      <c r="D12710" s="6">
        <v>1544</v>
      </c>
      <c r="E12710" s="6">
        <v>593.23979999999995</v>
      </c>
    </row>
    <row r="12711" spans="4:5" x14ac:dyDescent="0.25">
      <c r="D12711" s="6">
        <v>440.5</v>
      </c>
      <c r="E12711" s="6">
        <v>845.78099999999995</v>
      </c>
    </row>
    <row r="12712" spans="4:5" x14ac:dyDescent="0.25">
      <c r="D12712" s="6">
        <v>282.30919999999998</v>
      </c>
      <c r="E12712" s="6">
        <v>252.19380000000001</v>
      </c>
    </row>
    <row r="12713" spans="4:5" x14ac:dyDescent="0.25">
      <c r="D12713" s="6">
        <v>1760.8320000000001</v>
      </c>
      <c r="E12713" s="6">
        <v>129.09</v>
      </c>
    </row>
    <row r="12714" spans="4:5" x14ac:dyDescent="0.25">
      <c r="D12714" s="6">
        <v>450.10739999999998</v>
      </c>
      <c r="E12714" s="6">
        <v>301.1223</v>
      </c>
    </row>
    <row r="12715" spans="4:5" x14ac:dyDescent="0.25">
      <c r="D12715" s="6">
        <v>850.8</v>
      </c>
      <c r="E12715" s="6">
        <v>725.99329999999998</v>
      </c>
    </row>
    <row r="12716" spans="4:5" x14ac:dyDescent="0.25">
      <c r="D12716" s="6">
        <v>501.5043</v>
      </c>
      <c r="E12716" s="6">
        <v>599.61950000000002</v>
      </c>
    </row>
    <row r="12717" spans="4:5" x14ac:dyDescent="0.25">
      <c r="D12717" s="6">
        <v>314.20749999999998</v>
      </c>
      <c r="E12717" s="6">
        <v>3075.837</v>
      </c>
    </row>
    <row r="12718" spans="4:5" x14ac:dyDescent="0.25">
      <c r="D12718" s="6">
        <v>697.62670000000003</v>
      </c>
      <c r="E12718" s="6">
        <v>890.20450000000005</v>
      </c>
    </row>
    <row r="12719" spans="4:5" x14ac:dyDescent="0.25">
      <c r="D12719" s="6">
        <v>567.15210000000002</v>
      </c>
      <c r="E12719" s="6">
        <v>5268.0219999999999</v>
      </c>
    </row>
    <row r="12720" spans="4:5" x14ac:dyDescent="0.25">
      <c r="D12720" s="6">
        <v>1682.6120000000001</v>
      </c>
      <c r="E12720" s="6">
        <v>662.60640000000001</v>
      </c>
    </row>
    <row r="12721" spans="4:5" x14ac:dyDescent="0.25">
      <c r="D12721" s="6">
        <v>387.70670000000001</v>
      </c>
      <c r="E12721" s="6">
        <v>463.04759999999999</v>
      </c>
    </row>
    <row r="12722" spans="4:5" x14ac:dyDescent="0.25">
      <c r="D12722" s="6">
        <v>379.17430000000002</v>
      </c>
      <c r="E12722" s="6">
        <v>838.1268</v>
      </c>
    </row>
    <row r="12723" spans="4:5" x14ac:dyDescent="0.25">
      <c r="D12723" s="6">
        <v>3604.2640000000001</v>
      </c>
      <c r="E12723" s="6">
        <v>646.1078</v>
      </c>
    </row>
    <row r="12724" spans="4:5" x14ac:dyDescent="0.25">
      <c r="D12724" s="6">
        <v>227.36</v>
      </c>
      <c r="E12724" s="6">
        <v>481.02269999999999</v>
      </c>
    </row>
    <row r="12725" spans="4:5" x14ac:dyDescent="0.25">
      <c r="D12725" s="6">
        <v>509.45179999999999</v>
      </c>
      <c r="E12725" s="6">
        <v>731.89350000000002</v>
      </c>
    </row>
    <row r="12726" spans="4:5" x14ac:dyDescent="0.25">
      <c r="D12726" s="6">
        <v>152.52760000000001</v>
      </c>
      <c r="E12726" s="6">
        <v>263.49529999999999</v>
      </c>
    </row>
    <row r="12727" spans="4:5" x14ac:dyDescent="0.25">
      <c r="D12727" s="6">
        <v>161.54470000000001</v>
      </c>
      <c r="E12727" s="6">
        <v>1398.25</v>
      </c>
    </row>
    <row r="12728" spans="4:5" x14ac:dyDescent="0.25">
      <c r="D12728" s="6">
        <v>536.67909999999995</v>
      </c>
      <c r="E12728" s="6">
        <v>1502.729</v>
      </c>
    </row>
    <row r="12729" spans="4:5" x14ac:dyDescent="0.25">
      <c r="D12729" s="6">
        <v>510.66669999999999</v>
      </c>
      <c r="E12729" s="6">
        <v>2234</v>
      </c>
    </row>
    <row r="12730" spans="4:5" x14ac:dyDescent="0.25">
      <c r="D12730" s="6">
        <v>149.69380000000001</v>
      </c>
      <c r="E12730" s="6">
        <v>522.90689999999995</v>
      </c>
    </row>
    <row r="12731" spans="4:5" x14ac:dyDescent="0.25">
      <c r="D12731" s="6">
        <v>156.6309</v>
      </c>
      <c r="E12731" s="6">
        <v>149.94049999999999</v>
      </c>
    </row>
    <row r="12732" spans="4:5" x14ac:dyDescent="0.25">
      <c r="D12732" s="6">
        <v>730.17190000000005</v>
      </c>
      <c r="E12732" s="6">
        <v>625.87710000000004</v>
      </c>
    </row>
    <row r="12733" spans="4:5" x14ac:dyDescent="0.25">
      <c r="D12733" s="6">
        <v>334.84399999999999</v>
      </c>
      <c r="E12733" s="6">
        <v>1749.539</v>
      </c>
    </row>
    <row r="12734" spans="4:5" x14ac:dyDescent="0.25">
      <c r="D12734" s="6">
        <v>159.31489999999999</v>
      </c>
      <c r="E12734" s="6">
        <v>683.46349999999995</v>
      </c>
    </row>
    <row r="12735" spans="4:5" x14ac:dyDescent="0.25">
      <c r="D12735" s="6">
        <v>1064.5609999999999</v>
      </c>
      <c r="E12735" s="6">
        <v>392.75040000000001</v>
      </c>
    </row>
    <row r="12736" spans="4:5" x14ac:dyDescent="0.25">
      <c r="D12736" s="6">
        <v>425.47340000000003</v>
      </c>
      <c r="E12736" s="6">
        <v>884.32979999999998</v>
      </c>
    </row>
    <row r="12737" spans="4:5" x14ac:dyDescent="0.25">
      <c r="D12737" s="6">
        <v>604.13789999999995</v>
      </c>
      <c r="E12737" s="6">
        <v>162.76070000000001</v>
      </c>
    </row>
    <row r="12738" spans="4:5" x14ac:dyDescent="0.25">
      <c r="D12738" s="6">
        <v>647.93020000000001</v>
      </c>
      <c r="E12738" s="6">
        <v>291.00439999999998</v>
      </c>
    </row>
    <row r="12739" spans="4:5" x14ac:dyDescent="0.25">
      <c r="D12739" s="6">
        <v>374.4468</v>
      </c>
      <c r="E12739" s="6">
        <v>223.01410000000001</v>
      </c>
    </row>
    <row r="12740" spans="4:5" x14ac:dyDescent="0.25">
      <c r="D12740" s="6">
        <v>214.21860000000001</v>
      </c>
      <c r="E12740" s="6">
        <v>2703.6689999999999</v>
      </c>
    </row>
    <row r="12741" spans="4:5" x14ac:dyDescent="0.25">
      <c r="D12741" s="6">
        <v>584.59140000000002</v>
      </c>
      <c r="E12741" s="6">
        <v>480.6875</v>
      </c>
    </row>
    <row r="12742" spans="4:5" x14ac:dyDescent="0.25">
      <c r="D12742" s="6">
        <v>4110.741</v>
      </c>
      <c r="E12742" s="6">
        <v>427.81819999999999</v>
      </c>
    </row>
    <row r="12743" spans="4:5" x14ac:dyDescent="0.25">
      <c r="D12743" s="6">
        <v>280.82350000000002</v>
      </c>
      <c r="E12743" s="6">
        <v>677.13009999999997</v>
      </c>
    </row>
    <row r="12744" spans="4:5" x14ac:dyDescent="0.25">
      <c r="D12744" s="6">
        <v>225</v>
      </c>
      <c r="E12744" s="6">
        <v>1893.067</v>
      </c>
    </row>
    <row r="12745" spans="4:5" x14ac:dyDescent="0.25">
      <c r="D12745" s="6">
        <v>1882.7439999999999</v>
      </c>
      <c r="E12745" s="6">
        <v>686.91089999999997</v>
      </c>
    </row>
    <row r="12746" spans="4:5" x14ac:dyDescent="0.25">
      <c r="D12746" s="6">
        <v>615.72149999999999</v>
      </c>
      <c r="E12746" s="6">
        <v>7142.5</v>
      </c>
    </row>
    <row r="12747" spans="4:5" x14ac:dyDescent="0.25">
      <c r="D12747" s="6">
        <v>3201</v>
      </c>
      <c r="E12747" s="6">
        <v>717.5</v>
      </c>
    </row>
    <row r="12748" spans="4:5" x14ac:dyDescent="0.25">
      <c r="D12748" s="6">
        <v>234.8955</v>
      </c>
      <c r="E12748" s="6">
        <v>561.20740000000001</v>
      </c>
    </row>
    <row r="12749" spans="4:5" x14ac:dyDescent="0.25">
      <c r="D12749" s="6">
        <v>908.74300000000005</v>
      </c>
      <c r="E12749" s="6">
        <v>726.82899999999995</v>
      </c>
    </row>
    <row r="12750" spans="4:5" x14ac:dyDescent="0.25">
      <c r="D12750" s="6">
        <v>474.12090000000001</v>
      </c>
      <c r="E12750" s="6">
        <v>1157.318</v>
      </c>
    </row>
    <row r="12751" spans="4:5" x14ac:dyDescent="0.25">
      <c r="D12751" s="6">
        <v>767.98689999999999</v>
      </c>
      <c r="E12751" s="6">
        <v>515.72280000000001</v>
      </c>
    </row>
    <row r="12752" spans="4:5" x14ac:dyDescent="0.25">
      <c r="D12752" s="6">
        <v>241.91669999999999</v>
      </c>
      <c r="E12752" s="6">
        <v>993.01210000000003</v>
      </c>
    </row>
    <row r="12753" spans="4:5" x14ac:dyDescent="0.25">
      <c r="D12753" s="6">
        <v>570.45309999999995</v>
      </c>
      <c r="E12753" s="6">
        <v>580.47029999999995</v>
      </c>
    </row>
    <row r="12754" spans="4:5" x14ac:dyDescent="0.25">
      <c r="D12754" s="6">
        <v>295</v>
      </c>
      <c r="E12754" s="6">
        <v>3296.788</v>
      </c>
    </row>
    <row r="12755" spans="4:5" x14ac:dyDescent="0.25">
      <c r="D12755" s="6">
        <v>375.10849999999999</v>
      </c>
      <c r="E12755" s="6">
        <v>3838</v>
      </c>
    </row>
    <row r="12756" spans="4:5" x14ac:dyDescent="0.25">
      <c r="D12756" s="6">
        <v>651.73649999999998</v>
      </c>
      <c r="E12756" s="6">
        <v>619.19860000000006</v>
      </c>
    </row>
    <row r="12757" spans="4:5" x14ac:dyDescent="0.25">
      <c r="D12757" s="6">
        <v>1769.7180000000001</v>
      </c>
      <c r="E12757" s="6">
        <v>519.08860000000004</v>
      </c>
    </row>
    <row r="12758" spans="4:5" x14ac:dyDescent="0.25">
      <c r="D12758" s="6">
        <v>229.62379999999999</v>
      </c>
      <c r="E12758" s="6">
        <v>1183</v>
      </c>
    </row>
    <row r="12759" spans="4:5" x14ac:dyDescent="0.25">
      <c r="D12759" s="6">
        <v>333.04910000000001</v>
      </c>
      <c r="E12759" s="6">
        <v>3617</v>
      </c>
    </row>
    <row r="12760" spans="4:5" x14ac:dyDescent="0.25">
      <c r="D12760" s="6">
        <v>2266.48</v>
      </c>
      <c r="E12760" s="6">
        <v>1234.5</v>
      </c>
    </row>
    <row r="12761" spans="4:5" x14ac:dyDescent="0.25">
      <c r="D12761" s="6">
        <v>296.7174</v>
      </c>
      <c r="E12761" s="6">
        <v>772.68600000000004</v>
      </c>
    </row>
    <row r="12762" spans="4:5" x14ac:dyDescent="0.25">
      <c r="D12762" s="6">
        <v>273.57589999999999</v>
      </c>
      <c r="E12762" s="6">
        <v>189.5</v>
      </c>
    </row>
    <row r="12763" spans="4:5" x14ac:dyDescent="0.25">
      <c r="D12763" s="6">
        <v>484.41219999999998</v>
      </c>
      <c r="E12763" s="6">
        <v>446.79</v>
      </c>
    </row>
    <row r="12764" spans="4:5" x14ac:dyDescent="0.25">
      <c r="D12764" s="6">
        <v>130.2133</v>
      </c>
      <c r="E12764" s="6">
        <v>1740.989</v>
      </c>
    </row>
    <row r="12765" spans="4:5" x14ac:dyDescent="0.25">
      <c r="D12765" s="6">
        <v>139.5077</v>
      </c>
      <c r="E12765" s="6">
        <v>193.9693</v>
      </c>
    </row>
    <row r="12766" spans="4:5" x14ac:dyDescent="0.25">
      <c r="D12766" s="6">
        <v>1237.6389999999999</v>
      </c>
      <c r="E12766" s="6">
        <v>2080.404</v>
      </c>
    </row>
    <row r="12767" spans="4:5" x14ac:dyDescent="0.25">
      <c r="D12767" s="6">
        <v>447.0496</v>
      </c>
      <c r="E12767" s="6">
        <v>283.38650000000001</v>
      </c>
    </row>
    <row r="12768" spans="4:5" x14ac:dyDescent="0.25">
      <c r="D12768" s="6">
        <v>395.6814</v>
      </c>
      <c r="E12768" s="6">
        <v>4225</v>
      </c>
    </row>
    <row r="12769" spans="4:5" x14ac:dyDescent="0.25">
      <c r="D12769" s="6">
        <v>149.53210000000001</v>
      </c>
      <c r="E12769" s="6">
        <v>5871</v>
      </c>
    </row>
    <row r="12770" spans="4:5" x14ac:dyDescent="0.25">
      <c r="D12770" s="6">
        <v>140.81399999999999</v>
      </c>
      <c r="E12770" s="6">
        <v>626.13350000000003</v>
      </c>
    </row>
    <row r="12771" spans="4:5" x14ac:dyDescent="0.25">
      <c r="D12771" s="6">
        <v>380.36</v>
      </c>
      <c r="E12771" s="6">
        <v>579.87530000000004</v>
      </c>
    </row>
    <row r="12772" spans="4:5" x14ac:dyDescent="0.25">
      <c r="D12772" s="6">
        <v>139.79249999999999</v>
      </c>
      <c r="E12772" s="6">
        <v>671.46389999999997</v>
      </c>
    </row>
    <row r="12773" spans="4:5" x14ac:dyDescent="0.25">
      <c r="D12773" s="6">
        <v>146.06190000000001</v>
      </c>
      <c r="E12773" s="6">
        <v>1455.56</v>
      </c>
    </row>
    <row r="12774" spans="4:5" x14ac:dyDescent="0.25">
      <c r="D12774" s="6">
        <v>1382.086</v>
      </c>
      <c r="E12774" s="6">
        <v>624.96540000000005</v>
      </c>
    </row>
    <row r="12775" spans="4:5" x14ac:dyDescent="0.25">
      <c r="D12775" s="6">
        <v>133.14230000000001</v>
      </c>
      <c r="E12775" s="6">
        <v>732.09090000000003</v>
      </c>
    </row>
    <row r="12776" spans="4:5" x14ac:dyDescent="0.25">
      <c r="D12776" s="6">
        <v>10467.48</v>
      </c>
      <c r="E12776" s="6">
        <v>509.8571</v>
      </c>
    </row>
    <row r="12777" spans="4:5" x14ac:dyDescent="0.25">
      <c r="D12777" s="6">
        <v>7607.6409999999996</v>
      </c>
      <c r="E12777" s="6">
        <v>1544.588</v>
      </c>
    </row>
    <row r="12778" spans="4:5" x14ac:dyDescent="0.25">
      <c r="D12778" s="6">
        <v>14692.43</v>
      </c>
      <c r="E12778" s="6">
        <v>2944.16</v>
      </c>
    </row>
    <row r="12779" spans="4:5" x14ac:dyDescent="0.25">
      <c r="D12779" s="6">
        <v>7033.1390000000001</v>
      </c>
      <c r="E12779" s="6">
        <v>696.78890000000001</v>
      </c>
    </row>
    <row r="12780" spans="4:5" x14ac:dyDescent="0.25">
      <c r="D12780" s="6">
        <v>2589.5540000000001</v>
      </c>
      <c r="E12780" s="6">
        <v>535.05190000000005</v>
      </c>
    </row>
    <row r="12781" spans="4:5" x14ac:dyDescent="0.25">
      <c r="D12781" s="6">
        <v>89.806539999999998</v>
      </c>
      <c r="E12781" s="6">
        <v>477.94229999999999</v>
      </c>
    </row>
    <row r="12782" spans="4:5" x14ac:dyDescent="0.25">
      <c r="D12782" s="6">
        <v>851.17070000000001</v>
      </c>
      <c r="E12782" s="6">
        <v>157.83709999999999</v>
      </c>
    </row>
    <row r="12783" spans="4:5" x14ac:dyDescent="0.25">
      <c r="D12783" s="6">
        <v>912.38480000000004</v>
      </c>
      <c r="E12783" s="6">
        <v>230.85919999999999</v>
      </c>
    </row>
    <row r="12784" spans="4:5" x14ac:dyDescent="0.25">
      <c r="D12784" s="6">
        <v>854.84609999999998</v>
      </c>
      <c r="E12784" s="6">
        <v>518.23810000000003</v>
      </c>
    </row>
    <row r="12785" spans="4:5" x14ac:dyDescent="0.25">
      <c r="D12785" s="6">
        <v>1093.6310000000001</v>
      </c>
      <c r="E12785" s="6">
        <v>167.38740000000001</v>
      </c>
    </row>
    <row r="12786" spans="4:5" x14ac:dyDescent="0.25">
      <c r="D12786" s="6">
        <v>889.77329999999995</v>
      </c>
      <c r="E12786" s="6">
        <v>5749.6</v>
      </c>
    </row>
    <row r="12787" spans="4:5" x14ac:dyDescent="0.25">
      <c r="D12787" s="6">
        <v>1003.314</v>
      </c>
      <c r="E12787" s="6">
        <v>341.625</v>
      </c>
    </row>
    <row r="12788" spans="4:5" x14ac:dyDescent="0.25">
      <c r="D12788" s="6">
        <v>879.54809999999998</v>
      </c>
      <c r="E12788" s="6">
        <v>952.14589999999998</v>
      </c>
    </row>
    <row r="12789" spans="4:5" x14ac:dyDescent="0.25">
      <c r="D12789" s="6">
        <v>1217.549</v>
      </c>
      <c r="E12789" s="6">
        <v>498.48169999999999</v>
      </c>
    </row>
    <row r="12790" spans="4:5" x14ac:dyDescent="0.25">
      <c r="D12790" s="6">
        <v>1063.0129999999999</v>
      </c>
      <c r="E12790" s="6">
        <v>607.53409999999997</v>
      </c>
    </row>
    <row r="12791" spans="4:5" x14ac:dyDescent="0.25">
      <c r="D12791" s="6">
        <v>5814.2629999999999</v>
      </c>
      <c r="E12791" s="6">
        <v>376.68239999999997</v>
      </c>
    </row>
    <row r="12792" spans="4:5" x14ac:dyDescent="0.25">
      <c r="D12792" s="6">
        <v>1064.9179999999999</v>
      </c>
      <c r="E12792" s="6">
        <v>1811.4549999999999</v>
      </c>
    </row>
    <row r="12793" spans="4:5" x14ac:dyDescent="0.25">
      <c r="D12793" s="6">
        <v>1082.7840000000001</v>
      </c>
      <c r="E12793" s="6">
        <v>430.81420000000003</v>
      </c>
    </row>
    <row r="12794" spans="4:5" x14ac:dyDescent="0.25">
      <c r="D12794" s="6">
        <v>716.62519999999995</v>
      </c>
      <c r="E12794" s="6">
        <v>2262.8890000000001</v>
      </c>
    </row>
    <row r="12795" spans="4:5" x14ac:dyDescent="0.25">
      <c r="D12795" s="6">
        <v>809.18669999999997</v>
      </c>
      <c r="E12795" s="6">
        <v>542.15089999999998</v>
      </c>
    </row>
    <row r="12796" spans="4:5" x14ac:dyDescent="0.25">
      <c r="D12796" s="6">
        <v>2640.4349999999999</v>
      </c>
      <c r="E12796" s="6">
        <v>462.69499999999999</v>
      </c>
    </row>
    <row r="12797" spans="4:5" x14ac:dyDescent="0.25">
      <c r="D12797" s="6">
        <v>934.30840000000001</v>
      </c>
      <c r="E12797" s="6">
        <v>2273</v>
      </c>
    </row>
    <row r="12798" spans="4:5" x14ac:dyDescent="0.25">
      <c r="D12798" s="6">
        <v>1104.204</v>
      </c>
      <c r="E12798" s="6">
        <v>1770.9459999999999</v>
      </c>
    </row>
    <row r="12799" spans="4:5" x14ac:dyDescent="0.25">
      <c r="D12799" s="6">
        <v>1002.351</v>
      </c>
      <c r="E12799" s="6">
        <v>6462.0379999999996</v>
      </c>
    </row>
    <row r="12800" spans="4:5" x14ac:dyDescent="0.25">
      <c r="D12800" s="6">
        <v>672.79110000000003</v>
      </c>
      <c r="E12800" s="6">
        <v>511.71429999999998</v>
      </c>
    </row>
    <row r="12801" spans="4:5" x14ac:dyDescent="0.25">
      <c r="D12801" s="6">
        <v>2921.3969999999999</v>
      </c>
      <c r="E12801" s="6">
        <v>737.15290000000005</v>
      </c>
    </row>
    <row r="12802" spans="4:5" x14ac:dyDescent="0.25">
      <c r="D12802" s="6">
        <v>543.49329999999998</v>
      </c>
      <c r="E12802" s="6">
        <v>484.70049999999998</v>
      </c>
    </row>
    <row r="12803" spans="4:5" x14ac:dyDescent="0.25">
      <c r="D12803" s="6">
        <v>1168.4169999999999</v>
      </c>
      <c r="E12803" s="6">
        <v>761.5</v>
      </c>
    </row>
    <row r="12804" spans="4:5" x14ac:dyDescent="0.25">
      <c r="D12804" s="6">
        <v>644.74800000000005</v>
      </c>
      <c r="E12804" s="6">
        <v>144.65629999999999</v>
      </c>
    </row>
    <row r="12805" spans="4:5" x14ac:dyDescent="0.25">
      <c r="D12805" s="6">
        <v>810.16459999999995</v>
      </c>
      <c r="E12805" s="6">
        <v>339.82499999999999</v>
      </c>
    </row>
    <row r="12806" spans="4:5" x14ac:dyDescent="0.25">
      <c r="D12806" s="6">
        <v>644</v>
      </c>
      <c r="E12806" s="6">
        <v>735.1961</v>
      </c>
    </row>
    <row r="12807" spans="4:5" x14ac:dyDescent="0.25">
      <c r="D12807" s="6">
        <v>441.8759</v>
      </c>
      <c r="E12807" s="6">
        <v>230.82660000000001</v>
      </c>
    </row>
    <row r="12808" spans="4:5" x14ac:dyDescent="0.25">
      <c r="D12808" s="6">
        <v>697.26919999999996</v>
      </c>
      <c r="E12808" s="6">
        <v>452.18970000000002</v>
      </c>
    </row>
    <row r="12809" spans="4:5" x14ac:dyDescent="0.25">
      <c r="D12809" s="6">
        <v>610.14080000000001</v>
      </c>
      <c r="E12809" s="6">
        <v>199.42859999999999</v>
      </c>
    </row>
    <row r="12810" spans="4:5" x14ac:dyDescent="0.25">
      <c r="D12810" s="6">
        <v>811.37699999999995</v>
      </c>
      <c r="E12810" s="6">
        <v>1717.963</v>
      </c>
    </row>
    <row r="12811" spans="4:5" x14ac:dyDescent="0.25">
      <c r="D12811" s="6">
        <v>968.1816</v>
      </c>
      <c r="E12811" s="6">
        <v>397.98599999999999</v>
      </c>
    </row>
    <row r="12812" spans="4:5" x14ac:dyDescent="0.25">
      <c r="D12812" s="6">
        <v>1099.684</v>
      </c>
      <c r="E12812" s="6">
        <v>678.34789999999998</v>
      </c>
    </row>
    <row r="12813" spans="4:5" x14ac:dyDescent="0.25">
      <c r="D12813" s="6">
        <v>1147.5139999999999</v>
      </c>
      <c r="E12813" s="6">
        <v>2857.5360000000001</v>
      </c>
    </row>
    <row r="12814" spans="4:5" x14ac:dyDescent="0.25">
      <c r="D12814" s="6">
        <v>868.01350000000002</v>
      </c>
      <c r="E12814" s="6">
        <v>289.29950000000002</v>
      </c>
    </row>
    <row r="12815" spans="4:5" x14ac:dyDescent="0.25">
      <c r="D12815" s="6">
        <v>655.87620000000004</v>
      </c>
      <c r="E12815" s="6">
        <v>419.93290000000002</v>
      </c>
    </row>
    <row r="12816" spans="4:5" x14ac:dyDescent="0.25">
      <c r="D12816" s="6">
        <v>1333.393</v>
      </c>
      <c r="E12816" s="6">
        <v>1311.3</v>
      </c>
    </row>
    <row r="12817" spans="4:5" x14ac:dyDescent="0.25">
      <c r="D12817" s="6">
        <v>579.55790000000002</v>
      </c>
      <c r="E12817" s="6">
        <v>605.90650000000005</v>
      </c>
    </row>
    <row r="12818" spans="4:5" x14ac:dyDescent="0.25">
      <c r="D12818" s="6">
        <v>823.65219999999999</v>
      </c>
      <c r="E12818" s="6">
        <v>146.2724</v>
      </c>
    </row>
    <row r="12819" spans="4:5" x14ac:dyDescent="0.25">
      <c r="D12819" s="6">
        <v>904.50689999999997</v>
      </c>
      <c r="E12819" s="6">
        <v>1627.923</v>
      </c>
    </row>
    <row r="12820" spans="4:5" x14ac:dyDescent="0.25">
      <c r="D12820" s="6">
        <v>1277.0409999999999</v>
      </c>
      <c r="E12820" s="6">
        <v>576.45339999999999</v>
      </c>
    </row>
    <row r="12821" spans="4:5" x14ac:dyDescent="0.25">
      <c r="D12821" s="6">
        <v>720.64760000000001</v>
      </c>
      <c r="E12821" s="6">
        <v>521.08690000000001</v>
      </c>
    </row>
    <row r="12822" spans="4:5" x14ac:dyDescent="0.25">
      <c r="D12822" s="6">
        <v>888.2953</v>
      </c>
      <c r="E12822" s="6">
        <v>402.27449999999999</v>
      </c>
    </row>
    <row r="12823" spans="4:5" x14ac:dyDescent="0.25">
      <c r="D12823" s="6">
        <v>637.24069999999995</v>
      </c>
      <c r="E12823" s="6">
        <v>1227.5039999999999</v>
      </c>
    </row>
    <row r="12824" spans="4:5" x14ac:dyDescent="0.25">
      <c r="D12824" s="6">
        <v>734.94839999999999</v>
      </c>
      <c r="E12824" s="6">
        <v>461.63990000000001</v>
      </c>
    </row>
    <row r="12825" spans="4:5" x14ac:dyDescent="0.25">
      <c r="D12825" s="6">
        <v>836.05930000000001</v>
      </c>
      <c r="E12825" s="6">
        <v>963.41669999999999</v>
      </c>
    </row>
    <row r="12826" spans="4:5" x14ac:dyDescent="0.25">
      <c r="D12826" s="6">
        <v>3351.0230000000001</v>
      </c>
      <c r="E12826" s="6">
        <v>767.25</v>
      </c>
    </row>
    <row r="12827" spans="4:5" x14ac:dyDescent="0.25">
      <c r="D12827" s="6">
        <v>939.68389999999999</v>
      </c>
      <c r="E12827" s="6">
        <v>316.49669999999998</v>
      </c>
    </row>
    <row r="12828" spans="4:5" x14ac:dyDescent="0.25">
      <c r="D12828" s="6">
        <v>757.83249999999998</v>
      </c>
      <c r="E12828" s="6">
        <v>483.82900000000001</v>
      </c>
    </row>
    <row r="12829" spans="4:5" x14ac:dyDescent="0.25">
      <c r="D12829" s="6">
        <v>611.14290000000005</v>
      </c>
      <c r="E12829" s="6">
        <v>145.5574</v>
      </c>
    </row>
    <row r="12830" spans="4:5" x14ac:dyDescent="0.25">
      <c r="D12830" s="6">
        <v>539.9298</v>
      </c>
      <c r="E12830" s="6">
        <v>421.70580000000001</v>
      </c>
    </row>
    <row r="12831" spans="4:5" x14ac:dyDescent="0.25">
      <c r="D12831" s="6">
        <v>461.04689999999999</v>
      </c>
      <c r="E12831" s="6">
        <v>1423.02</v>
      </c>
    </row>
    <row r="12832" spans="4:5" x14ac:dyDescent="0.25">
      <c r="D12832" s="6">
        <v>630.45450000000005</v>
      </c>
      <c r="E12832" s="6">
        <v>536.2482</v>
      </c>
    </row>
    <row r="12833" spans="4:5" x14ac:dyDescent="0.25">
      <c r="D12833" s="6">
        <v>3331.1759999999999</v>
      </c>
      <c r="E12833" s="6">
        <v>263</v>
      </c>
    </row>
    <row r="12834" spans="4:5" x14ac:dyDescent="0.25">
      <c r="D12834" s="6">
        <v>1641.7090000000001</v>
      </c>
      <c r="E12834" s="6">
        <v>1680.1869999999999</v>
      </c>
    </row>
    <row r="12835" spans="4:5" x14ac:dyDescent="0.25">
      <c r="D12835" s="6">
        <v>3846.0970000000002</v>
      </c>
      <c r="E12835" s="6">
        <v>2210.1999999999998</v>
      </c>
    </row>
    <row r="12836" spans="4:5" x14ac:dyDescent="0.25">
      <c r="D12836" s="6">
        <v>975.351</v>
      </c>
      <c r="E12836" s="6">
        <v>753.56769999999995</v>
      </c>
    </row>
    <row r="12837" spans="4:5" x14ac:dyDescent="0.25">
      <c r="D12837" s="6">
        <v>758.39729999999997</v>
      </c>
      <c r="E12837" s="6">
        <v>284.5</v>
      </c>
    </row>
    <row r="12838" spans="4:5" x14ac:dyDescent="0.25">
      <c r="D12838" s="6">
        <v>881.02629999999999</v>
      </c>
      <c r="E12838" s="6">
        <v>294.33</v>
      </c>
    </row>
    <row r="12839" spans="4:5" x14ac:dyDescent="0.25">
      <c r="D12839" s="6">
        <v>941.33330000000001</v>
      </c>
      <c r="E12839" s="6">
        <v>474.5034</v>
      </c>
    </row>
    <row r="12840" spans="4:5" x14ac:dyDescent="0.25">
      <c r="D12840" s="6">
        <v>2862.7040000000002</v>
      </c>
      <c r="E12840" s="6">
        <v>246.6328</v>
      </c>
    </row>
    <row r="12841" spans="4:5" x14ac:dyDescent="0.25">
      <c r="D12841" s="6">
        <v>2501.2719999999999</v>
      </c>
      <c r="E12841" s="6">
        <v>322.1875</v>
      </c>
    </row>
    <row r="12842" spans="4:5" x14ac:dyDescent="0.25">
      <c r="D12842" s="6">
        <v>850.55970000000002</v>
      </c>
      <c r="E12842" s="6">
        <v>618.86689999999999</v>
      </c>
    </row>
    <row r="12843" spans="4:5" x14ac:dyDescent="0.25">
      <c r="D12843" s="6">
        <v>422.47620000000001</v>
      </c>
      <c r="E12843" s="6">
        <v>610.82690000000002</v>
      </c>
    </row>
    <row r="12844" spans="4:5" x14ac:dyDescent="0.25">
      <c r="D12844" s="6">
        <v>653.82550000000003</v>
      </c>
      <c r="E12844" s="6">
        <v>651.19470000000001</v>
      </c>
    </row>
    <row r="12845" spans="4:5" x14ac:dyDescent="0.25">
      <c r="D12845" s="6">
        <v>711.54190000000006</v>
      </c>
      <c r="E12845" s="6">
        <v>670.16669999999999</v>
      </c>
    </row>
    <row r="12846" spans="4:5" x14ac:dyDescent="0.25">
      <c r="D12846" s="6">
        <v>413</v>
      </c>
      <c r="E12846" s="6">
        <v>396.19580000000002</v>
      </c>
    </row>
    <row r="12847" spans="4:5" x14ac:dyDescent="0.25">
      <c r="D12847" s="6">
        <v>466.31009999999998</v>
      </c>
      <c r="E12847" s="6">
        <v>269.3501</v>
      </c>
    </row>
    <row r="12848" spans="4:5" x14ac:dyDescent="0.25">
      <c r="D12848" s="6">
        <v>701.85069999999996</v>
      </c>
      <c r="E12848" s="6">
        <v>531.4683</v>
      </c>
    </row>
    <row r="12849" spans="4:5" x14ac:dyDescent="0.25">
      <c r="D12849" s="6">
        <v>632.04939999999999</v>
      </c>
      <c r="E12849" s="6">
        <v>437.91370000000001</v>
      </c>
    </row>
    <row r="12850" spans="4:5" x14ac:dyDescent="0.25">
      <c r="D12850" s="6">
        <v>1041.4829999999999</v>
      </c>
      <c r="E12850" s="6">
        <v>156.9271</v>
      </c>
    </row>
    <row r="12851" spans="4:5" x14ac:dyDescent="0.25">
      <c r="D12851" s="6">
        <v>708.83920000000001</v>
      </c>
      <c r="E12851" s="6">
        <v>1030.8240000000001</v>
      </c>
    </row>
    <row r="12852" spans="4:5" x14ac:dyDescent="0.25">
      <c r="D12852" s="6">
        <v>554.25</v>
      </c>
      <c r="E12852" s="6">
        <v>637.46199999999999</v>
      </c>
    </row>
    <row r="12853" spans="4:5" x14ac:dyDescent="0.25">
      <c r="D12853" s="6">
        <v>649.45989999999995</v>
      </c>
      <c r="E12853" s="6">
        <v>718.24530000000004</v>
      </c>
    </row>
    <row r="12854" spans="4:5" x14ac:dyDescent="0.25">
      <c r="D12854" s="6">
        <v>702.91780000000006</v>
      </c>
      <c r="E12854" s="6">
        <v>288.03980000000001</v>
      </c>
    </row>
    <row r="12855" spans="4:5" x14ac:dyDescent="0.25">
      <c r="D12855" s="6">
        <v>908.21100000000001</v>
      </c>
      <c r="E12855" s="6">
        <v>4078.221</v>
      </c>
    </row>
    <row r="12856" spans="4:5" x14ac:dyDescent="0.25">
      <c r="D12856" s="6">
        <v>446</v>
      </c>
      <c r="E12856" s="6">
        <v>630.69870000000003</v>
      </c>
    </row>
    <row r="12857" spans="4:5" x14ac:dyDescent="0.25">
      <c r="D12857" s="6">
        <v>606.22379999999998</v>
      </c>
      <c r="E12857" s="6">
        <v>672.23530000000005</v>
      </c>
    </row>
    <row r="12858" spans="4:5" x14ac:dyDescent="0.25">
      <c r="D12858" s="6">
        <v>1788.721</v>
      </c>
      <c r="E12858" s="6">
        <v>479.92860000000002</v>
      </c>
    </row>
    <row r="12859" spans="4:5" x14ac:dyDescent="0.25">
      <c r="D12859" s="6">
        <v>562.53060000000005</v>
      </c>
      <c r="E12859" s="6">
        <v>621.05129999999997</v>
      </c>
    </row>
    <row r="12860" spans="4:5" x14ac:dyDescent="0.25">
      <c r="D12860" s="6">
        <v>781.30769999999995</v>
      </c>
      <c r="E12860" s="6">
        <v>456.69540000000001</v>
      </c>
    </row>
    <row r="12861" spans="4:5" x14ac:dyDescent="0.25">
      <c r="D12861" s="6">
        <v>606.19159999999999</v>
      </c>
      <c r="E12861" s="6">
        <v>1995</v>
      </c>
    </row>
    <row r="12862" spans="4:5" x14ac:dyDescent="0.25">
      <c r="D12862" s="6">
        <v>2327.6669999999999</v>
      </c>
      <c r="E12862" s="6">
        <v>1221</v>
      </c>
    </row>
    <row r="12863" spans="4:5" x14ac:dyDescent="0.25">
      <c r="D12863" s="6">
        <v>1200.769</v>
      </c>
      <c r="E12863" s="6">
        <v>276.88889999999998</v>
      </c>
    </row>
    <row r="12864" spans="4:5" x14ac:dyDescent="0.25">
      <c r="D12864" s="6">
        <v>4755.0510000000004</v>
      </c>
      <c r="E12864" s="6">
        <v>471.26929999999999</v>
      </c>
    </row>
    <row r="12865" spans="4:5" x14ac:dyDescent="0.25">
      <c r="D12865" s="6">
        <v>2918.6990000000001</v>
      </c>
      <c r="E12865" s="6">
        <v>452.35169999999999</v>
      </c>
    </row>
    <row r="12866" spans="4:5" x14ac:dyDescent="0.25">
      <c r="D12866" s="6">
        <v>423.84519999999998</v>
      </c>
      <c r="E12866" s="6">
        <v>394.41579999999999</v>
      </c>
    </row>
    <row r="12867" spans="4:5" x14ac:dyDescent="0.25">
      <c r="D12867" s="6">
        <v>740.95929999999998</v>
      </c>
      <c r="E12867" s="6">
        <v>318.78949999999998</v>
      </c>
    </row>
    <row r="12868" spans="4:5" x14ac:dyDescent="0.25">
      <c r="D12868" s="6">
        <v>912.51729999999998</v>
      </c>
      <c r="E12868" s="6">
        <v>391.84620000000001</v>
      </c>
    </row>
    <row r="12869" spans="4:5" x14ac:dyDescent="0.25">
      <c r="D12869" s="6">
        <v>524.36080000000004</v>
      </c>
      <c r="E12869" s="6">
        <v>167.01990000000001</v>
      </c>
    </row>
    <row r="12870" spans="4:5" x14ac:dyDescent="0.25">
      <c r="D12870" s="6">
        <v>978.28930000000003</v>
      </c>
      <c r="E12870" s="6">
        <v>397.92720000000003</v>
      </c>
    </row>
    <row r="12871" spans="4:5" x14ac:dyDescent="0.25">
      <c r="D12871" s="6">
        <v>5747.1379999999999</v>
      </c>
      <c r="E12871" s="6">
        <v>435.7278</v>
      </c>
    </row>
    <row r="12872" spans="4:5" x14ac:dyDescent="0.25">
      <c r="D12872" s="6">
        <v>492.75409999999999</v>
      </c>
      <c r="E12872" s="6">
        <v>236.37569999999999</v>
      </c>
    </row>
    <row r="12873" spans="4:5" x14ac:dyDescent="0.25">
      <c r="D12873" s="6">
        <v>853</v>
      </c>
      <c r="E12873" s="6">
        <v>237.85599999999999</v>
      </c>
    </row>
    <row r="12874" spans="4:5" x14ac:dyDescent="0.25">
      <c r="D12874" s="6">
        <v>668.91669999999999</v>
      </c>
      <c r="E12874" s="6">
        <v>150.98079999999999</v>
      </c>
    </row>
    <row r="12875" spans="4:5" x14ac:dyDescent="0.25">
      <c r="D12875" s="6">
        <v>2031.808</v>
      </c>
      <c r="E12875" s="6">
        <v>440.5</v>
      </c>
    </row>
    <row r="12876" spans="4:5" x14ac:dyDescent="0.25">
      <c r="D12876" s="6">
        <v>675.6</v>
      </c>
      <c r="E12876" s="6">
        <v>288.52460000000002</v>
      </c>
    </row>
    <row r="12877" spans="4:5" x14ac:dyDescent="0.25">
      <c r="D12877" s="6">
        <v>1257</v>
      </c>
      <c r="E12877" s="6">
        <v>1018.345</v>
      </c>
    </row>
    <row r="12878" spans="4:5" x14ac:dyDescent="0.25">
      <c r="D12878" s="6">
        <v>607.98</v>
      </c>
      <c r="E12878" s="6">
        <v>309.084</v>
      </c>
    </row>
    <row r="12879" spans="4:5" x14ac:dyDescent="0.25">
      <c r="D12879" s="6">
        <v>3144.7379999999998</v>
      </c>
      <c r="E12879" s="6">
        <v>1478.5</v>
      </c>
    </row>
    <row r="12880" spans="4:5" x14ac:dyDescent="0.25">
      <c r="D12880" s="6">
        <v>925</v>
      </c>
      <c r="E12880" s="6">
        <v>458.17939999999999</v>
      </c>
    </row>
    <row r="12881" spans="4:5" x14ac:dyDescent="0.25">
      <c r="D12881" s="6">
        <v>1927</v>
      </c>
      <c r="E12881" s="6">
        <v>476.30810000000002</v>
      </c>
    </row>
    <row r="12882" spans="4:5" x14ac:dyDescent="0.25">
      <c r="D12882" s="6">
        <v>3873.37</v>
      </c>
      <c r="E12882" s="6">
        <v>314.04039999999998</v>
      </c>
    </row>
    <row r="12883" spans="4:5" x14ac:dyDescent="0.25">
      <c r="D12883" s="6">
        <v>855.84410000000003</v>
      </c>
      <c r="E12883" s="6">
        <v>150.0172</v>
      </c>
    </row>
    <row r="12884" spans="4:5" x14ac:dyDescent="0.25">
      <c r="D12884" s="6">
        <v>763.00319999999999</v>
      </c>
      <c r="E12884" s="6">
        <v>177.83330000000001</v>
      </c>
    </row>
    <row r="12885" spans="4:5" x14ac:dyDescent="0.25">
      <c r="D12885" s="6">
        <v>5095.1869999999999</v>
      </c>
      <c r="E12885" s="6">
        <v>1912</v>
      </c>
    </row>
    <row r="12886" spans="4:5" x14ac:dyDescent="0.25">
      <c r="D12886" s="6">
        <v>1114.5160000000001</v>
      </c>
      <c r="E12886" s="6">
        <v>321.49340000000001</v>
      </c>
    </row>
    <row r="12887" spans="4:5" x14ac:dyDescent="0.25">
      <c r="D12887" s="6">
        <v>621.53909999999996</v>
      </c>
      <c r="E12887" s="6">
        <v>640.64030000000002</v>
      </c>
    </row>
    <row r="12888" spans="4:5" x14ac:dyDescent="0.25">
      <c r="D12888" s="6">
        <v>858.8623</v>
      </c>
      <c r="E12888" s="6">
        <v>1598</v>
      </c>
    </row>
    <row r="12889" spans="4:5" x14ac:dyDescent="0.25">
      <c r="D12889" s="6">
        <v>874.19079999999997</v>
      </c>
      <c r="E12889" s="6">
        <v>588.29999999999995</v>
      </c>
    </row>
    <row r="12890" spans="4:5" x14ac:dyDescent="0.25">
      <c r="D12890" s="6">
        <v>667.81359999999995</v>
      </c>
      <c r="E12890" s="6">
        <v>376.3809</v>
      </c>
    </row>
    <row r="12891" spans="4:5" x14ac:dyDescent="0.25">
      <c r="D12891" s="6">
        <v>374.6823</v>
      </c>
      <c r="E12891" s="6">
        <v>320.5</v>
      </c>
    </row>
    <row r="12892" spans="4:5" x14ac:dyDescent="0.25">
      <c r="D12892" s="6">
        <v>727.24019999999996</v>
      </c>
      <c r="E12892" s="6">
        <v>310.55680000000001</v>
      </c>
    </row>
    <row r="12893" spans="4:5" x14ac:dyDescent="0.25">
      <c r="D12893" s="6">
        <v>677.12149999999997</v>
      </c>
      <c r="E12893" s="6">
        <v>413.66930000000002</v>
      </c>
    </row>
    <row r="12894" spans="4:5" x14ac:dyDescent="0.25">
      <c r="D12894" s="6">
        <v>824.36170000000004</v>
      </c>
      <c r="E12894" s="6">
        <v>432.02280000000002</v>
      </c>
    </row>
    <row r="12895" spans="4:5" x14ac:dyDescent="0.25">
      <c r="D12895" s="6">
        <v>1223.375</v>
      </c>
      <c r="E12895" s="6">
        <v>350.51560000000001</v>
      </c>
    </row>
    <row r="12896" spans="4:5" x14ac:dyDescent="0.25">
      <c r="D12896" s="6">
        <v>423.86430000000001</v>
      </c>
      <c r="E12896" s="6">
        <v>152.5385</v>
      </c>
    </row>
    <row r="12897" spans="4:5" x14ac:dyDescent="0.25">
      <c r="D12897" s="6">
        <v>1564.1969999999999</v>
      </c>
      <c r="E12897" s="6">
        <v>282.47500000000002</v>
      </c>
    </row>
    <row r="12898" spans="4:5" x14ac:dyDescent="0.25">
      <c r="D12898" s="6">
        <v>717.88720000000001</v>
      </c>
      <c r="E12898" s="6">
        <v>150.96360000000001</v>
      </c>
    </row>
    <row r="12899" spans="4:5" x14ac:dyDescent="0.25">
      <c r="D12899" s="6">
        <v>2374</v>
      </c>
      <c r="E12899" s="6">
        <v>390.91379999999998</v>
      </c>
    </row>
    <row r="12900" spans="4:5" x14ac:dyDescent="0.25">
      <c r="D12900" s="6">
        <v>832.33199999999999</v>
      </c>
      <c r="E12900" s="6">
        <v>629.00760000000002</v>
      </c>
    </row>
    <row r="12901" spans="4:5" x14ac:dyDescent="0.25">
      <c r="D12901" s="6">
        <v>5798.0060000000003</v>
      </c>
      <c r="E12901" s="6">
        <v>245.42859999999999</v>
      </c>
    </row>
    <row r="12902" spans="4:5" x14ac:dyDescent="0.25">
      <c r="D12902" s="6">
        <v>821.04930000000002</v>
      </c>
      <c r="E12902" s="6">
        <v>311.08629999999999</v>
      </c>
    </row>
    <row r="12903" spans="4:5" x14ac:dyDescent="0.25">
      <c r="D12903" s="6">
        <v>614.91290000000004</v>
      </c>
      <c r="E12903" s="6">
        <v>329.5215</v>
      </c>
    </row>
    <row r="12904" spans="4:5" x14ac:dyDescent="0.25">
      <c r="D12904" s="6">
        <v>571.57889999999998</v>
      </c>
      <c r="E12904" s="6">
        <v>338.80950000000001</v>
      </c>
    </row>
    <row r="12905" spans="4:5" x14ac:dyDescent="0.25">
      <c r="D12905" s="6">
        <v>597.91759999999999</v>
      </c>
      <c r="E12905" s="6">
        <v>126.5</v>
      </c>
    </row>
    <row r="12906" spans="4:5" x14ac:dyDescent="0.25">
      <c r="D12906" s="6">
        <v>1745.0640000000001</v>
      </c>
      <c r="E12906" s="6">
        <v>370.29669999999999</v>
      </c>
    </row>
    <row r="12907" spans="4:5" x14ac:dyDescent="0.25">
      <c r="D12907" s="6">
        <v>503.43920000000003</v>
      </c>
      <c r="E12907" s="6">
        <v>431.27480000000003</v>
      </c>
    </row>
    <row r="12908" spans="4:5" x14ac:dyDescent="0.25">
      <c r="D12908" s="6">
        <v>2989.1460000000002</v>
      </c>
      <c r="E12908" s="6">
        <v>367.34339999999997</v>
      </c>
    </row>
    <row r="12909" spans="4:5" x14ac:dyDescent="0.25">
      <c r="D12909" s="6">
        <v>734.1173</v>
      </c>
      <c r="E12909" s="6">
        <v>466.81259999999997</v>
      </c>
    </row>
    <row r="12910" spans="4:5" x14ac:dyDescent="0.25">
      <c r="D12910" s="6">
        <v>588.84109999999998</v>
      </c>
      <c r="E12910" s="6">
        <v>280.93099999999998</v>
      </c>
    </row>
    <row r="12911" spans="4:5" x14ac:dyDescent="0.25">
      <c r="D12911" s="6">
        <v>758.72310000000004</v>
      </c>
      <c r="E12911" s="6">
        <v>143.2276</v>
      </c>
    </row>
    <row r="12912" spans="4:5" x14ac:dyDescent="0.25">
      <c r="D12912" s="6">
        <v>1063.183</v>
      </c>
      <c r="E12912" s="6">
        <v>158.65960000000001</v>
      </c>
    </row>
    <row r="12913" spans="4:5" x14ac:dyDescent="0.25">
      <c r="D12913" s="6">
        <v>1880.538</v>
      </c>
      <c r="E12913" s="6">
        <v>201.9126</v>
      </c>
    </row>
    <row r="12914" spans="4:5" x14ac:dyDescent="0.25">
      <c r="D12914" s="6">
        <v>659.80880000000002</v>
      </c>
      <c r="E12914" s="6">
        <v>383.23700000000002</v>
      </c>
    </row>
    <row r="12915" spans="4:5" x14ac:dyDescent="0.25">
      <c r="D12915" s="6">
        <v>836.61069999999995</v>
      </c>
      <c r="E12915" s="6">
        <v>348.29169999999999</v>
      </c>
    </row>
    <row r="12916" spans="4:5" x14ac:dyDescent="0.25">
      <c r="D12916" s="6">
        <v>4489.29</v>
      </c>
      <c r="E12916" s="6">
        <v>143.10079999999999</v>
      </c>
    </row>
    <row r="12917" spans="4:5" x14ac:dyDescent="0.25">
      <c r="D12917" s="6">
        <v>651.76139999999998</v>
      </c>
      <c r="E12917" s="6">
        <v>214.5</v>
      </c>
    </row>
    <row r="12918" spans="4:5" x14ac:dyDescent="0.25">
      <c r="D12918" s="6">
        <v>8206.7250000000004</v>
      </c>
      <c r="E12918" s="6">
        <v>197.30070000000001</v>
      </c>
    </row>
    <row r="12919" spans="4:5" x14ac:dyDescent="0.25">
      <c r="D12919" s="6">
        <v>474.75779999999997</v>
      </c>
      <c r="E12919" s="6">
        <v>152.2912</v>
      </c>
    </row>
    <row r="12920" spans="4:5" x14ac:dyDescent="0.25">
      <c r="D12920" s="6">
        <v>664.20439999999996</v>
      </c>
      <c r="E12920" s="6">
        <v>455.91070000000002</v>
      </c>
    </row>
    <row r="12921" spans="4:5" x14ac:dyDescent="0.25">
      <c r="D12921" s="6">
        <v>1124.1289999999999</v>
      </c>
      <c r="E12921" s="6">
        <v>7227.335</v>
      </c>
    </row>
    <row r="12922" spans="4:5" x14ac:dyDescent="0.25">
      <c r="D12922" s="6">
        <v>735.51160000000004</v>
      </c>
      <c r="E12922" s="6">
        <v>312.84210000000002</v>
      </c>
    </row>
    <row r="12923" spans="4:5" x14ac:dyDescent="0.25">
      <c r="D12923" s="6">
        <v>655.78139999999996</v>
      </c>
      <c r="E12923" s="6">
        <v>375.19619999999998</v>
      </c>
    </row>
    <row r="12924" spans="4:5" x14ac:dyDescent="0.25">
      <c r="D12924" s="6">
        <v>532.36360000000002</v>
      </c>
      <c r="E12924" s="6">
        <v>378.9402</v>
      </c>
    </row>
    <row r="12925" spans="4:5" x14ac:dyDescent="0.25">
      <c r="D12925" s="6">
        <v>433.57889999999998</v>
      </c>
      <c r="E12925" s="6">
        <v>177.2174</v>
      </c>
    </row>
    <row r="12926" spans="4:5" x14ac:dyDescent="0.25">
      <c r="D12926" s="6">
        <v>781.35500000000002</v>
      </c>
      <c r="E12926" s="6">
        <v>419.3571</v>
      </c>
    </row>
    <row r="12927" spans="4:5" x14ac:dyDescent="0.25">
      <c r="D12927" s="6">
        <v>746.94820000000004</v>
      </c>
      <c r="E12927" s="6">
        <v>146.34350000000001</v>
      </c>
    </row>
    <row r="12928" spans="4:5" x14ac:dyDescent="0.25">
      <c r="D12928" s="6">
        <v>2079.683</v>
      </c>
      <c r="E12928" s="6">
        <v>150.33760000000001</v>
      </c>
    </row>
    <row r="12929" spans="4:5" x14ac:dyDescent="0.25">
      <c r="D12929" s="6">
        <v>1259</v>
      </c>
      <c r="E12929" s="6">
        <v>362.50689999999997</v>
      </c>
    </row>
    <row r="12930" spans="4:5" x14ac:dyDescent="0.25">
      <c r="D12930" s="6">
        <v>745.79169999999999</v>
      </c>
      <c r="E12930" s="6">
        <v>274.74400000000003</v>
      </c>
    </row>
    <row r="12931" spans="4:5" x14ac:dyDescent="0.25">
      <c r="D12931" s="6">
        <v>907.81910000000005</v>
      </c>
      <c r="E12931" s="6">
        <v>276.37060000000002</v>
      </c>
    </row>
    <row r="12932" spans="4:5" x14ac:dyDescent="0.25">
      <c r="D12932" s="6">
        <v>748.94370000000004</v>
      </c>
      <c r="E12932" s="6">
        <v>132.7627</v>
      </c>
    </row>
    <row r="12933" spans="4:5" x14ac:dyDescent="0.25">
      <c r="D12933" s="6">
        <v>528.86389999999994</v>
      </c>
      <c r="E12933" s="6">
        <v>131</v>
      </c>
    </row>
    <row r="12934" spans="4:5" x14ac:dyDescent="0.25">
      <c r="D12934" s="6">
        <v>734.74189999999999</v>
      </c>
      <c r="E12934" s="6">
        <v>1915.623</v>
      </c>
    </row>
    <row r="12935" spans="4:5" x14ac:dyDescent="0.25">
      <c r="D12935" s="6">
        <v>405.82499999999999</v>
      </c>
      <c r="E12935" s="6">
        <v>224.5933</v>
      </c>
    </row>
    <row r="12936" spans="4:5" x14ac:dyDescent="0.25">
      <c r="D12936" s="6">
        <v>1942.5</v>
      </c>
      <c r="E12936" s="6">
        <v>450.94</v>
      </c>
    </row>
    <row r="12937" spans="4:5" x14ac:dyDescent="0.25">
      <c r="D12937" s="6">
        <v>849.22739999999999</v>
      </c>
      <c r="E12937" s="6">
        <v>295.83870000000002</v>
      </c>
    </row>
    <row r="12938" spans="4:5" x14ac:dyDescent="0.25">
      <c r="D12938" s="6">
        <v>965.10530000000006</v>
      </c>
      <c r="E12938" s="6">
        <v>241.77930000000001</v>
      </c>
    </row>
    <row r="12939" spans="4:5" x14ac:dyDescent="0.25">
      <c r="D12939" s="6">
        <v>803</v>
      </c>
      <c r="E12939" s="6">
        <v>241.21469999999999</v>
      </c>
    </row>
    <row r="12940" spans="4:5" x14ac:dyDescent="0.25">
      <c r="D12940" s="6">
        <v>1278.1669999999999</v>
      </c>
      <c r="E12940" s="6">
        <v>420</v>
      </c>
    </row>
    <row r="12941" spans="4:5" x14ac:dyDescent="0.25">
      <c r="D12941" s="6">
        <v>2024.7809999999999</v>
      </c>
      <c r="E12941" s="6">
        <v>187.4348</v>
      </c>
    </row>
    <row r="12942" spans="4:5" x14ac:dyDescent="0.25">
      <c r="D12942" s="6">
        <v>662.99030000000005</v>
      </c>
      <c r="E12942" s="6">
        <v>150.19999999999999</v>
      </c>
    </row>
    <row r="12943" spans="4:5" x14ac:dyDescent="0.25">
      <c r="D12943" s="6">
        <v>439.03129999999999</v>
      </c>
      <c r="E12943" s="6">
        <v>202.5</v>
      </c>
    </row>
    <row r="12944" spans="4:5" x14ac:dyDescent="0.25">
      <c r="D12944" s="6">
        <v>14733.33</v>
      </c>
      <c r="E12944" s="6">
        <v>158.66669999999999</v>
      </c>
    </row>
    <row r="12945" spans="4:5" x14ac:dyDescent="0.25">
      <c r="D12945" s="6">
        <v>813.65750000000003</v>
      </c>
      <c r="E12945" s="6">
        <v>222.29669999999999</v>
      </c>
    </row>
    <row r="12946" spans="4:5" x14ac:dyDescent="0.25">
      <c r="D12946" s="6">
        <v>1428.952</v>
      </c>
      <c r="E12946" s="6">
        <v>3557.6689999999999</v>
      </c>
    </row>
    <row r="12947" spans="4:5" x14ac:dyDescent="0.25">
      <c r="D12947" s="6">
        <v>632.38099999999997</v>
      </c>
      <c r="E12947" s="6">
        <v>145.36770000000001</v>
      </c>
    </row>
    <row r="12948" spans="4:5" x14ac:dyDescent="0.25">
      <c r="D12948" s="6">
        <v>1364</v>
      </c>
      <c r="E12948" s="6">
        <v>812.32100000000003</v>
      </c>
    </row>
    <row r="12949" spans="4:5" x14ac:dyDescent="0.25">
      <c r="D12949" s="6">
        <v>487.95209999999997</v>
      </c>
      <c r="E12949" s="6">
        <v>149.75</v>
      </c>
    </row>
    <row r="12950" spans="4:5" x14ac:dyDescent="0.25">
      <c r="D12950" s="6">
        <v>665.91010000000006</v>
      </c>
      <c r="E12950" s="6">
        <v>184.3554</v>
      </c>
    </row>
    <row r="12951" spans="4:5" x14ac:dyDescent="0.25">
      <c r="D12951" s="6">
        <v>1133.143</v>
      </c>
      <c r="E12951" s="6">
        <v>195.92320000000001</v>
      </c>
    </row>
    <row r="12952" spans="4:5" x14ac:dyDescent="0.25">
      <c r="D12952" s="6">
        <v>540.39499999999998</v>
      </c>
      <c r="E12952" s="6">
        <v>175.5</v>
      </c>
    </row>
    <row r="12953" spans="4:5" x14ac:dyDescent="0.25">
      <c r="D12953" s="6">
        <v>529.38099999999997</v>
      </c>
      <c r="E12953" s="6">
        <v>475.96719999999999</v>
      </c>
    </row>
    <row r="12954" spans="4:5" x14ac:dyDescent="0.25">
      <c r="D12954" s="6">
        <v>1083.8009999999999</v>
      </c>
      <c r="E12954" s="6">
        <v>210.58410000000001</v>
      </c>
    </row>
    <row r="12955" spans="4:5" x14ac:dyDescent="0.25">
      <c r="D12955" s="6">
        <v>863</v>
      </c>
      <c r="E12955" s="6">
        <v>14701.07</v>
      </c>
    </row>
    <row r="12956" spans="4:5" x14ac:dyDescent="0.25">
      <c r="D12956" s="6">
        <v>821.625</v>
      </c>
      <c r="E12956" s="6">
        <v>116</v>
      </c>
    </row>
    <row r="12957" spans="4:5" x14ac:dyDescent="0.25">
      <c r="D12957" s="6">
        <v>1043.5</v>
      </c>
      <c r="E12957" s="6">
        <v>136.6318</v>
      </c>
    </row>
    <row r="12958" spans="4:5" x14ac:dyDescent="0.25">
      <c r="D12958" s="6">
        <v>669.71979999999996</v>
      </c>
      <c r="E12958" s="6">
        <v>123.01049999999999</v>
      </c>
    </row>
    <row r="12959" spans="4:5" x14ac:dyDescent="0.25">
      <c r="D12959" s="6">
        <v>540.24220000000003</v>
      </c>
      <c r="E12959" s="6">
        <v>79.626459999999994</v>
      </c>
    </row>
    <row r="12960" spans="4:5" x14ac:dyDescent="0.25">
      <c r="D12960" s="6">
        <v>810.88850000000002</v>
      </c>
      <c r="E12960" s="6">
        <v>1360.2629999999999</v>
      </c>
    </row>
    <row r="12961" spans="4:5" x14ac:dyDescent="0.25">
      <c r="D12961" s="6">
        <v>593.23140000000001</v>
      </c>
      <c r="E12961" s="6">
        <v>504.90690000000001</v>
      </c>
    </row>
    <row r="12962" spans="4:5" x14ac:dyDescent="0.25">
      <c r="D12962" s="6">
        <v>737.4375</v>
      </c>
      <c r="E12962" s="6">
        <v>1166.8520000000001</v>
      </c>
    </row>
    <row r="12963" spans="4:5" x14ac:dyDescent="0.25">
      <c r="D12963" s="6">
        <v>640</v>
      </c>
      <c r="E12963" s="6">
        <v>1375.9860000000001</v>
      </c>
    </row>
    <row r="12964" spans="4:5" x14ac:dyDescent="0.25">
      <c r="D12964" s="6">
        <v>1684.703</v>
      </c>
      <c r="E12964" s="6">
        <v>1264.6320000000001</v>
      </c>
    </row>
    <row r="12965" spans="4:5" x14ac:dyDescent="0.25">
      <c r="D12965" s="6">
        <v>4856.433</v>
      </c>
      <c r="E12965" s="6">
        <v>880.38409999999999</v>
      </c>
    </row>
    <row r="12966" spans="4:5" x14ac:dyDescent="0.25">
      <c r="D12966" s="6">
        <v>616.87509999999997</v>
      </c>
      <c r="E12966" s="6">
        <v>2348.7350000000001</v>
      </c>
    </row>
    <row r="12967" spans="4:5" x14ac:dyDescent="0.25">
      <c r="D12967" s="6">
        <v>734.20399999999995</v>
      </c>
      <c r="E12967" s="6">
        <v>456.8</v>
      </c>
    </row>
    <row r="12968" spans="4:5" x14ac:dyDescent="0.25">
      <c r="D12968" s="6">
        <v>675.24270000000001</v>
      </c>
      <c r="E12968" s="6">
        <v>1034.913</v>
      </c>
    </row>
    <row r="12969" spans="4:5" x14ac:dyDescent="0.25">
      <c r="D12969" s="6">
        <v>567</v>
      </c>
      <c r="E12969" s="6">
        <v>1032.5150000000001</v>
      </c>
    </row>
    <row r="12970" spans="4:5" x14ac:dyDescent="0.25">
      <c r="D12970" s="6">
        <v>967.5</v>
      </c>
      <c r="E12970" s="6">
        <v>1651.6949999999999</v>
      </c>
    </row>
    <row r="12971" spans="4:5" x14ac:dyDescent="0.25">
      <c r="D12971" s="6">
        <v>812.57140000000004</v>
      </c>
      <c r="E12971" s="6">
        <v>1939.521</v>
      </c>
    </row>
    <row r="12972" spans="4:5" x14ac:dyDescent="0.25">
      <c r="D12972" s="6">
        <v>861.16669999999999</v>
      </c>
      <c r="E12972" s="6">
        <v>629.5</v>
      </c>
    </row>
    <row r="12973" spans="4:5" x14ac:dyDescent="0.25">
      <c r="D12973" s="6">
        <v>886.03650000000005</v>
      </c>
      <c r="E12973" s="6">
        <v>976.15459999999996</v>
      </c>
    </row>
    <row r="12974" spans="4:5" x14ac:dyDescent="0.25">
      <c r="D12974" s="6">
        <v>639.40160000000003</v>
      </c>
      <c r="E12974" s="6">
        <v>1698.96</v>
      </c>
    </row>
    <row r="12975" spans="4:5" x14ac:dyDescent="0.25">
      <c r="D12975" s="6">
        <v>671.13710000000003</v>
      </c>
      <c r="E12975" s="6">
        <v>2425.9720000000002</v>
      </c>
    </row>
    <row r="12976" spans="4:5" x14ac:dyDescent="0.25">
      <c r="D12976" s="6">
        <v>411.46050000000002</v>
      </c>
      <c r="E12976" s="6">
        <v>2479.277</v>
      </c>
    </row>
    <row r="12977" spans="4:5" x14ac:dyDescent="0.25">
      <c r="D12977" s="6">
        <v>537.09760000000006</v>
      </c>
      <c r="E12977" s="6">
        <v>5950.4369999999999</v>
      </c>
    </row>
    <row r="12978" spans="4:5" x14ac:dyDescent="0.25">
      <c r="D12978" s="6">
        <v>503.46230000000003</v>
      </c>
      <c r="E12978" s="6">
        <v>1886.942</v>
      </c>
    </row>
    <row r="12979" spans="4:5" x14ac:dyDescent="0.25">
      <c r="D12979" s="6">
        <v>946.78160000000003</v>
      </c>
      <c r="E12979" s="6">
        <v>1218.1279999999999</v>
      </c>
    </row>
    <row r="12980" spans="4:5" x14ac:dyDescent="0.25">
      <c r="D12980" s="6">
        <v>708.6354</v>
      </c>
      <c r="E12980" s="6">
        <v>1568.1369999999999</v>
      </c>
    </row>
    <row r="12981" spans="4:5" x14ac:dyDescent="0.25">
      <c r="D12981" s="6">
        <v>825.5942</v>
      </c>
      <c r="E12981" s="6">
        <v>156.5994</v>
      </c>
    </row>
    <row r="12982" spans="4:5" x14ac:dyDescent="0.25">
      <c r="D12982" s="6">
        <v>1218.569</v>
      </c>
      <c r="E12982" s="6">
        <v>1340.0419999999999</v>
      </c>
    </row>
    <row r="12983" spans="4:5" x14ac:dyDescent="0.25">
      <c r="D12983" s="6">
        <v>880.86770000000001</v>
      </c>
      <c r="E12983" s="6">
        <v>727.22389999999996</v>
      </c>
    </row>
    <row r="12984" spans="4:5" x14ac:dyDescent="0.25">
      <c r="D12984" s="6">
        <v>484</v>
      </c>
      <c r="E12984" s="6">
        <v>992.31269999999995</v>
      </c>
    </row>
    <row r="12985" spans="4:5" x14ac:dyDescent="0.25">
      <c r="D12985" s="6">
        <v>492.46570000000003</v>
      </c>
      <c r="E12985" s="6">
        <v>631.00969999999995</v>
      </c>
    </row>
    <row r="12986" spans="4:5" x14ac:dyDescent="0.25">
      <c r="D12986" s="6">
        <v>424.94639999999998</v>
      </c>
      <c r="E12986" s="6">
        <v>1234.482</v>
      </c>
    </row>
    <row r="12987" spans="4:5" x14ac:dyDescent="0.25">
      <c r="D12987" s="6">
        <v>499.26710000000003</v>
      </c>
      <c r="E12987" s="6">
        <v>562.01220000000001</v>
      </c>
    </row>
    <row r="12988" spans="4:5" x14ac:dyDescent="0.25">
      <c r="D12988" s="6">
        <v>592.69989999999996</v>
      </c>
      <c r="E12988" s="6">
        <v>2330.502</v>
      </c>
    </row>
    <row r="12989" spans="4:5" x14ac:dyDescent="0.25">
      <c r="D12989" s="6">
        <v>1173.2860000000001</v>
      </c>
      <c r="E12989" s="6">
        <v>4215.1319999999996</v>
      </c>
    </row>
    <row r="12990" spans="4:5" x14ac:dyDescent="0.25">
      <c r="D12990" s="6">
        <v>657.17179999999996</v>
      </c>
      <c r="E12990" s="6">
        <v>607.63639999999998</v>
      </c>
    </row>
    <row r="12991" spans="4:5" x14ac:dyDescent="0.25">
      <c r="D12991" s="6">
        <v>589.62959999999998</v>
      </c>
      <c r="E12991" s="6">
        <v>3550.759</v>
      </c>
    </row>
    <row r="12992" spans="4:5" x14ac:dyDescent="0.25">
      <c r="D12992" s="6">
        <v>862.17579999999998</v>
      </c>
      <c r="E12992" s="6">
        <v>1139.0650000000001</v>
      </c>
    </row>
    <row r="12993" spans="4:5" x14ac:dyDescent="0.25">
      <c r="D12993" s="6">
        <v>419.4563</v>
      </c>
      <c r="E12993" s="6">
        <v>3499.9029999999998</v>
      </c>
    </row>
    <row r="12994" spans="4:5" x14ac:dyDescent="0.25">
      <c r="D12994" s="6">
        <v>656.48559999999998</v>
      </c>
      <c r="E12994" s="6">
        <v>556.30629999999996</v>
      </c>
    </row>
    <row r="12995" spans="4:5" x14ac:dyDescent="0.25">
      <c r="D12995" s="6">
        <v>2280.643</v>
      </c>
      <c r="E12995" s="6">
        <v>585.9384</v>
      </c>
    </row>
    <row r="12996" spans="4:5" x14ac:dyDescent="0.25">
      <c r="D12996" s="6">
        <v>512.1454</v>
      </c>
      <c r="E12996" s="6">
        <v>636.55200000000002</v>
      </c>
    </row>
    <row r="12997" spans="4:5" x14ac:dyDescent="0.25">
      <c r="D12997" s="6">
        <v>467.67020000000002</v>
      </c>
      <c r="E12997" s="6">
        <v>781.02710000000002</v>
      </c>
    </row>
    <row r="12998" spans="4:5" x14ac:dyDescent="0.25">
      <c r="D12998" s="6">
        <v>601.75</v>
      </c>
      <c r="E12998" s="6">
        <v>1322.9639999999999</v>
      </c>
    </row>
    <row r="12999" spans="4:5" x14ac:dyDescent="0.25">
      <c r="D12999" s="6">
        <v>1123.21</v>
      </c>
      <c r="E12999" s="6">
        <v>1164.498</v>
      </c>
    </row>
    <row r="13000" spans="4:5" x14ac:dyDescent="0.25">
      <c r="D13000" s="6">
        <v>833.5</v>
      </c>
      <c r="E13000" s="6">
        <v>4934.18</v>
      </c>
    </row>
    <row r="13001" spans="4:5" x14ac:dyDescent="0.25">
      <c r="D13001" s="6">
        <v>788.24659999999994</v>
      </c>
      <c r="E13001" s="6">
        <v>1692.2650000000001</v>
      </c>
    </row>
    <row r="13002" spans="4:5" x14ac:dyDescent="0.25">
      <c r="D13002" s="6">
        <v>1135.2329999999999</v>
      </c>
      <c r="E13002" s="6">
        <v>750.57560000000001</v>
      </c>
    </row>
    <row r="13003" spans="4:5" x14ac:dyDescent="0.25">
      <c r="D13003" s="6">
        <v>761.66279999999995</v>
      </c>
      <c r="E13003" s="6">
        <v>1103.107</v>
      </c>
    </row>
    <row r="13004" spans="4:5" x14ac:dyDescent="0.25">
      <c r="D13004" s="6">
        <v>767.87990000000002</v>
      </c>
      <c r="E13004" s="6">
        <v>716.18200000000002</v>
      </c>
    </row>
    <row r="13005" spans="4:5" x14ac:dyDescent="0.25">
      <c r="D13005" s="6">
        <v>384.2</v>
      </c>
      <c r="E13005" s="6">
        <v>1058.8230000000001</v>
      </c>
    </row>
    <row r="13006" spans="4:5" x14ac:dyDescent="0.25">
      <c r="D13006" s="6">
        <v>868.17650000000003</v>
      </c>
      <c r="E13006" s="6">
        <v>1035.2149999999999</v>
      </c>
    </row>
    <row r="13007" spans="4:5" x14ac:dyDescent="0.25">
      <c r="D13007" s="6">
        <v>562.20249999999999</v>
      </c>
      <c r="E13007" s="6">
        <v>4639.4260000000004</v>
      </c>
    </row>
    <row r="13008" spans="4:5" x14ac:dyDescent="0.25">
      <c r="D13008" s="6">
        <v>612.53570000000002</v>
      </c>
      <c r="E13008" s="6">
        <v>186.63589999999999</v>
      </c>
    </row>
    <row r="13009" spans="4:5" x14ac:dyDescent="0.25">
      <c r="D13009" s="6">
        <v>496.86320000000001</v>
      </c>
      <c r="E13009" s="6">
        <v>1108.5889999999999</v>
      </c>
    </row>
    <row r="13010" spans="4:5" x14ac:dyDescent="0.25">
      <c r="D13010" s="6">
        <v>628.23500000000001</v>
      </c>
      <c r="E13010" s="6">
        <v>454</v>
      </c>
    </row>
    <row r="13011" spans="4:5" x14ac:dyDescent="0.25">
      <c r="D13011" s="6">
        <v>1081.9880000000001</v>
      </c>
      <c r="E13011" s="6">
        <v>1269.1600000000001</v>
      </c>
    </row>
    <row r="13012" spans="4:5" x14ac:dyDescent="0.25">
      <c r="D13012" s="6">
        <v>456.702</v>
      </c>
      <c r="E13012" s="6">
        <v>579.4529</v>
      </c>
    </row>
    <row r="13013" spans="4:5" x14ac:dyDescent="0.25">
      <c r="D13013" s="6">
        <v>589.23479999999995</v>
      </c>
      <c r="E13013" s="6">
        <v>725.31550000000004</v>
      </c>
    </row>
    <row r="13014" spans="4:5" x14ac:dyDescent="0.25">
      <c r="D13014" s="6">
        <v>697.01099999999997</v>
      </c>
      <c r="E13014" s="6">
        <v>8797.2710000000006</v>
      </c>
    </row>
    <row r="13015" spans="4:5" x14ac:dyDescent="0.25">
      <c r="D13015" s="6">
        <v>901.36440000000005</v>
      </c>
      <c r="E13015" s="6">
        <v>6214.5429999999997</v>
      </c>
    </row>
    <row r="13016" spans="4:5" x14ac:dyDescent="0.25">
      <c r="D13016" s="6">
        <v>3290.386</v>
      </c>
      <c r="E13016" s="6">
        <v>662.41470000000004</v>
      </c>
    </row>
    <row r="13017" spans="4:5" x14ac:dyDescent="0.25">
      <c r="D13017" s="6">
        <v>4750.826</v>
      </c>
      <c r="E13017" s="6">
        <v>9242.2810000000009</v>
      </c>
    </row>
    <row r="13018" spans="4:5" x14ac:dyDescent="0.25">
      <c r="D13018" s="6">
        <v>924.76189999999997</v>
      </c>
      <c r="E13018" s="6">
        <v>1481.0409999999999</v>
      </c>
    </row>
    <row r="13019" spans="4:5" x14ac:dyDescent="0.25">
      <c r="D13019" s="6">
        <v>692.25710000000004</v>
      </c>
      <c r="E13019" s="6">
        <v>2315</v>
      </c>
    </row>
    <row r="13020" spans="4:5" x14ac:dyDescent="0.25">
      <c r="D13020" s="6">
        <v>625.3673</v>
      </c>
      <c r="E13020" s="6">
        <v>582.0258</v>
      </c>
    </row>
    <row r="13021" spans="4:5" x14ac:dyDescent="0.25">
      <c r="D13021" s="6">
        <v>370.9074</v>
      </c>
      <c r="E13021" s="6">
        <v>593.22119999999995</v>
      </c>
    </row>
    <row r="13022" spans="4:5" x14ac:dyDescent="0.25">
      <c r="D13022" s="6">
        <v>776.96460000000002</v>
      </c>
      <c r="E13022" s="6">
        <v>1026.5070000000001</v>
      </c>
    </row>
    <row r="13023" spans="4:5" x14ac:dyDescent="0.25">
      <c r="D13023" s="6">
        <v>847.86599999999999</v>
      </c>
      <c r="E13023" s="6">
        <v>1193.144</v>
      </c>
    </row>
    <row r="13024" spans="4:5" x14ac:dyDescent="0.25">
      <c r="D13024" s="6">
        <v>922.47699999999998</v>
      </c>
      <c r="E13024" s="6">
        <v>8613.7549999999992</v>
      </c>
    </row>
    <row r="13025" spans="4:5" x14ac:dyDescent="0.25">
      <c r="D13025" s="6">
        <v>1360.0309999999999</v>
      </c>
      <c r="E13025" s="6">
        <v>1167.261</v>
      </c>
    </row>
    <row r="13026" spans="4:5" x14ac:dyDescent="0.25">
      <c r="D13026" s="6">
        <v>513.98170000000005</v>
      </c>
      <c r="E13026" s="6">
        <v>777.053</v>
      </c>
    </row>
    <row r="13027" spans="4:5" x14ac:dyDescent="0.25">
      <c r="D13027" s="6">
        <v>496.92950000000002</v>
      </c>
      <c r="E13027" s="6">
        <v>1252.377</v>
      </c>
    </row>
    <row r="13028" spans="4:5" x14ac:dyDescent="0.25">
      <c r="D13028" s="6">
        <v>562.66669999999999</v>
      </c>
      <c r="E13028" s="6">
        <v>1729.278</v>
      </c>
    </row>
    <row r="13029" spans="4:5" x14ac:dyDescent="0.25">
      <c r="D13029" s="6">
        <v>10487.5</v>
      </c>
      <c r="E13029" s="6">
        <v>1580.819</v>
      </c>
    </row>
    <row r="13030" spans="4:5" x14ac:dyDescent="0.25">
      <c r="D13030" s="6">
        <v>790.21230000000003</v>
      </c>
      <c r="E13030" s="6">
        <v>768.6721</v>
      </c>
    </row>
    <row r="13031" spans="4:5" x14ac:dyDescent="0.25">
      <c r="D13031" s="6">
        <v>394.82760000000002</v>
      </c>
      <c r="E13031" s="6">
        <v>14282.34</v>
      </c>
    </row>
    <row r="13032" spans="4:5" x14ac:dyDescent="0.25">
      <c r="D13032" s="6">
        <v>597.74789999999996</v>
      </c>
      <c r="E13032" s="6">
        <v>1253.3689999999999</v>
      </c>
    </row>
    <row r="13033" spans="4:5" x14ac:dyDescent="0.25">
      <c r="D13033" s="6">
        <v>760.84580000000005</v>
      </c>
      <c r="E13033" s="6">
        <v>771.6567</v>
      </c>
    </row>
    <row r="13034" spans="4:5" x14ac:dyDescent="0.25">
      <c r="D13034" s="6">
        <v>735.91409999999996</v>
      </c>
      <c r="E13034" s="6">
        <v>1494.0940000000001</v>
      </c>
    </row>
    <row r="13035" spans="4:5" x14ac:dyDescent="0.25">
      <c r="D13035" s="6">
        <v>791.4</v>
      </c>
      <c r="E13035" s="6">
        <v>1371.145</v>
      </c>
    </row>
    <row r="13036" spans="4:5" x14ac:dyDescent="0.25">
      <c r="D13036" s="6">
        <v>5410.5910000000003</v>
      </c>
      <c r="E13036" s="6">
        <v>1103.6980000000001</v>
      </c>
    </row>
    <row r="13037" spans="4:5" x14ac:dyDescent="0.25">
      <c r="D13037" s="6">
        <v>918.61289999999997</v>
      </c>
      <c r="E13037" s="6">
        <v>1019.283</v>
      </c>
    </row>
    <row r="13038" spans="4:5" x14ac:dyDescent="0.25">
      <c r="D13038" s="6">
        <v>1592.93</v>
      </c>
      <c r="E13038" s="6">
        <v>2124.7109999999998</v>
      </c>
    </row>
    <row r="13039" spans="4:5" x14ac:dyDescent="0.25">
      <c r="D13039" s="6">
        <v>767.0711</v>
      </c>
      <c r="E13039" s="6">
        <v>655.43870000000004</v>
      </c>
    </row>
    <row r="13040" spans="4:5" x14ac:dyDescent="0.25">
      <c r="D13040" s="6">
        <v>796.37699999999995</v>
      </c>
      <c r="E13040" s="6">
        <v>1151.067</v>
      </c>
    </row>
    <row r="13041" spans="4:5" x14ac:dyDescent="0.25">
      <c r="D13041" s="6">
        <v>734.97659999999996</v>
      </c>
      <c r="E13041" s="6">
        <v>923.10469999999998</v>
      </c>
    </row>
    <row r="13042" spans="4:5" x14ac:dyDescent="0.25">
      <c r="D13042" s="6">
        <v>1043.114</v>
      </c>
      <c r="E13042" s="6">
        <v>1253.5</v>
      </c>
    </row>
    <row r="13043" spans="4:5" x14ac:dyDescent="0.25">
      <c r="D13043" s="6">
        <v>641.45309999999995</v>
      </c>
      <c r="E13043" s="6">
        <v>9748.6149999999998</v>
      </c>
    </row>
    <row r="13044" spans="4:5" x14ac:dyDescent="0.25">
      <c r="D13044" s="6">
        <v>1682.0050000000001</v>
      </c>
      <c r="E13044" s="6">
        <v>767.52380000000005</v>
      </c>
    </row>
    <row r="13045" spans="4:5" x14ac:dyDescent="0.25">
      <c r="D13045" s="6">
        <v>529.25160000000005</v>
      </c>
      <c r="E13045" s="6">
        <v>719.16</v>
      </c>
    </row>
    <row r="13046" spans="4:5" x14ac:dyDescent="0.25">
      <c r="D13046" s="6">
        <v>1246.5</v>
      </c>
      <c r="E13046" s="6">
        <v>672.67589999999996</v>
      </c>
    </row>
    <row r="13047" spans="4:5" x14ac:dyDescent="0.25">
      <c r="D13047" s="6">
        <v>456.125</v>
      </c>
      <c r="E13047" s="6">
        <v>527.13319999999999</v>
      </c>
    </row>
    <row r="13048" spans="4:5" x14ac:dyDescent="0.25">
      <c r="D13048" s="6">
        <v>1154.145</v>
      </c>
      <c r="E13048" s="6">
        <v>911.26229999999998</v>
      </c>
    </row>
    <row r="13049" spans="4:5" x14ac:dyDescent="0.25">
      <c r="D13049" s="6">
        <v>661</v>
      </c>
      <c r="E13049" s="6">
        <v>931</v>
      </c>
    </row>
    <row r="13050" spans="4:5" x14ac:dyDescent="0.25">
      <c r="D13050" s="6">
        <v>411.8818</v>
      </c>
      <c r="E13050" s="6">
        <v>795.29570000000001</v>
      </c>
    </row>
    <row r="13051" spans="4:5" x14ac:dyDescent="0.25">
      <c r="D13051" s="6">
        <v>593.31110000000001</v>
      </c>
      <c r="E13051" s="6">
        <v>725.04870000000005</v>
      </c>
    </row>
    <row r="13052" spans="4:5" x14ac:dyDescent="0.25">
      <c r="D13052" s="6">
        <v>3709.81</v>
      </c>
      <c r="E13052" s="6">
        <v>720.16330000000005</v>
      </c>
    </row>
    <row r="13053" spans="4:5" x14ac:dyDescent="0.25">
      <c r="D13053" s="6">
        <v>539.10530000000006</v>
      </c>
      <c r="E13053" s="6">
        <v>547.94200000000001</v>
      </c>
    </row>
    <row r="13054" spans="4:5" x14ac:dyDescent="0.25">
      <c r="D13054" s="6">
        <v>543.27800000000002</v>
      </c>
      <c r="E13054" s="6">
        <v>1024.0309999999999</v>
      </c>
    </row>
    <row r="13055" spans="4:5" x14ac:dyDescent="0.25">
      <c r="D13055" s="6">
        <v>607.84780000000001</v>
      </c>
      <c r="E13055" s="6">
        <v>838.63350000000003</v>
      </c>
    </row>
    <row r="13056" spans="4:5" x14ac:dyDescent="0.25">
      <c r="D13056" s="6">
        <v>391.95350000000002</v>
      </c>
      <c r="E13056" s="6">
        <v>2412.3809999999999</v>
      </c>
    </row>
    <row r="13057" spans="4:5" x14ac:dyDescent="0.25">
      <c r="D13057" s="6">
        <v>520.2998</v>
      </c>
      <c r="E13057" s="6">
        <v>2456.2069999999999</v>
      </c>
    </row>
    <row r="13058" spans="4:5" x14ac:dyDescent="0.25">
      <c r="D13058" s="6">
        <v>941.64179999999999</v>
      </c>
      <c r="E13058" s="6">
        <v>685.36260000000004</v>
      </c>
    </row>
    <row r="13059" spans="4:5" x14ac:dyDescent="0.25">
      <c r="D13059" s="6">
        <v>1078.5</v>
      </c>
      <c r="E13059" s="6">
        <v>746.27710000000002</v>
      </c>
    </row>
    <row r="13060" spans="4:5" x14ac:dyDescent="0.25">
      <c r="D13060" s="6">
        <v>723.00840000000005</v>
      </c>
      <c r="E13060" s="6">
        <v>1059.3130000000001</v>
      </c>
    </row>
    <row r="13061" spans="4:5" x14ac:dyDescent="0.25">
      <c r="D13061" s="6">
        <v>587.09659999999997</v>
      </c>
      <c r="E13061" s="6">
        <v>2069.556</v>
      </c>
    </row>
    <row r="13062" spans="4:5" x14ac:dyDescent="0.25">
      <c r="D13062" s="6">
        <v>633.58240000000001</v>
      </c>
      <c r="E13062" s="6">
        <v>9855.5949999999993</v>
      </c>
    </row>
    <row r="13063" spans="4:5" x14ac:dyDescent="0.25">
      <c r="D13063" s="6">
        <v>727.13570000000004</v>
      </c>
      <c r="E13063" s="6">
        <v>845.82420000000002</v>
      </c>
    </row>
    <row r="13064" spans="4:5" x14ac:dyDescent="0.25">
      <c r="D13064" s="6">
        <v>591.63430000000005</v>
      </c>
      <c r="E13064" s="6">
        <v>780.58799999999997</v>
      </c>
    </row>
    <row r="13065" spans="4:5" x14ac:dyDescent="0.25">
      <c r="D13065" s="6">
        <v>835.81820000000005</v>
      </c>
      <c r="E13065" s="6">
        <v>849.13580000000002</v>
      </c>
    </row>
    <row r="13066" spans="4:5" x14ac:dyDescent="0.25">
      <c r="D13066" s="6">
        <v>546.59680000000003</v>
      </c>
      <c r="E13066" s="6">
        <v>722.36</v>
      </c>
    </row>
    <row r="13067" spans="4:5" x14ac:dyDescent="0.25">
      <c r="D13067" s="6">
        <v>641.53949999999998</v>
      </c>
      <c r="E13067" s="6">
        <v>2448</v>
      </c>
    </row>
    <row r="13068" spans="4:5" x14ac:dyDescent="0.25">
      <c r="D13068" s="6">
        <v>653.26980000000003</v>
      </c>
      <c r="E13068" s="6">
        <v>1012</v>
      </c>
    </row>
    <row r="13069" spans="4:5" x14ac:dyDescent="0.25">
      <c r="D13069" s="6">
        <v>874.72339999999997</v>
      </c>
      <c r="E13069" s="6">
        <v>716.52260000000001</v>
      </c>
    </row>
    <row r="13070" spans="4:5" x14ac:dyDescent="0.25">
      <c r="D13070" s="6">
        <v>469.77390000000003</v>
      </c>
      <c r="E13070" s="6">
        <v>1020.375</v>
      </c>
    </row>
    <row r="13071" spans="4:5" x14ac:dyDescent="0.25">
      <c r="D13071" s="6">
        <v>428.69209999999998</v>
      </c>
      <c r="E13071" s="6">
        <v>737.82889999999998</v>
      </c>
    </row>
    <row r="13072" spans="4:5" x14ac:dyDescent="0.25">
      <c r="D13072" s="6">
        <v>456.41910000000001</v>
      </c>
      <c r="E13072" s="6">
        <v>835.5</v>
      </c>
    </row>
    <row r="13073" spans="4:5" x14ac:dyDescent="0.25">
      <c r="D13073" s="6">
        <v>723.43600000000004</v>
      </c>
      <c r="E13073" s="6">
        <v>8099.2129999999997</v>
      </c>
    </row>
    <row r="13074" spans="4:5" x14ac:dyDescent="0.25">
      <c r="D13074" s="6">
        <v>1898.7249999999999</v>
      </c>
      <c r="E13074" s="6">
        <v>964.99109999999996</v>
      </c>
    </row>
    <row r="13075" spans="4:5" x14ac:dyDescent="0.25">
      <c r="D13075" s="6">
        <v>447.28390000000002</v>
      </c>
      <c r="E13075" s="6">
        <v>748.7201</v>
      </c>
    </row>
    <row r="13076" spans="4:5" x14ac:dyDescent="0.25">
      <c r="D13076" s="6">
        <v>563.46410000000003</v>
      </c>
      <c r="E13076" s="6">
        <v>452.72620000000001</v>
      </c>
    </row>
    <row r="13077" spans="4:5" x14ac:dyDescent="0.25">
      <c r="D13077" s="6">
        <v>2296.2049999999999</v>
      </c>
      <c r="E13077" s="6">
        <v>2621.2950000000001</v>
      </c>
    </row>
    <row r="13078" spans="4:5" x14ac:dyDescent="0.25">
      <c r="D13078" s="6">
        <v>1763.163</v>
      </c>
      <c r="E13078" s="6">
        <v>535.24069999999995</v>
      </c>
    </row>
    <row r="13079" spans="4:5" x14ac:dyDescent="0.25">
      <c r="D13079" s="6">
        <v>671.93200000000002</v>
      </c>
      <c r="E13079" s="6">
        <v>713.33510000000001</v>
      </c>
    </row>
    <row r="13080" spans="4:5" x14ac:dyDescent="0.25">
      <c r="D13080" s="6">
        <v>870.08640000000003</v>
      </c>
      <c r="E13080" s="6">
        <v>821.46969999999999</v>
      </c>
    </row>
    <row r="13081" spans="4:5" x14ac:dyDescent="0.25">
      <c r="D13081" s="6">
        <v>938.43489999999997</v>
      </c>
      <c r="E13081" s="6">
        <v>13736.6</v>
      </c>
    </row>
    <row r="13082" spans="4:5" x14ac:dyDescent="0.25">
      <c r="D13082" s="6">
        <v>485.95530000000002</v>
      </c>
      <c r="E13082" s="6">
        <v>862.61490000000003</v>
      </c>
    </row>
    <row r="13083" spans="4:5" x14ac:dyDescent="0.25">
      <c r="D13083" s="6">
        <v>521.93690000000004</v>
      </c>
      <c r="E13083" s="6">
        <v>554.95039999999995</v>
      </c>
    </row>
    <row r="13084" spans="4:5" x14ac:dyDescent="0.25">
      <c r="D13084" s="6">
        <v>788.68129999999996</v>
      </c>
      <c r="E13084" s="6">
        <v>787.64260000000002</v>
      </c>
    </row>
    <row r="13085" spans="4:5" x14ac:dyDescent="0.25">
      <c r="D13085" s="6">
        <v>1121.25</v>
      </c>
      <c r="E13085" s="6">
        <v>663.154</v>
      </c>
    </row>
    <row r="13086" spans="4:5" x14ac:dyDescent="0.25">
      <c r="D13086" s="6">
        <v>963</v>
      </c>
      <c r="E13086" s="6">
        <v>2742.471</v>
      </c>
    </row>
    <row r="13087" spans="4:5" x14ac:dyDescent="0.25">
      <c r="D13087" s="6">
        <v>690.36580000000004</v>
      </c>
      <c r="E13087" s="6">
        <v>1022.664</v>
      </c>
    </row>
    <row r="13088" spans="4:5" x14ac:dyDescent="0.25">
      <c r="D13088" s="6">
        <v>857.66669999999999</v>
      </c>
      <c r="E13088" s="6">
        <v>6256.4290000000001</v>
      </c>
    </row>
    <row r="13089" spans="4:5" x14ac:dyDescent="0.25">
      <c r="D13089" s="6">
        <v>473.80930000000001</v>
      </c>
      <c r="E13089" s="6">
        <v>1131.444</v>
      </c>
    </row>
    <row r="13090" spans="4:5" x14ac:dyDescent="0.25">
      <c r="D13090" s="6">
        <v>781.65340000000003</v>
      </c>
      <c r="E13090" s="6">
        <v>881.64030000000002</v>
      </c>
    </row>
    <row r="13091" spans="4:5" x14ac:dyDescent="0.25">
      <c r="D13091" s="6">
        <v>3050.2260000000001</v>
      </c>
      <c r="E13091" s="6">
        <v>566.59400000000005</v>
      </c>
    </row>
    <row r="13092" spans="4:5" x14ac:dyDescent="0.25">
      <c r="D13092" s="6">
        <v>626</v>
      </c>
      <c r="E13092" s="6">
        <v>871.81129999999996</v>
      </c>
    </row>
    <row r="13093" spans="4:5" x14ac:dyDescent="0.25">
      <c r="D13093" s="6">
        <v>936.44910000000004</v>
      </c>
      <c r="E13093" s="6">
        <v>812.26750000000004</v>
      </c>
    </row>
    <row r="13094" spans="4:5" x14ac:dyDescent="0.25">
      <c r="D13094" s="6">
        <v>1028.625</v>
      </c>
      <c r="E13094" s="6">
        <v>955.53160000000003</v>
      </c>
    </row>
    <row r="13095" spans="4:5" x14ac:dyDescent="0.25">
      <c r="D13095" s="6">
        <v>586.66669999999999</v>
      </c>
      <c r="E13095" s="6">
        <v>762.79010000000005</v>
      </c>
    </row>
    <row r="13096" spans="4:5" x14ac:dyDescent="0.25">
      <c r="D13096" s="6">
        <v>928.62270000000001</v>
      </c>
      <c r="E13096" s="6">
        <v>738.89089999999999</v>
      </c>
    </row>
    <row r="13097" spans="4:5" x14ac:dyDescent="0.25">
      <c r="D13097" s="6">
        <v>653.58339999999998</v>
      </c>
      <c r="E13097" s="6">
        <v>1083.201</v>
      </c>
    </row>
    <row r="13098" spans="4:5" x14ac:dyDescent="0.25">
      <c r="D13098" s="6">
        <v>677.75819999999999</v>
      </c>
      <c r="E13098" s="6">
        <v>2885</v>
      </c>
    </row>
    <row r="13099" spans="4:5" x14ac:dyDescent="0.25">
      <c r="D13099" s="6">
        <v>736.66449999999998</v>
      </c>
      <c r="E13099" s="6">
        <v>7750.4570000000003</v>
      </c>
    </row>
    <row r="13100" spans="4:5" x14ac:dyDescent="0.25">
      <c r="D13100" s="6">
        <v>670.30330000000004</v>
      </c>
      <c r="E13100" s="6">
        <v>757.375</v>
      </c>
    </row>
    <row r="13101" spans="4:5" x14ac:dyDescent="0.25">
      <c r="D13101" s="6">
        <v>765.45169999999996</v>
      </c>
      <c r="E13101" s="6">
        <v>715.52809999999999</v>
      </c>
    </row>
    <row r="13102" spans="4:5" x14ac:dyDescent="0.25">
      <c r="D13102" s="6">
        <v>506</v>
      </c>
      <c r="E13102" s="6">
        <v>768.72730000000001</v>
      </c>
    </row>
    <row r="13103" spans="4:5" x14ac:dyDescent="0.25">
      <c r="D13103" s="6">
        <v>561</v>
      </c>
      <c r="E13103" s="6">
        <v>1058.008</v>
      </c>
    </row>
    <row r="13104" spans="4:5" x14ac:dyDescent="0.25">
      <c r="D13104" s="6">
        <v>574.5</v>
      </c>
      <c r="E13104" s="6">
        <v>891.84220000000005</v>
      </c>
    </row>
    <row r="13105" spans="4:5" x14ac:dyDescent="0.25">
      <c r="D13105" s="6">
        <v>551.31939999999997</v>
      </c>
      <c r="E13105" s="6">
        <v>747.34220000000005</v>
      </c>
    </row>
    <row r="13106" spans="4:5" x14ac:dyDescent="0.25">
      <c r="D13106" s="6">
        <v>1442.4929999999999</v>
      </c>
      <c r="E13106" s="6">
        <v>813.94860000000006</v>
      </c>
    </row>
    <row r="13107" spans="4:5" x14ac:dyDescent="0.25">
      <c r="D13107" s="6">
        <v>785.97569999999996</v>
      </c>
      <c r="E13107" s="6">
        <v>2539.9380000000001</v>
      </c>
    </row>
    <row r="13108" spans="4:5" x14ac:dyDescent="0.25">
      <c r="D13108" s="6">
        <v>1731.538</v>
      </c>
      <c r="E13108" s="6">
        <v>1032.923</v>
      </c>
    </row>
    <row r="13109" spans="4:5" x14ac:dyDescent="0.25">
      <c r="D13109" s="6">
        <v>1121.4829999999999</v>
      </c>
      <c r="E13109" s="6">
        <v>745.55309999999997</v>
      </c>
    </row>
    <row r="13110" spans="4:5" x14ac:dyDescent="0.25">
      <c r="D13110" s="6">
        <v>1104.5</v>
      </c>
      <c r="E13110" s="6">
        <v>644.93679999999995</v>
      </c>
    </row>
    <row r="13111" spans="4:5" x14ac:dyDescent="0.25">
      <c r="D13111" s="6">
        <v>447.80950000000001</v>
      </c>
      <c r="E13111" s="6">
        <v>922</v>
      </c>
    </row>
    <row r="13112" spans="4:5" x14ac:dyDescent="0.25">
      <c r="D13112" s="6">
        <v>658.89599999999996</v>
      </c>
      <c r="E13112" s="6">
        <v>829.14589999999998</v>
      </c>
    </row>
    <row r="13113" spans="4:5" x14ac:dyDescent="0.25">
      <c r="D13113" s="6">
        <v>486.452</v>
      </c>
      <c r="E13113" s="6">
        <v>980.66669999999999</v>
      </c>
    </row>
    <row r="13114" spans="4:5" x14ac:dyDescent="0.25">
      <c r="D13114" s="6">
        <v>619.07439999999997</v>
      </c>
      <c r="E13114" s="6">
        <v>1346</v>
      </c>
    </row>
    <row r="13115" spans="4:5" x14ac:dyDescent="0.25">
      <c r="D13115" s="6">
        <v>763.83690000000001</v>
      </c>
      <c r="E13115" s="6">
        <v>2688</v>
      </c>
    </row>
    <row r="13116" spans="4:5" x14ac:dyDescent="0.25">
      <c r="D13116" s="6">
        <v>1043.8889999999999</v>
      </c>
      <c r="E13116" s="6">
        <v>720.64110000000005</v>
      </c>
    </row>
    <row r="13117" spans="4:5" x14ac:dyDescent="0.25">
      <c r="D13117" s="6">
        <v>674.93470000000002</v>
      </c>
      <c r="E13117" s="6">
        <v>727.56740000000002</v>
      </c>
    </row>
    <row r="13118" spans="4:5" x14ac:dyDescent="0.25">
      <c r="D13118" s="6">
        <v>469.22359999999998</v>
      </c>
      <c r="E13118" s="6">
        <v>1505.558</v>
      </c>
    </row>
    <row r="13119" spans="4:5" x14ac:dyDescent="0.25">
      <c r="D13119" s="6">
        <v>436.34429999999998</v>
      </c>
      <c r="E13119" s="6">
        <v>1354.5709999999999</v>
      </c>
    </row>
    <row r="13120" spans="4:5" x14ac:dyDescent="0.25">
      <c r="D13120" s="6">
        <v>1835.423</v>
      </c>
      <c r="E13120" s="6">
        <v>1143.231</v>
      </c>
    </row>
    <row r="13121" spans="4:5" x14ac:dyDescent="0.25">
      <c r="D13121" s="6">
        <v>860.12729999999999</v>
      </c>
      <c r="E13121" s="6">
        <v>760.76949999999999</v>
      </c>
    </row>
    <row r="13122" spans="4:5" x14ac:dyDescent="0.25">
      <c r="D13122" s="6">
        <v>584.10119999999995</v>
      </c>
      <c r="E13122" s="6">
        <v>679.47820000000002</v>
      </c>
    </row>
    <row r="13123" spans="4:5" x14ac:dyDescent="0.25">
      <c r="D13123" s="6">
        <v>687.47090000000003</v>
      </c>
      <c r="E13123" s="6">
        <v>874.22900000000004</v>
      </c>
    </row>
    <row r="13124" spans="4:5" x14ac:dyDescent="0.25">
      <c r="D13124" s="6">
        <v>554.51239999999996</v>
      </c>
      <c r="E13124" s="6">
        <v>843.0847</v>
      </c>
    </row>
    <row r="13125" spans="4:5" x14ac:dyDescent="0.25">
      <c r="D13125" s="6">
        <v>1146.7249999999999</v>
      </c>
      <c r="E13125" s="6">
        <v>844.28300000000002</v>
      </c>
    </row>
    <row r="13126" spans="4:5" x14ac:dyDescent="0.25">
      <c r="D13126" s="6">
        <v>559.32510000000002</v>
      </c>
      <c r="E13126" s="6">
        <v>750.3098</v>
      </c>
    </row>
    <row r="13127" spans="4:5" x14ac:dyDescent="0.25">
      <c r="D13127" s="6">
        <v>686.4212</v>
      </c>
      <c r="E13127" s="6">
        <v>8276.5</v>
      </c>
    </row>
    <row r="13128" spans="4:5" x14ac:dyDescent="0.25">
      <c r="D13128" s="6">
        <v>553.74890000000005</v>
      </c>
      <c r="E13128" s="6">
        <v>691.55349999999999</v>
      </c>
    </row>
    <row r="13129" spans="4:5" x14ac:dyDescent="0.25">
      <c r="D13129" s="6">
        <v>1511.231</v>
      </c>
      <c r="E13129" s="6">
        <v>653.55560000000003</v>
      </c>
    </row>
    <row r="13130" spans="4:5" x14ac:dyDescent="0.25">
      <c r="D13130" s="6">
        <v>729.76260000000002</v>
      </c>
      <c r="E13130" s="6">
        <v>1019.338</v>
      </c>
    </row>
    <row r="13131" spans="4:5" x14ac:dyDescent="0.25">
      <c r="D13131" s="6">
        <v>755.49279999999999</v>
      </c>
      <c r="E13131" s="6">
        <v>705.37310000000002</v>
      </c>
    </row>
    <row r="13132" spans="4:5" x14ac:dyDescent="0.25">
      <c r="D13132" s="6">
        <v>564.06389999999999</v>
      </c>
      <c r="E13132" s="6">
        <v>710.22220000000004</v>
      </c>
    </row>
    <row r="13133" spans="4:5" x14ac:dyDescent="0.25">
      <c r="D13133" s="6">
        <v>721.03930000000003</v>
      </c>
      <c r="E13133" s="6">
        <v>818.06420000000003</v>
      </c>
    </row>
    <row r="13134" spans="4:5" x14ac:dyDescent="0.25">
      <c r="D13134" s="6">
        <v>546.34829999999999</v>
      </c>
      <c r="E13134" s="6">
        <v>1089.8019999999999</v>
      </c>
    </row>
    <row r="13135" spans="4:5" x14ac:dyDescent="0.25">
      <c r="D13135" s="6">
        <v>587.75279999999998</v>
      </c>
      <c r="E13135" s="6">
        <v>1426.1320000000001</v>
      </c>
    </row>
    <row r="13136" spans="4:5" x14ac:dyDescent="0.25">
      <c r="D13136" s="6">
        <v>497.56900000000002</v>
      </c>
      <c r="E13136" s="6">
        <v>2661.1669999999999</v>
      </c>
    </row>
    <row r="13137" spans="4:5" x14ac:dyDescent="0.25">
      <c r="D13137" s="6">
        <v>917.0326</v>
      </c>
      <c r="E13137" s="6">
        <v>1757.5809999999999</v>
      </c>
    </row>
    <row r="13138" spans="4:5" x14ac:dyDescent="0.25">
      <c r="D13138" s="6">
        <v>846.86869999999999</v>
      </c>
      <c r="E13138" s="6">
        <v>781.20079999999996</v>
      </c>
    </row>
    <row r="13139" spans="4:5" x14ac:dyDescent="0.25">
      <c r="D13139" s="6">
        <v>726.6277</v>
      </c>
      <c r="E13139" s="6">
        <v>1741.9739999999999</v>
      </c>
    </row>
    <row r="13140" spans="4:5" x14ac:dyDescent="0.25">
      <c r="D13140" s="6">
        <v>743.15480000000002</v>
      </c>
      <c r="E13140" s="6">
        <v>936.33330000000001</v>
      </c>
    </row>
    <row r="13141" spans="4:5" x14ac:dyDescent="0.25">
      <c r="D13141" s="6">
        <v>750.54840000000002</v>
      </c>
      <c r="E13141" s="6">
        <v>1258.3240000000001</v>
      </c>
    </row>
    <row r="13142" spans="4:5" x14ac:dyDescent="0.25">
      <c r="D13142" s="6">
        <v>926.5</v>
      </c>
      <c r="E13142" s="6">
        <v>804.38289999999995</v>
      </c>
    </row>
    <row r="13143" spans="4:5" x14ac:dyDescent="0.25">
      <c r="D13143" s="6">
        <v>774.07690000000002</v>
      </c>
      <c r="E13143" s="6">
        <v>811.04679999999996</v>
      </c>
    </row>
    <row r="13144" spans="4:5" x14ac:dyDescent="0.25">
      <c r="D13144" s="6">
        <v>643</v>
      </c>
      <c r="E13144" s="6">
        <v>826.4479</v>
      </c>
    </row>
    <row r="13145" spans="4:5" x14ac:dyDescent="0.25">
      <c r="D13145" s="6">
        <v>669.61770000000001</v>
      </c>
      <c r="E13145" s="6">
        <v>767.99659999999994</v>
      </c>
    </row>
    <row r="13146" spans="4:5" x14ac:dyDescent="0.25">
      <c r="D13146" s="6">
        <v>738.20860000000005</v>
      </c>
      <c r="E13146" s="6">
        <v>628.90530000000001</v>
      </c>
    </row>
    <row r="13147" spans="4:5" x14ac:dyDescent="0.25">
      <c r="D13147" s="6">
        <v>637.80679999999995</v>
      </c>
      <c r="E13147" s="6">
        <v>1081.357</v>
      </c>
    </row>
    <row r="13148" spans="4:5" x14ac:dyDescent="0.25">
      <c r="D13148" s="6">
        <v>499</v>
      </c>
      <c r="E13148" s="6">
        <v>8138.5649999999996</v>
      </c>
    </row>
    <row r="13149" spans="4:5" x14ac:dyDescent="0.25">
      <c r="D13149" s="6">
        <v>690.83519999999999</v>
      </c>
      <c r="E13149" s="6">
        <v>1256.819</v>
      </c>
    </row>
    <row r="13150" spans="4:5" x14ac:dyDescent="0.25">
      <c r="D13150" s="6">
        <v>858.24450000000002</v>
      </c>
      <c r="E13150" s="6">
        <v>936.49779999999998</v>
      </c>
    </row>
    <row r="13151" spans="4:5" x14ac:dyDescent="0.25">
      <c r="D13151" s="6">
        <v>499.13920000000002</v>
      </c>
      <c r="E13151" s="6">
        <v>541.83330000000001</v>
      </c>
    </row>
    <row r="13152" spans="4:5" x14ac:dyDescent="0.25">
      <c r="D13152" s="6">
        <v>1231.8119999999999</v>
      </c>
      <c r="E13152" s="6">
        <v>366.23160000000001</v>
      </c>
    </row>
    <row r="13153" spans="4:5" x14ac:dyDescent="0.25">
      <c r="D13153" s="6">
        <v>886.22069999999997</v>
      </c>
      <c r="E13153" s="6">
        <v>1106.596</v>
      </c>
    </row>
    <row r="13154" spans="4:5" x14ac:dyDescent="0.25">
      <c r="D13154" s="6">
        <v>709.45</v>
      </c>
      <c r="E13154" s="6">
        <v>881.10329999999999</v>
      </c>
    </row>
    <row r="13155" spans="4:5" x14ac:dyDescent="0.25">
      <c r="D13155" s="6">
        <v>1777.191</v>
      </c>
      <c r="E13155" s="6">
        <v>418.68579999999997</v>
      </c>
    </row>
    <row r="13156" spans="4:5" x14ac:dyDescent="0.25">
      <c r="D13156" s="6">
        <v>646.5</v>
      </c>
      <c r="E13156" s="6">
        <v>681.29409999999996</v>
      </c>
    </row>
    <row r="13157" spans="4:5" x14ac:dyDescent="0.25">
      <c r="D13157" s="6">
        <v>702.83240000000001</v>
      </c>
      <c r="E13157" s="6">
        <v>661.74959999999999</v>
      </c>
    </row>
    <row r="13158" spans="4:5" x14ac:dyDescent="0.25">
      <c r="D13158" s="6">
        <v>397.32409999999999</v>
      </c>
      <c r="E13158" s="6">
        <v>1094.875</v>
      </c>
    </row>
    <row r="13159" spans="4:5" x14ac:dyDescent="0.25">
      <c r="D13159" s="6">
        <v>639.68709999999999</v>
      </c>
      <c r="E13159" s="6">
        <v>868.82979999999998</v>
      </c>
    </row>
    <row r="13160" spans="4:5" x14ac:dyDescent="0.25">
      <c r="D13160" s="6">
        <v>671.74159999999995</v>
      </c>
      <c r="E13160" s="6">
        <v>654.67439999999999</v>
      </c>
    </row>
    <row r="13161" spans="4:5" x14ac:dyDescent="0.25">
      <c r="D13161" s="6">
        <v>685.41139999999996</v>
      </c>
      <c r="E13161" s="6">
        <v>671.82050000000004</v>
      </c>
    </row>
    <row r="13162" spans="4:5" x14ac:dyDescent="0.25">
      <c r="D13162" s="6">
        <v>1306.421</v>
      </c>
      <c r="E13162" s="6">
        <v>1297.586</v>
      </c>
    </row>
    <row r="13163" spans="4:5" x14ac:dyDescent="0.25">
      <c r="D13163" s="6">
        <v>598.89390000000003</v>
      </c>
      <c r="E13163" s="6">
        <v>3639.6060000000002</v>
      </c>
    </row>
    <row r="13164" spans="4:5" x14ac:dyDescent="0.25">
      <c r="D13164" s="6">
        <v>583.15219999999999</v>
      </c>
      <c r="E13164" s="6">
        <v>658.2604</v>
      </c>
    </row>
    <row r="13165" spans="4:5" x14ac:dyDescent="0.25">
      <c r="D13165" s="6">
        <v>730.44079999999997</v>
      </c>
      <c r="E13165" s="6">
        <v>610.68640000000005</v>
      </c>
    </row>
    <row r="13166" spans="4:5" x14ac:dyDescent="0.25">
      <c r="D13166" s="6">
        <v>1772.856</v>
      </c>
      <c r="E13166" s="6">
        <v>9456.116</v>
      </c>
    </row>
    <row r="13167" spans="4:5" x14ac:dyDescent="0.25">
      <c r="D13167" s="6">
        <v>1122.2860000000001</v>
      </c>
      <c r="E13167" s="6">
        <v>9354.4609999999993</v>
      </c>
    </row>
    <row r="13168" spans="4:5" x14ac:dyDescent="0.25">
      <c r="D13168" s="6">
        <v>4070.8330000000001</v>
      </c>
      <c r="E13168" s="6">
        <v>725.80780000000004</v>
      </c>
    </row>
    <row r="13169" spans="4:5" x14ac:dyDescent="0.25">
      <c r="D13169" s="6">
        <v>597.54549999999995</v>
      </c>
      <c r="E13169" s="6">
        <v>994.47810000000004</v>
      </c>
    </row>
    <row r="13170" spans="4:5" x14ac:dyDescent="0.25">
      <c r="D13170" s="6">
        <v>732.00850000000003</v>
      </c>
      <c r="E13170" s="6">
        <v>637.5</v>
      </c>
    </row>
    <row r="13171" spans="4:5" x14ac:dyDescent="0.25">
      <c r="D13171" s="6">
        <v>1899.3</v>
      </c>
      <c r="E13171" s="6">
        <v>969.96500000000003</v>
      </c>
    </row>
    <row r="13172" spans="4:5" x14ac:dyDescent="0.25">
      <c r="D13172" s="6">
        <v>468.95310000000001</v>
      </c>
      <c r="E13172" s="6">
        <v>1778.846</v>
      </c>
    </row>
    <row r="13173" spans="4:5" x14ac:dyDescent="0.25">
      <c r="D13173" s="6">
        <v>135.58750000000001</v>
      </c>
      <c r="E13173" s="6">
        <v>950.09059999999999</v>
      </c>
    </row>
    <row r="13174" spans="4:5" x14ac:dyDescent="0.25">
      <c r="D13174" s="6">
        <v>2899.4810000000002</v>
      </c>
      <c r="E13174" s="6">
        <v>672.35659999999996</v>
      </c>
    </row>
    <row r="13175" spans="4:5" x14ac:dyDescent="0.25">
      <c r="D13175" s="6">
        <v>506.27120000000002</v>
      </c>
      <c r="E13175" s="6">
        <v>2790.1930000000002</v>
      </c>
    </row>
    <row r="13176" spans="4:5" x14ac:dyDescent="0.25">
      <c r="D13176" s="6">
        <v>552.33330000000001</v>
      </c>
      <c r="E13176" s="6">
        <v>811.17849999999999</v>
      </c>
    </row>
    <row r="13177" spans="4:5" x14ac:dyDescent="0.25">
      <c r="D13177" s="6">
        <v>843.95569999999998</v>
      </c>
      <c r="E13177" s="6">
        <v>13108.33</v>
      </c>
    </row>
    <row r="13178" spans="4:5" x14ac:dyDescent="0.25">
      <c r="D13178" s="6">
        <v>1117.634</v>
      </c>
      <c r="E13178" s="6">
        <v>454.27050000000003</v>
      </c>
    </row>
    <row r="13179" spans="4:5" x14ac:dyDescent="0.25">
      <c r="D13179" s="6">
        <v>1277.3330000000001</v>
      </c>
      <c r="E13179" s="6">
        <v>898.40300000000002</v>
      </c>
    </row>
    <row r="13180" spans="4:5" x14ac:dyDescent="0.25">
      <c r="D13180" s="6">
        <v>1281.079</v>
      </c>
      <c r="E13180" s="6">
        <v>664.17020000000002</v>
      </c>
    </row>
    <row r="13181" spans="4:5" x14ac:dyDescent="0.25">
      <c r="D13181" s="6">
        <v>540.6585</v>
      </c>
      <c r="E13181" s="6">
        <v>2228.6010000000001</v>
      </c>
    </row>
    <row r="13182" spans="4:5" x14ac:dyDescent="0.25">
      <c r="D13182" s="6">
        <v>558.16759999999999</v>
      </c>
      <c r="E13182" s="6">
        <v>1059</v>
      </c>
    </row>
    <row r="13183" spans="4:5" x14ac:dyDescent="0.25">
      <c r="D13183" s="6">
        <v>464.4</v>
      </c>
      <c r="E13183" s="6">
        <v>991.21749999999997</v>
      </c>
    </row>
    <row r="13184" spans="4:5" x14ac:dyDescent="0.25">
      <c r="D13184" s="6">
        <v>470.08960000000002</v>
      </c>
      <c r="E13184" s="6">
        <v>1286.1110000000001</v>
      </c>
    </row>
    <row r="13185" spans="4:5" x14ac:dyDescent="0.25">
      <c r="D13185" s="6">
        <v>489.47379999999998</v>
      </c>
      <c r="E13185" s="6">
        <v>837.57140000000004</v>
      </c>
    </row>
    <row r="13186" spans="4:5" x14ac:dyDescent="0.25">
      <c r="D13186" s="6">
        <v>747.66179999999997</v>
      </c>
      <c r="E13186" s="6">
        <v>1453.3489999999999</v>
      </c>
    </row>
    <row r="13187" spans="4:5" x14ac:dyDescent="0.25">
      <c r="D13187" s="6">
        <v>681.84040000000005</v>
      </c>
      <c r="E13187" s="6">
        <v>738.32050000000004</v>
      </c>
    </row>
    <row r="13188" spans="4:5" x14ac:dyDescent="0.25">
      <c r="D13188" s="6">
        <v>469.61189999999999</v>
      </c>
      <c r="E13188" s="6">
        <v>961.64850000000001</v>
      </c>
    </row>
    <row r="13189" spans="4:5" x14ac:dyDescent="0.25">
      <c r="D13189" s="6">
        <v>516.55529999999999</v>
      </c>
      <c r="E13189" s="6">
        <v>148.69409999999999</v>
      </c>
    </row>
    <row r="13190" spans="4:5" x14ac:dyDescent="0.25">
      <c r="D13190" s="6">
        <v>719.60469999999998</v>
      </c>
      <c r="E13190" s="6">
        <v>1983.6669999999999</v>
      </c>
    </row>
    <row r="13191" spans="4:5" x14ac:dyDescent="0.25">
      <c r="D13191" s="6">
        <v>783.29830000000004</v>
      </c>
      <c r="E13191" s="6">
        <v>731.12649999999996</v>
      </c>
    </row>
    <row r="13192" spans="4:5" x14ac:dyDescent="0.25">
      <c r="D13192" s="6">
        <v>1630.5219999999999</v>
      </c>
      <c r="E13192" s="6">
        <v>723.56240000000003</v>
      </c>
    </row>
    <row r="13193" spans="4:5" x14ac:dyDescent="0.25">
      <c r="D13193" s="6">
        <v>405.53460000000001</v>
      </c>
      <c r="E13193" s="6">
        <v>3954.5</v>
      </c>
    </row>
    <row r="13194" spans="4:5" x14ac:dyDescent="0.25">
      <c r="D13194" s="6">
        <v>662.27269999999999</v>
      </c>
      <c r="E13194" s="6">
        <v>1331.6769999999999</v>
      </c>
    </row>
    <row r="13195" spans="4:5" x14ac:dyDescent="0.25">
      <c r="D13195" s="6">
        <v>2944.6660000000002</v>
      </c>
      <c r="E13195" s="6">
        <v>860.06</v>
      </c>
    </row>
    <row r="13196" spans="4:5" x14ac:dyDescent="0.25">
      <c r="D13196" s="6">
        <v>639.03679999999997</v>
      </c>
      <c r="E13196" s="6">
        <v>5314.5</v>
      </c>
    </row>
    <row r="13197" spans="4:5" x14ac:dyDescent="0.25">
      <c r="D13197" s="6">
        <v>16383</v>
      </c>
      <c r="E13197" s="6">
        <v>602.63430000000005</v>
      </c>
    </row>
    <row r="13198" spans="4:5" x14ac:dyDescent="0.25">
      <c r="D13198" s="6">
        <v>783.2364</v>
      </c>
      <c r="E13198" s="6">
        <v>726.75250000000005</v>
      </c>
    </row>
    <row r="13199" spans="4:5" x14ac:dyDescent="0.25">
      <c r="D13199" s="6">
        <v>702.10810000000004</v>
      </c>
      <c r="E13199" s="6">
        <v>1816.241</v>
      </c>
    </row>
    <row r="13200" spans="4:5" x14ac:dyDescent="0.25">
      <c r="D13200" s="6">
        <v>436.5</v>
      </c>
      <c r="E13200" s="6">
        <v>652.92349999999999</v>
      </c>
    </row>
    <row r="13201" spans="4:5" x14ac:dyDescent="0.25">
      <c r="D13201" s="6">
        <v>443</v>
      </c>
      <c r="E13201" s="6">
        <v>504.7559</v>
      </c>
    </row>
    <row r="13202" spans="4:5" x14ac:dyDescent="0.25">
      <c r="D13202" s="6">
        <v>1177.143</v>
      </c>
      <c r="E13202" s="6">
        <v>1494</v>
      </c>
    </row>
    <row r="13203" spans="4:5" x14ac:dyDescent="0.25">
      <c r="D13203" s="6">
        <v>896.47429999999997</v>
      </c>
      <c r="E13203" s="6">
        <v>1167.0609999999999</v>
      </c>
    </row>
    <row r="13204" spans="4:5" x14ac:dyDescent="0.25">
      <c r="D13204" s="6">
        <v>1900.588</v>
      </c>
      <c r="E13204" s="6">
        <v>688.47500000000002</v>
      </c>
    </row>
    <row r="13205" spans="4:5" x14ac:dyDescent="0.25">
      <c r="D13205" s="6">
        <v>699.45519999999999</v>
      </c>
      <c r="E13205" s="6">
        <v>931.04169999999999</v>
      </c>
    </row>
    <row r="13206" spans="4:5" x14ac:dyDescent="0.25">
      <c r="D13206" s="6">
        <v>722.51199999999994</v>
      </c>
      <c r="E13206" s="6">
        <v>962.04740000000004</v>
      </c>
    </row>
    <row r="13207" spans="4:5" x14ac:dyDescent="0.25">
      <c r="D13207" s="6">
        <v>660.63829999999996</v>
      </c>
      <c r="E13207" s="6">
        <v>930.57140000000004</v>
      </c>
    </row>
    <row r="13208" spans="4:5" x14ac:dyDescent="0.25">
      <c r="D13208" s="6">
        <v>1458</v>
      </c>
      <c r="E13208" s="6">
        <v>801.08950000000004</v>
      </c>
    </row>
    <row r="13209" spans="4:5" x14ac:dyDescent="0.25">
      <c r="D13209" s="6">
        <v>593.08640000000003</v>
      </c>
      <c r="E13209" s="6">
        <v>1659.0730000000001</v>
      </c>
    </row>
    <row r="13210" spans="4:5" x14ac:dyDescent="0.25">
      <c r="D13210" s="6">
        <v>866.34950000000003</v>
      </c>
      <c r="E13210" s="6">
        <v>913.88879999999995</v>
      </c>
    </row>
    <row r="13211" spans="4:5" x14ac:dyDescent="0.25">
      <c r="D13211" s="6">
        <v>1543.84</v>
      </c>
      <c r="E13211" s="6">
        <v>955.76660000000004</v>
      </c>
    </row>
    <row r="13212" spans="4:5" x14ac:dyDescent="0.25">
      <c r="D13212" s="6">
        <v>5763.6049999999996</v>
      </c>
      <c r="E13212" s="6">
        <v>7094.7340000000004</v>
      </c>
    </row>
    <row r="13213" spans="4:5" x14ac:dyDescent="0.25">
      <c r="D13213" s="6">
        <v>481.54329999999999</v>
      </c>
      <c r="E13213" s="6">
        <v>1075.6669999999999</v>
      </c>
    </row>
    <row r="13214" spans="4:5" x14ac:dyDescent="0.25">
      <c r="D13214" s="6">
        <v>543.6</v>
      </c>
      <c r="E13214" s="6">
        <v>5877.9110000000001</v>
      </c>
    </row>
    <row r="13215" spans="4:5" x14ac:dyDescent="0.25">
      <c r="D13215" s="6">
        <v>752.13469999999995</v>
      </c>
      <c r="E13215" s="6">
        <v>587.03629999999998</v>
      </c>
    </row>
    <row r="13216" spans="4:5" x14ac:dyDescent="0.25">
      <c r="D13216" s="6">
        <v>504.62959999999998</v>
      </c>
      <c r="E13216" s="6">
        <v>539.81539999999995</v>
      </c>
    </row>
    <row r="13217" spans="4:5" x14ac:dyDescent="0.25">
      <c r="D13217" s="6">
        <v>600.82820000000004</v>
      </c>
      <c r="E13217" s="6">
        <v>840.00800000000004</v>
      </c>
    </row>
    <row r="13218" spans="4:5" x14ac:dyDescent="0.25">
      <c r="D13218" s="6">
        <v>529.13409999999999</v>
      </c>
      <c r="E13218" s="6">
        <v>659.68100000000004</v>
      </c>
    </row>
    <row r="13219" spans="4:5" x14ac:dyDescent="0.25">
      <c r="D13219" s="6">
        <v>567.71400000000006</v>
      </c>
      <c r="E13219" s="6">
        <v>577.75440000000003</v>
      </c>
    </row>
    <row r="13220" spans="4:5" x14ac:dyDescent="0.25">
      <c r="D13220" s="6">
        <v>7486.8019999999997</v>
      </c>
      <c r="E13220" s="6">
        <v>810.81479999999999</v>
      </c>
    </row>
    <row r="13221" spans="4:5" x14ac:dyDescent="0.25">
      <c r="D13221" s="6">
        <v>802.21519999999998</v>
      </c>
      <c r="E13221" s="6">
        <v>659.1617</v>
      </c>
    </row>
    <row r="13222" spans="4:5" x14ac:dyDescent="0.25">
      <c r="D13222" s="6">
        <v>497.00029999999998</v>
      </c>
      <c r="E13222" s="6">
        <v>8790.4</v>
      </c>
    </row>
    <row r="13223" spans="4:5" x14ac:dyDescent="0.25">
      <c r="D13223" s="6">
        <v>1058.5</v>
      </c>
      <c r="E13223" s="6">
        <v>9754.8459999999995</v>
      </c>
    </row>
    <row r="13224" spans="4:5" x14ac:dyDescent="0.25">
      <c r="D13224" s="6">
        <v>501.63330000000002</v>
      </c>
      <c r="E13224" s="6">
        <v>8399.3780000000006</v>
      </c>
    </row>
    <row r="13225" spans="4:5" x14ac:dyDescent="0.25">
      <c r="D13225" s="6">
        <v>804.42899999999997</v>
      </c>
      <c r="E13225" s="6">
        <v>577.23599999999999</v>
      </c>
    </row>
    <row r="13226" spans="4:5" x14ac:dyDescent="0.25">
      <c r="D13226" s="6">
        <v>466.28359999999998</v>
      </c>
      <c r="E13226" s="6">
        <v>938.15340000000003</v>
      </c>
    </row>
    <row r="13227" spans="4:5" x14ac:dyDescent="0.25">
      <c r="D13227" s="6">
        <v>559.07889999999998</v>
      </c>
      <c r="E13227" s="6">
        <v>1411.7819999999999</v>
      </c>
    </row>
    <row r="13228" spans="4:5" x14ac:dyDescent="0.25">
      <c r="D13228" s="6">
        <v>3025.3330000000001</v>
      </c>
      <c r="E13228" s="6">
        <v>1312.9380000000001</v>
      </c>
    </row>
    <row r="13229" spans="4:5" x14ac:dyDescent="0.25">
      <c r="D13229" s="6">
        <v>983.48289999999997</v>
      </c>
      <c r="E13229" s="6">
        <v>7315.6980000000003</v>
      </c>
    </row>
    <row r="13230" spans="4:5" x14ac:dyDescent="0.25">
      <c r="D13230" s="6">
        <v>695.44669999999996</v>
      </c>
      <c r="E13230" s="6">
        <v>1069.5409999999999</v>
      </c>
    </row>
    <row r="13231" spans="4:5" x14ac:dyDescent="0.25">
      <c r="D13231" s="6">
        <v>604.7287</v>
      </c>
      <c r="E13231" s="6">
        <v>7455.6</v>
      </c>
    </row>
    <row r="13232" spans="4:5" x14ac:dyDescent="0.25">
      <c r="D13232" s="6">
        <v>625.16120000000001</v>
      </c>
      <c r="E13232" s="6">
        <v>1701.931</v>
      </c>
    </row>
    <row r="13233" spans="4:5" x14ac:dyDescent="0.25">
      <c r="D13233" s="6">
        <v>956.6</v>
      </c>
      <c r="E13233" s="6">
        <v>960.62800000000004</v>
      </c>
    </row>
    <row r="13234" spans="4:5" x14ac:dyDescent="0.25">
      <c r="D13234" s="6">
        <v>635.64700000000005</v>
      </c>
      <c r="E13234" s="6">
        <v>809.00570000000005</v>
      </c>
    </row>
    <row r="13235" spans="4:5" x14ac:dyDescent="0.25">
      <c r="D13235" s="6">
        <v>632.7903</v>
      </c>
      <c r="E13235" s="6">
        <v>854.44129999999996</v>
      </c>
    </row>
    <row r="13236" spans="4:5" x14ac:dyDescent="0.25">
      <c r="D13236" s="6">
        <v>1819.6220000000001</v>
      </c>
      <c r="E13236" s="6">
        <v>620.15660000000003</v>
      </c>
    </row>
    <row r="13237" spans="4:5" x14ac:dyDescent="0.25">
      <c r="D13237" s="6">
        <v>1869</v>
      </c>
      <c r="E13237" s="6">
        <v>895.0086</v>
      </c>
    </row>
    <row r="13238" spans="4:5" x14ac:dyDescent="0.25">
      <c r="D13238" s="6">
        <v>594.52149999999995</v>
      </c>
      <c r="E13238" s="6">
        <v>779.93629999999996</v>
      </c>
    </row>
    <row r="13239" spans="4:5" x14ac:dyDescent="0.25">
      <c r="D13239" s="6">
        <v>879.13969999999995</v>
      </c>
      <c r="E13239" s="6">
        <v>5375.4170000000004</v>
      </c>
    </row>
    <row r="13240" spans="4:5" x14ac:dyDescent="0.25">
      <c r="D13240" s="6">
        <v>542.52520000000004</v>
      </c>
      <c r="E13240" s="6">
        <v>632.20510000000002</v>
      </c>
    </row>
    <row r="13241" spans="4:5" x14ac:dyDescent="0.25">
      <c r="D13241" s="6">
        <v>1229.7550000000001</v>
      </c>
      <c r="E13241" s="6">
        <v>1024.846</v>
      </c>
    </row>
    <row r="13242" spans="4:5" x14ac:dyDescent="0.25">
      <c r="D13242" s="6">
        <v>5286.2049999999999</v>
      </c>
      <c r="E13242" s="6">
        <v>673.36220000000003</v>
      </c>
    </row>
    <row r="13243" spans="4:5" x14ac:dyDescent="0.25">
      <c r="D13243" s="6">
        <v>650.97400000000005</v>
      </c>
      <c r="E13243" s="6">
        <v>10320.07</v>
      </c>
    </row>
    <row r="13244" spans="4:5" x14ac:dyDescent="0.25">
      <c r="D13244" s="6">
        <v>701.32150000000001</v>
      </c>
      <c r="E13244" s="6">
        <v>536.82410000000004</v>
      </c>
    </row>
    <row r="13245" spans="4:5" x14ac:dyDescent="0.25">
      <c r="D13245" s="6">
        <v>643.18640000000005</v>
      </c>
      <c r="E13245" s="6">
        <v>1501.674</v>
      </c>
    </row>
    <row r="13246" spans="4:5" x14ac:dyDescent="0.25">
      <c r="D13246" s="6">
        <v>758.10339999999997</v>
      </c>
      <c r="E13246" s="6">
        <v>10109.66</v>
      </c>
    </row>
    <row r="13247" spans="4:5" x14ac:dyDescent="0.25">
      <c r="D13247" s="6">
        <v>587.5385</v>
      </c>
      <c r="E13247" s="6">
        <v>9009.4</v>
      </c>
    </row>
    <row r="13248" spans="4:5" x14ac:dyDescent="0.25">
      <c r="D13248" s="6">
        <v>1074.365</v>
      </c>
      <c r="E13248" s="6">
        <v>502.09309999999999</v>
      </c>
    </row>
    <row r="13249" spans="4:5" x14ac:dyDescent="0.25">
      <c r="D13249" s="6">
        <v>839.32749999999999</v>
      </c>
      <c r="E13249" s="6">
        <v>3165.9229999999998</v>
      </c>
    </row>
    <row r="13250" spans="4:5" x14ac:dyDescent="0.25">
      <c r="D13250" s="6">
        <v>765.88739999999996</v>
      </c>
      <c r="E13250" s="6">
        <v>5782.7060000000001</v>
      </c>
    </row>
    <row r="13251" spans="4:5" x14ac:dyDescent="0.25">
      <c r="D13251" s="6">
        <v>537.93190000000004</v>
      </c>
      <c r="E13251" s="6">
        <v>910.12339999999995</v>
      </c>
    </row>
    <row r="13252" spans="4:5" x14ac:dyDescent="0.25">
      <c r="D13252" s="6">
        <v>900.50369999999998</v>
      </c>
      <c r="E13252" s="6">
        <v>757.89269999999999</v>
      </c>
    </row>
    <row r="13253" spans="4:5" x14ac:dyDescent="0.25">
      <c r="D13253" s="6">
        <v>2445.857</v>
      </c>
      <c r="E13253" s="6">
        <v>585.94200000000001</v>
      </c>
    </row>
    <row r="13254" spans="4:5" x14ac:dyDescent="0.25">
      <c r="D13254" s="6">
        <v>494.42270000000002</v>
      </c>
      <c r="E13254" s="6">
        <v>541.81579999999997</v>
      </c>
    </row>
    <row r="13255" spans="4:5" x14ac:dyDescent="0.25">
      <c r="D13255" s="6">
        <v>865.39110000000005</v>
      </c>
      <c r="E13255" s="6">
        <v>824.65239999999994</v>
      </c>
    </row>
    <row r="13256" spans="4:5" x14ac:dyDescent="0.25">
      <c r="D13256" s="6">
        <v>672.50490000000002</v>
      </c>
      <c r="E13256" s="6">
        <v>839.24300000000005</v>
      </c>
    </row>
    <row r="13257" spans="4:5" x14ac:dyDescent="0.25">
      <c r="D13257" s="6">
        <v>541.71370000000002</v>
      </c>
      <c r="E13257" s="6">
        <v>886.5</v>
      </c>
    </row>
    <row r="13258" spans="4:5" x14ac:dyDescent="0.25">
      <c r="D13258" s="6">
        <v>468.49329999999998</v>
      </c>
      <c r="E13258" s="6">
        <v>677.41750000000002</v>
      </c>
    </row>
    <row r="13259" spans="4:5" x14ac:dyDescent="0.25">
      <c r="D13259" s="6">
        <v>646.3954</v>
      </c>
      <c r="E13259" s="6">
        <v>908.7808</v>
      </c>
    </row>
    <row r="13260" spans="4:5" x14ac:dyDescent="0.25">
      <c r="D13260" s="6">
        <v>474.75529999999998</v>
      </c>
      <c r="E13260" s="6">
        <v>750.85569999999996</v>
      </c>
    </row>
    <row r="13261" spans="4:5" x14ac:dyDescent="0.25">
      <c r="D13261" s="6">
        <v>2228.75</v>
      </c>
      <c r="E13261" s="6">
        <v>1001.941</v>
      </c>
    </row>
    <row r="13262" spans="4:5" x14ac:dyDescent="0.25">
      <c r="D13262" s="6">
        <v>504.24740000000003</v>
      </c>
      <c r="E13262" s="6">
        <v>7617.1459999999997</v>
      </c>
    </row>
    <row r="13263" spans="4:5" x14ac:dyDescent="0.25">
      <c r="D13263" s="6">
        <v>622.37800000000004</v>
      </c>
      <c r="E13263" s="6">
        <v>1419.0740000000001</v>
      </c>
    </row>
    <row r="13264" spans="4:5" x14ac:dyDescent="0.25">
      <c r="D13264" s="6">
        <v>645.7758</v>
      </c>
      <c r="E13264" s="6">
        <v>999.15989999999999</v>
      </c>
    </row>
    <row r="13265" spans="4:5" x14ac:dyDescent="0.25">
      <c r="D13265" s="6">
        <v>811.52059999999994</v>
      </c>
      <c r="E13265" s="6">
        <v>977.72119999999995</v>
      </c>
    </row>
    <row r="13266" spans="4:5" x14ac:dyDescent="0.25">
      <c r="D13266" s="6">
        <v>766.91750000000002</v>
      </c>
      <c r="E13266" s="6">
        <v>603.79999999999995</v>
      </c>
    </row>
    <row r="13267" spans="4:5" x14ac:dyDescent="0.25">
      <c r="D13267" s="6">
        <v>505.94060000000002</v>
      </c>
      <c r="E13267" s="6">
        <v>10972.42</v>
      </c>
    </row>
    <row r="13268" spans="4:5" x14ac:dyDescent="0.25">
      <c r="D13268" s="6">
        <v>959</v>
      </c>
      <c r="E13268" s="6">
        <v>720.25909999999999</v>
      </c>
    </row>
    <row r="13269" spans="4:5" x14ac:dyDescent="0.25">
      <c r="D13269" s="6">
        <v>629.88509999999997</v>
      </c>
      <c r="E13269" s="6">
        <v>961.47019999999998</v>
      </c>
    </row>
    <row r="13270" spans="4:5" x14ac:dyDescent="0.25">
      <c r="D13270" s="6">
        <v>612.33609999999999</v>
      </c>
      <c r="E13270" s="6">
        <v>1088.807</v>
      </c>
    </row>
    <row r="13271" spans="4:5" x14ac:dyDescent="0.25">
      <c r="D13271" s="6">
        <v>504.63240000000002</v>
      </c>
      <c r="E13271" s="6">
        <v>879.44060000000002</v>
      </c>
    </row>
    <row r="13272" spans="4:5" x14ac:dyDescent="0.25">
      <c r="D13272" s="6">
        <v>456.18279999999999</v>
      </c>
      <c r="E13272" s="6">
        <v>787.92570000000001</v>
      </c>
    </row>
    <row r="13273" spans="4:5" x14ac:dyDescent="0.25">
      <c r="D13273" s="6">
        <v>867.0942</v>
      </c>
      <c r="E13273" s="6">
        <v>1839.3869999999999</v>
      </c>
    </row>
    <row r="13274" spans="4:5" x14ac:dyDescent="0.25">
      <c r="D13274" s="6">
        <v>741.25490000000002</v>
      </c>
      <c r="E13274" s="6">
        <v>598.35119999999995</v>
      </c>
    </row>
    <row r="13275" spans="4:5" x14ac:dyDescent="0.25">
      <c r="D13275" s="6">
        <v>704.86030000000005</v>
      </c>
      <c r="E13275" s="6">
        <v>1098.3119999999999</v>
      </c>
    </row>
    <row r="13276" spans="4:5" x14ac:dyDescent="0.25">
      <c r="D13276" s="6">
        <v>634.70500000000004</v>
      </c>
      <c r="E13276" s="6">
        <v>2356.7139999999999</v>
      </c>
    </row>
    <row r="13277" spans="4:5" x14ac:dyDescent="0.25">
      <c r="D13277" s="6">
        <v>523.86609999999996</v>
      </c>
      <c r="E13277" s="6">
        <v>984.36580000000004</v>
      </c>
    </row>
    <row r="13278" spans="4:5" x14ac:dyDescent="0.25">
      <c r="D13278" s="6">
        <v>888.08159999999998</v>
      </c>
      <c r="E13278" s="6">
        <v>770.21040000000005</v>
      </c>
    </row>
    <row r="13279" spans="4:5" x14ac:dyDescent="0.25">
      <c r="D13279" s="6">
        <v>622.33640000000003</v>
      </c>
      <c r="E13279" s="6">
        <v>1024.595</v>
      </c>
    </row>
    <row r="13280" spans="4:5" x14ac:dyDescent="0.25">
      <c r="D13280" s="6">
        <v>3383.7159999999999</v>
      </c>
      <c r="E13280" s="6">
        <v>639.60940000000005</v>
      </c>
    </row>
    <row r="13281" spans="4:5" x14ac:dyDescent="0.25">
      <c r="D13281" s="6">
        <v>1395.6790000000001</v>
      </c>
      <c r="E13281" s="6">
        <v>898.90340000000003</v>
      </c>
    </row>
    <row r="13282" spans="4:5" x14ac:dyDescent="0.25">
      <c r="D13282" s="6">
        <v>888.9153</v>
      </c>
      <c r="E13282" s="6">
        <v>528.59640000000002</v>
      </c>
    </row>
    <row r="13283" spans="4:5" x14ac:dyDescent="0.25">
      <c r="D13283" s="6">
        <v>1863.1669999999999</v>
      </c>
      <c r="E13283" s="6">
        <v>574.28729999999996</v>
      </c>
    </row>
    <row r="13284" spans="4:5" x14ac:dyDescent="0.25">
      <c r="D13284" s="6">
        <v>563.13499999999999</v>
      </c>
      <c r="E13284" s="6">
        <v>1404.9069999999999</v>
      </c>
    </row>
    <row r="13285" spans="4:5" x14ac:dyDescent="0.25">
      <c r="D13285" s="6">
        <v>638.25760000000002</v>
      </c>
      <c r="E13285" s="6">
        <v>844.64</v>
      </c>
    </row>
    <row r="13286" spans="4:5" x14ac:dyDescent="0.25">
      <c r="D13286" s="6">
        <v>4755</v>
      </c>
      <c r="E13286" s="6">
        <v>918.54549999999995</v>
      </c>
    </row>
    <row r="13287" spans="4:5" x14ac:dyDescent="0.25">
      <c r="D13287" s="6">
        <v>512.90980000000002</v>
      </c>
      <c r="E13287" s="6">
        <v>987.33489999999995</v>
      </c>
    </row>
    <row r="13288" spans="4:5" x14ac:dyDescent="0.25">
      <c r="D13288" s="6">
        <v>12263.71</v>
      </c>
      <c r="E13288" s="6">
        <v>646.88340000000005</v>
      </c>
    </row>
    <row r="13289" spans="4:5" x14ac:dyDescent="0.25">
      <c r="D13289" s="6">
        <v>792.68129999999996</v>
      </c>
      <c r="E13289" s="6">
        <v>983.04259999999999</v>
      </c>
    </row>
    <row r="13290" spans="4:5" x14ac:dyDescent="0.25">
      <c r="D13290" s="6">
        <v>1389</v>
      </c>
      <c r="E13290" s="6">
        <v>495.2004</v>
      </c>
    </row>
    <row r="13291" spans="4:5" x14ac:dyDescent="0.25">
      <c r="D13291" s="6">
        <v>630.5498</v>
      </c>
      <c r="E13291" s="6">
        <v>936.35440000000006</v>
      </c>
    </row>
    <row r="13292" spans="4:5" x14ac:dyDescent="0.25">
      <c r="D13292" s="6">
        <v>1218</v>
      </c>
      <c r="E13292" s="6">
        <v>860</v>
      </c>
    </row>
    <row r="13293" spans="4:5" x14ac:dyDescent="0.25">
      <c r="D13293" s="6">
        <v>660.09630000000004</v>
      </c>
      <c r="E13293" s="6">
        <v>906.57180000000005</v>
      </c>
    </row>
    <row r="13294" spans="4:5" x14ac:dyDescent="0.25">
      <c r="D13294" s="6">
        <v>660.24950000000001</v>
      </c>
      <c r="E13294" s="6">
        <v>589.80250000000001</v>
      </c>
    </row>
    <row r="13295" spans="4:5" x14ac:dyDescent="0.25">
      <c r="D13295" s="6">
        <v>633.20000000000005</v>
      </c>
      <c r="E13295" s="6">
        <v>869.84339999999997</v>
      </c>
    </row>
    <row r="13296" spans="4:5" x14ac:dyDescent="0.25">
      <c r="D13296" s="6">
        <v>632.90350000000001</v>
      </c>
      <c r="E13296" s="6">
        <v>687.94299999999998</v>
      </c>
    </row>
    <row r="13297" spans="4:5" x14ac:dyDescent="0.25">
      <c r="D13297" s="6">
        <v>656.88210000000004</v>
      </c>
      <c r="E13297" s="6">
        <v>3756</v>
      </c>
    </row>
    <row r="13298" spans="4:5" x14ac:dyDescent="0.25">
      <c r="D13298" s="6">
        <v>958.93330000000003</v>
      </c>
      <c r="E13298" s="6">
        <v>724.04269999999997</v>
      </c>
    </row>
    <row r="13299" spans="4:5" x14ac:dyDescent="0.25">
      <c r="D13299" s="6">
        <v>1765.528</v>
      </c>
      <c r="E13299" s="6">
        <v>1108.4970000000001</v>
      </c>
    </row>
    <row r="13300" spans="4:5" x14ac:dyDescent="0.25">
      <c r="D13300" s="6">
        <v>1354.8489999999999</v>
      </c>
      <c r="E13300" s="6">
        <v>985.98979999999995</v>
      </c>
    </row>
    <row r="13301" spans="4:5" x14ac:dyDescent="0.25">
      <c r="D13301" s="6">
        <v>520.38059999999996</v>
      </c>
      <c r="E13301" s="6">
        <v>482.19630000000001</v>
      </c>
    </row>
    <row r="13302" spans="4:5" x14ac:dyDescent="0.25">
      <c r="D13302" s="6">
        <v>609.26400000000001</v>
      </c>
      <c r="E13302" s="6">
        <v>766.31889999999999</v>
      </c>
    </row>
    <row r="13303" spans="4:5" x14ac:dyDescent="0.25">
      <c r="D13303" s="6">
        <v>604.88509999999997</v>
      </c>
      <c r="E13303" s="6">
        <v>818.54449999999997</v>
      </c>
    </row>
    <row r="13304" spans="4:5" x14ac:dyDescent="0.25">
      <c r="D13304" s="6">
        <v>931.77480000000003</v>
      </c>
      <c r="E13304" s="6">
        <v>8049.1310000000003</v>
      </c>
    </row>
    <row r="13305" spans="4:5" x14ac:dyDescent="0.25">
      <c r="D13305" s="6">
        <v>819.79650000000004</v>
      </c>
      <c r="E13305" s="6">
        <v>631.93600000000004</v>
      </c>
    </row>
    <row r="13306" spans="4:5" x14ac:dyDescent="0.25">
      <c r="D13306" s="6">
        <v>743.82740000000001</v>
      </c>
      <c r="E13306" s="6">
        <v>889.6816</v>
      </c>
    </row>
    <row r="13307" spans="4:5" x14ac:dyDescent="0.25">
      <c r="D13307" s="6">
        <v>546.75</v>
      </c>
      <c r="E13307" s="6">
        <v>734.28930000000003</v>
      </c>
    </row>
    <row r="13308" spans="4:5" x14ac:dyDescent="0.25">
      <c r="D13308" s="6">
        <v>668.81610000000001</v>
      </c>
      <c r="E13308" s="6">
        <v>3692.6579999999999</v>
      </c>
    </row>
    <row r="13309" spans="4:5" x14ac:dyDescent="0.25">
      <c r="D13309" s="6">
        <v>661.35630000000003</v>
      </c>
      <c r="E13309" s="6">
        <v>892.36159999999995</v>
      </c>
    </row>
    <row r="13310" spans="4:5" x14ac:dyDescent="0.25">
      <c r="D13310" s="6">
        <v>735.71280000000002</v>
      </c>
      <c r="E13310" s="6">
        <v>1353.3330000000001</v>
      </c>
    </row>
    <row r="13311" spans="4:5" x14ac:dyDescent="0.25">
      <c r="D13311" s="6">
        <v>593.28629999999998</v>
      </c>
      <c r="E13311" s="6">
        <v>815.68889999999999</v>
      </c>
    </row>
    <row r="13312" spans="4:5" x14ac:dyDescent="0.25">
      <c r="D13312" s="6">
        <v>655.64859999999999</v>
      </c>
      <c r="E13312" s="6">
        <v>619.81650000000002</v>
      </c>
    </row>
    <row r="13313" spans="4:5" x14ac:dyDescent="0.25">
      <c r="D13313" s="6">
        <v>455.1651</v>
      </c>
      <c r="E13313" s="6">
        <v>900.04700000000003</v>
      </c>
    </row>
    <row r="13314" spans="4:5" x14ac:dyDescent="0.25">
      <c r="D13314" s="6">
        <v>586.3895</v>
      </c>
      <c r="E13314" s="6">
        <v>1128.104</v>
      </c>
    </row>
    <row r="13315" spans="4:5" x14ac:dyDescent="0.25">
      <c r="D13315" s="6">
        <v>594.65219999999999</v>
      </c>
      <c r="E13315" s="6">
        <v>1035.9190000000001</v>
      </c>
    </row>
    <row r="13316" spans="4:5" x14ac:dyDescent="0.25">
      <c r="D13316" s="6">
        <v>393.45979999999997</v>
      </c>
      <c r="E13316" s="6">
        <v>1081.8409999999999</v>
      </c>
    </row>
    <row r="13317" spans="4:5" x14ac:dyDescent="0.25">
      <c r="D13317" s="6">
        <v>658.71569999999997</v>
      </c>
      <c r="E13317" s="6">
        <v>1435.579</v>
      </c>
    </row>
    <row r="13318" spans="4:5" x14ac:dyDescent="0.25">
      <c r="D13318" s="6">
        <v>774.78869999999995</v>
      </c>
      <c r="E13318" s="6">
        <v>2482.1469999999999</v>
      </c>
    </row>
    <row r="13319" spans="4:5" x14ac:dyDescent="0.25">
      <c r="D13319" s="6">
        <v>598.26670000000001</v>
      </c>
      <c r="E13319" s="6">
        <v>662.24980000000005</v>
      </c>
    </row>
    <row r="13320" spans="4:5" x14ac:dyDescent="0.25">
      <c r="D13320" s="6">
        <v>811.64469999999994</v>
      </c>
      <c r="E13320" s="6">
        <v>764.07429999999999</v>
      </c>
    </row>
    <row r="13321" spans="4:5" x14ac:dyDescent="0.25">
      <c r="D13321" s="6">
        <v>848.76220000000001</v>
      </c>
      <c r="E13321" s="6">
        <v>4438.6049999999996</v>
      </c>
    </row>
    <row r="13322" spans="4:5" x14ac:dyDescent="0.25">
      <c r="D13322" s="6">
        <v>472.2294</v>
      </c>
      <c r="E13322" s="6">
        <v>807.57979999999998</v>
      </c>
    </row>
    <row r="13323" spans="4:5" x14ac:dyDescent="0.25">
      <c r="D13323" s="6">
        <v>697.70929999999998</v>
      </c>
      <c r="E13323" s="6">
        <v>759.63930000000005</v>
      </c>
    </row>
    <row r="13324" spans="4:5" x14ac:dyDescent="0.25">
      <c r="D13324" s="6">
        <v>659.04859999999996</v>
      </c>
      <c r="E13324" s="6">
        <v>7860.1760000000004</v>
      </c>
    </row>
    <row r="13325" spans="4:5" x14ac:dyDescent="0.25">
      <c r="D13325" s="6">
        <v>801.36329999999998</v>
      </c>
      <c r="E13325" s="6">
        <v>1283.816</v>
      </c>
    </row>
    <row r="13326" spans="4:5" x14ac:dyDescent="0.25">
      <c r="D13326" s="6">
        <v>802.34969999999998</v>
      </c>
      <c r="E13326" s="6">
        <v>476.87560000000002</v>
      </c>
    </row>
    <row r="13327" spans="4:5" x14ac:dyDescent="0.25">
      <c r="D13327" s="6">
        <v>792.68050000000005</v>
      </c>
      <c r="E13327" s="6">
        <v>8354.634</v>
      </c>
    </row>
    <row r="13328" spans="4:5" x14ac:dyDescent="0.25">
      <c r="D13328" s="6">
        <v>738.41610000000003</v>
      </c>
      <c r="E13328" s="6">
        <v>4214.92</v>
      </c>
    </row>
    <row r="13329" spans="4:5" x14ac:dyDescent="0.25">
      <c r="D13329" s="6">
        <v>1104</v>
      </c>
      <c r="E13329" s="6">
        <v>1278</v>
      </c>
    </row>
    <row r="13330" spans="4:5" x14ac:dyDescent="0.25">
      <c r="D13330" s="6">
        <v>800.90160000000003</v>
      </c>
      <c r="E13330" s="6">
        <v>1094.4390000000001</v>
      </c>
    </row>
    <row r="13331" spans="4:5" x14ac:dyDescent="0.25">
      <c r="D13331" s="6">
        <v>537.82339999999999</v>
      </c>
      <c r="E13331" s="6">
        <v>619.90120000000002</v>
      </c>
    </row>
    <row r="13332" spans="4:5" x14ac:dyDescent="0.25">
      <c r="D13332" s="6">
        <v>795</v>
      </c>
      <c r="E13332" s="6">
        <v>10335.18</v>
      </c>
    </row>
    <row r="13333" spans="4:5" x14ac:dyDescent="0.25">
      <c r="D13333" s="6">
        <v>529.13300000000004</v>
      </c>
      <c r="E13333" s="6">
        <v>835.50429999999994</v>
      </c>
    </row>
    <row r="13334" spans="4:5" x14ac:dyDescent="0.25">
      <c r="D13334" s="6">
        <v>717.70690000000002</v>
      </c>
      <c r="E13334" s="6">
        <v>606.21320000000003</v>
      </c>
    </row>
    <row r="13335" spans="4:5" x14ac:dyDescent="0.25">
      <c r="D13335" s="6">
        <v>2177.6019999999999</v>
      </c>
      <c r="E13335" s="6">
        <v>6977.8580000000002</v>
      </c>
    </row>
    <row r="13336" spans="4:5" x14ac:dyDescent="0.25">
      <c r="D13336" s="6">
        <v>8655.6740000000009</v>
      </c>
      <c r="E13336" s="6">
        <v>623.94590000000005</v>
      </c>
    </row>
    <row r="13337" spans="4:5" x14ac:dyDescent="0.25">
      <c r="D13337" s="6">
        <v>1539.4290000000001</v>
      </c>
      <c r="E13337" s="6">
        <v>9036.4650000000001</v>
      </c>
    </row>
    <row r="13338" spans="4:5" x14ac:dyDescent="0.25">
      <c r="D13338" s="6">
        <v>650.22260000000006</v>
      </c>
      <c r="E13338" s="6">
        <v>1724.806</v>
      </c>
    </row>
    <row r="13339" spans="4:5" x14ac:dyDescent="0.25">
      <c r="D13339" s="6">
        <v>617.76499999999999</v>
      </c>
      <c r="E13339" s="6">
        <v>633.6902</v>
      </c>
    </row>
    <row r="13340" spans="4:5" x14ac:dyDescent="0.25">
      <c r="D13340" s="6">
        <v>528.56920000000002</v>
      </c>
      <c r="E13340" s="6">
        <v>843.27700000000004</v>
      </c>
    </row>
    <row r="13341" spans="4:5" x14ac:dyDescent="0.25">
      <c r="D13341" s="6">
        <v>724.61680000000001</v>
      </c>
      <c r="E13341" s="6">
        <v>901.59799999999996</v>
      </c>
    </row>
    <row r="13342" spans="4:5" x14ac:dyDescent="0.25">
      <c r="D13342" s="6">
        <v>2088.14</v>
      </c>
      <c r="E13342" s="6">
        <v>1000.206</v>
      </c>
    </row>
    <row r="13343" spans="4:5" x14ac:dyDescent="0.25">
      <c r="D13343" s="6">
        <v>461.4375</v>
      </c>
      <c r="E13343" s="6">
        <v>1022.09</v>
      </c>
    </row>
    <row r="13344" spans="4:5" x14ac:dyDescent="0.25">
      <c r="D13344" s="6">
        <v>535.98329999999999</v>
      </c>
      <c r="E13344" s="6">
        <v>956.2441</v>
      </c>
    </row>
    <row r="13345" spans="4:5" x14ac:dyDescent="0.25">
      <c r="D13345" s="6">
        <v>1040.5</v>
      </c>
      <c r="E13345" s="6">
        <v>747.50909999999999</v>
      </c>
    </row>
    <row r="13346" spans="4:5" x14ac:dyDescent="0.25">
      <c r="D13346" s="6">
        <v>751.19550000000004</v>
      </c>
      <c r="E13346" s="6">
        <v>14417.81</v>
      </c>
    </row>
    <row r="13347" spans="4:5" x14ac:dyDescent="0.25">
      <c r="D13347" s="6">
        <v>433.29610000000002</v>
      </c>
      <c r="E13347" s="6">
        <v>826.49490000000003</v>
      </c>
    </row>
    <row r="13348" spans="4:5" x14ac:dyDescent="0.25">
      <c r="D13348" s="6">
        <v>902.82010000000002</v>
      </c>
      <c r="E13348" s="6">
        <v>916.70830000000001</v>
      </c>
    </row>
    <row r="13349" spans="4:5" x14ac:dyDescent="0.25">
      <c r="D13349" s="6">
        <v>7497.8370000000004</v>
      </c>
      <c r="E13349" s="6">
        <v>571.50900000000001</v>
      </c>
    </row>
    <row r="13350" spans="4:5" x14ac:dyDescent="0.25">
      <c r="D13350" s="6">
        <v>877</v>
      </c>
      <c r="E13350" s="6">
        <v>1158.403</v>
      </c>
    </row>
    <row r="13351" spans="4:5" x14ac:dyDescent="0.25">
      <c r="D13351" s="6">
        <v>461.41910000000001</v>
      </c>
      <c r="E13351" s="6">
        <v>1550.2639999999999</v>
      </c>
    </row>
    <row r="13352" spans="4:5" x14ac:dyDescent="0.25">
      <c r="D13352" s="6">
        <v>561</v>
      </c>
      <c r="E13352" s="6">
        <v>1161.415</v>
      </c>
    </row>
    <row r="13353" spans="4:5" x14ac:dyDescent="0.25">
      <c r="D13353" s="6">
        <v>5750.1540000000005</v>
      </c>
      <c r="E13353" s="6">
        <v>8634.9439999999995</v>
      </c>
    </row>
    <row r="13354" spans="4:5" x14ac:dyDescent="0.25">
      <c r="D13354" s="6">
        <v>1214</v>
      </c>
      <c r="E13354" s="6">
        <v>690.22</v>
      </c>
    </row>
    <row r="13355" spans="4:5" x14ac:dyDescent="0.25">
      <c r="D13355" s="6">
        <v>1098.5840000000001</v>
      </c>
      <c r="E13355" s="6">
        <v>612.54949999999997</v>
      </c>
    </row>
    <row r="13356" spans="4:5" x14ac:dyDescent="0.25">
      <c r="D13356" s="6">
        <v>2004</v>
      </c>
      <c r="E13356" s="6">
        <v>856.14059999999995</v>
      </c>
    </row>
    <row r="13357" spans="4:5" x14ac:dyDescent="0.25">
      <c r="D13357" s="6">
        <v>1615</v>
      </c>
      <c r="E13357" s="6">
        <v>9940.9</v>
      </c>
    </row>
    <row r="13358" spans="4:5" x14ac:dyDescent="0.25">
      <c r="D13358" s="6">
        <v>512.59079999999994</v>
      </c>
      <c r="E13358" s="6">
        <v>1104.279</v>
      </c>
    </row>
    <row r="13359" spans="4:5" x14ac:dyDescent="0.25">
      <c r="D13359" s="6">
        <v>535.54570000000001</v>
      </c>
      <c r="E13359" s="6">
        <v>545.53219999999999</v>
      </c>
    </row>
    <row r="13360" spans="4:5" x14ac:dyDescent="0.25">
      <c r="D13360" s="6">
        <v>1677.222</v>
      </c>
      <c r="E13360" s="6">
        <v>9818.6319999999996</v>
      </c>
    </row>
    <row r="13361" spans="4:5" x14ac:dyDescent="0.25">
      <c r="D13361" s="6">
        <v>837.88239999999996</v>
      </c>
      <c r="E13361" s="6">
        <v>3880.306</v>
      </c>
    </row>
    <row r="13362" spans="4:5" x14ac:dyDescent="0.25">
      <c r="D13362" s="6">
        <v>799.38220000000001</v>
      </c>
      <c r="E13362" s="6">
        <v>947.68589999999995</v>
      </c>
    </row>
    <row r="13363" spans="4:5" x14ac:dyDescent="0.25">
      <c r="D13363" s="6">
        <v>957.25250000000005</v>
      </c>
      <c r="E13363" s="6">
        <v>915.27589999999998</v>
      </c>
    </row>
    <row r="13364" spans="4:5" x14ac:dyDescent="0.25">
      <c r="D13364" s="6">
        <v>1580.135</v>
      </c>
      <c r="E13364" s="6">
        <v>761.26790000000005</v>
      </c>
    </row>
    <row r="13365" spans="4:5" x14ac:dyDescent="0.25">
      <c r="D13365" s="6">
        <v>608.01530000000002</v>
      </c>
      <c r="E13365" s="6">
        <v>894.66660000000002</v>
      </c>
    </row>
    <row r="13366" spans="4:5" x14ac:dyDescent="0.25">
      <c r="D13366" s="6">
        <v>655.26530000000002</v>
      </c>
      <c r="E13366" s="6">
        <v>1166.499</v>
      </c>
    </row>
    <row r="13367" spans="4:5" x14ac:dyDescent="0.25">
      <c r="D13367" s="6">
        <v>583.04700000000003</v>
      </c>
      <c r="E13367" s="6">
        <v>968.50599999999997</v>
      </c>
    </row>
    <row r="13368" spans="4:5" x14ac:dyDescent="0.25">
      <c r="D13368" s="6">
        <v>681.81200000000001</v>
      </c>
      <c r="E13368" s="6">
        <v>624.47130000000004</v>
      </c>
    </row>
    <row r="13369" spans="4:5" x14ac:dyDescent="0.25">
      <c r="D13369" s="6">
        <v>458.5068</v>
      </c>
      <c r="E13369" s="6">
        <v>523.32510000000002</v>
      </c>
    </row>
    <row r="13370" spans="4:5" x14ac:dyDescent="0.25">
      <c r="D13370" s="6">
        <v>590.56560000000002</v>
      </c>
      <c r="E13370" s="6">
        <v>8370.9249999999993</v>
      </c>
    </row>
    <row r="13371" spans="4:5" x14ac:dyDescent="0.25">
      <c r="D13371" s="6">
        <v>740.53449999999998</v>
      </c>
      <c r="E13371" s="6">
        <v>861.85730000000001</v>
      </c>
    </row>
    <row r="13372" spans="4:5" x14ac:dyDescent="0.25">
      <c r="D13372" s="6">
        <v>991.07339999999999</v>
      </c>
      <c r="E13372" s="6">
        <v>7913.8</v>
      </c>
    </row>
    <row r="13373" spans="4:5" x14ac:dyDescent="0.25">
      <c r="D13373" s="6">
        <v>690.93550000000005</v>
      </c>
      <c r="E13373" s="6">
        <v>906.59190000000001</v>
      </c>
    </row>
    <row r="13374" spans="4:5" x14ac:dyDescent="0.25">
      <c r="D13374" s="6">
        <v>896.18619999999999</v>
      </c>
      <c r="E13374" s="6">
        <v>933.27120000000002</v>
      </c>
    </row>
    <row r="13375" spans="4:5" x14ac:dyDescent="0.25">
      <c r="D13375" s="6">
        <v>664.71730000000002</v>
      </c>
      <c r="E13375" s="6">
        <v>838.04020000000003</v>
      </c>
    </row>
    <row r="13376" spans="4:5" x14ac:dyDescent="0.25">
      <c r="D13376" s="6">
        <v>466.74020000000002</v>
      </c>
      <c r="E13376" s="6">
        <v>2494.6779999999999</v>
      </c>
    </row>
    <row r="13377" spans="4:5" x14ac:dyDescent="0.25">
      <c r="D13377" s="6">
        <v>845.94759999999997</v>
      </c>
      <c r="E13377" s="6">
        <v>9344.1820000000007</v>
      </c>
    </row>
    <row r="13378" spans="4:5" x14ac:dyDescent="0.25">
      <c r="D13378" s="6">
        <v>678.78639999999996</v>
      </c>
      <c r="E13378" s="6">
        <v>9598.1329999999998</v>
      </c>
    </row>
    <row r="13379" spans="4:5" x14ac:dyDescent="0.25">
      <c r="D13379" s="6">
        <v>447.49090000000001</v>
      </c>
      <c r="E13379" s="6">
        <v>666.77599999999995</v>
      </c>
    </row>
    <row r="13380" spans="4:5" x14ac:dyDescent="0.25">
      <c r="D13380" s="6">
        <v>873.66669999999999</v>
      </c>
      <c r="E13380" s="6">
        <v>706.97090000000003</v>
      </c>
    </row>
    <row r="13381" spans="4:5" x14ac:dyDescent="0.25">
      <c r="D13381" s="6">
        <v>711.74620000000004</v>
      </c>
      <c r="E13381" s="6">
        <v>560.66989999999998</v>
      </c>
    </row>
    <row r="13382" spans="4:5" x14ac:dyDescent="0.25">
      <c r="D13382" s="6">
        <v>641.97069999999997</v>
      </c>
      <c r="E13382" s="6">
        <v>693.66669999999999</v>
      </c>
    </row>
    <row r="13383" spans="4:5" x14ac:dyDescent="0.25">
      <c r="D13383" s="6">
        <v>737.90920000000006</v>
      </c>
      <c r="E13383" s="6">
        <v>997.53430000000003</v>
      </c>
    </row>
    <row r="13384" spans="4:5" x14ac:dyDescent="0.25">
      <c r="D13384" s="6">
        <v>858.00559999999996</v>
      </c>
      <c r="E13384" s="6">
        <v>7499.0460000000003</v>
      </c>
    </row>
    <row r="13385" spans="4:5" x14ac:dyDescent="0.25">
      <c r="D13385" s="6">
        <v>769.14290000000005</v>
      </c>
      <c r="E13385" s="6">
        <v>1092.8699999999999</v>
      </c>
    </row>
    <row r="13386" spans="4:5" x14ac:dyDescent="0.25">
      <c r="D13386" s="6">
        <v>454.49430000000001</v>
      </c>
      <c r="E13386" s="6">
        <v>728.33399999999995</v>
      </c>
    </row>
    <row r="13387" spans="4:5" x14ac:dyDescent="0.25">
      <c r="D13387" s="6">
        <v>663.27800000000002</v>
      </c>
      <c r="E13387" s="6">
        <v>6264.4210000000003</v>
      </c>
    </row>
    <row r="13388" spans="4:5" x14ac:dyDescent="0.25">
      <c r="D13388" s="6">
        <v>882.90629999999999</v>
      </c>
      <c r="E13388" s="6">
        <v>890.98009999999999</v>
      </c>
    </row>
    <row r="13389" spans="4:5" x14ac:dyDescent="0.25">
      <c r="D13389" s="6">
        <v>2631.4830000000002</v>
      </c>
      <c r="E13389" s="6">
        <v>592.66359999999997</v>
      </c>
    </row>
    <row r="13390" spans="4:5" x14ac:dyDescent="0.25">
      <c r="D13390" s="6">
        <v>432.88810000000001</v>
      </c>
      <c r="E13390" s="6">
        <v>698.04330000000004</v>
      </c>
    </row>
    <row r="13391" spans="4:5" x14ac:dyDescent="0.25">
      <c r="D13391" s="6">
        <v>645.07680000000005</v>
      </c>
      <c r="E13391" s="6">
        <v>961.21929999999998</v>
      </c>
    </row>
    <row r="13392" spans="4:5" x14ac:dyDescent="0.25">
      <c r="D13392" s="6">
        <v>1057.2049999999999</v>
      </c>
      <c r="E13392" s="6">
        <v>573.71280000000002</v>
      </c>
    </row>
    <row r="13393" spans="4:5" x14ac:dyDescent="0.25">
      <c r="D13393" s="6">
        <v>568.3338</v>
      </c>
      <c r="E13393" s="6">
        <v>501.30459999999999</v>
      </c>
    </row>
    <row r="13394" spans="4:5" x14ac:dyDescent="0.25">
      <c r="D13394" s="6">
        <v>715.06590000000006</v>
      </c>
      <c r="E13394" s="6">
        <v>6927.759</v>
      </c>
    </row>
    <row r="13395" spans="4:5" x14ac:dyDescent="0.25">
      <c r="D13395" s="6">
        <v>602</v>
      </c>
      <c r="E13395" s="6">
        <v>7004.2250000000004</v>
      </c>
    </row>
    <row r="13396" spans="4:5" x14ac:dyDescent="0.25">
      <c r="D13396" s="6">
        <v>625.70190000000002</v>
      </c>
      <c r="E13396" s="6">
        <v>646.97090000000003</v>
      </c>
    </row>
    <row r="13397" spans="4:5" x14ac:dyDescent="0.25">
      <c r="D13397" s="6">
        <v>2212.7139999999999</v>
      </c>
      <c r="E13397" s="6">
        <v>516.71460000000002</v>
      </c>
    </row>
    <row r="13398" spans="4:5" x14ac:dyDescent="0.25">
      <c r="D13398" s="6">
        <v>433.24630000000002</v>
      </c>
      <c r="E13398" s="6">
        <v>1139.8699999999999</v>
      </c>
    </row>
    <row r="13399" spans="4:5" x14ac:dyDescent="0.25">
      <c r="D13399" s="6">
        <v>682.05949999999996</v>
      </c>
      <c r="E13399" s="6">
        <v>647.85760000000005</v>
      </c>
    </row>
    <row r="13400" spans="4:5" x14ac:dyDescent="0.25">
      <c r="D13400" s="6">
        <v>548.404</v>
      </c>
      <c r="E13400" s="6">
        <v>831.53420000000006</v>
      </c>
    </row>
    <row r="13401" spans="4:5" x14ac:dyDescent="0.25">
      <c r="D13401" s="6">
        <v>798.80719999999997</v>
      </c>
      <c r="E13401" s="6">
        <v>859.26969999999994</v>
      </c>
    </row>
    <row r="13402" spans="4:5" x14ac:dyDescent="0.25">
      <c r="D13402" s="6">
        <v>645.6703</v>
      </c>
      <c r="E13402" s="6">
        <v>540.72059999999999</v>
      </c>
    </row>
    <row r="13403" spans="4:5" x14ac:dyDescent="0.25">
      <c r="D13403" s="6">
        <v>826.02940000000001</v>
      </c>
      <c r="E13403" s="6">
        <v>766.72569999999996</v>
      </c>
    </row>
    <row r="13404" spans="4:5" x14ac:dyDescent="0.25">
      <c r="D13404" s="6">
        <v>737.35490000000004</v>
      </c>
      <c r="E13404" s="6">
        <v>930.30719999999997</v>
      </c>
    </row>
    <row r="13405" spans="4:5" x14ac:dyDescent="0.25">
      <c r="D13405" s="6">
        <v>620.51260000000002</v>
      </c>
      <c r="E13405" s="6">
        <v>574.47080000000005</v>
      </c>
    </row>
    <row r="13406" spans="4:5" x14ac:dyDescent="0.25">
      <c r="D13406" s="6">
        <v>584.77260000000001</v>
      </c>
      <c r="E13406" s="6">
        <v>822.69060000000002</v>
      </c>
    </row>
    <row r="13407" spans="4:5" x14ac:dyDescent="0.25">
      <c r="D13407" s="6">
        <v>1992.251</v>
      </c>
      <c r="E13407" s="6">
        <v>2689.58</v>
      </c>
    </row>
    <row r="13408" spans="4:5" x14ac:dyDescent="0.25">
      <c r="D13408" s="6">
        <v>286.93509999999998</v>
      </c>
      <c r="E13408" s="6">
        <v>494.12619999999998</v>
      </c>
    </row>
    <row r="13409" spans="4:5" x14ac:dyDescent="0.25">
      <c r="D13409" s="6">
        <v>523.38049999999998</v>
      </c>
      <c r="E13409" s="6">
        <v>765.19979999999998</v>
      </c>
    </row>
    <row r="13410" spans="4:5" x14ac:dyDescent="0.25">
      <c r="D13410" s="6">
        <v>772</v>
      </c>
      <c r="E13410" s="6">
        <v>819.42420000000004</v>
      </c>
    </row>
    <row r="13411" spans="4:5" x14ac:dyDescent="0.25">
      <c r="D13411" s="6">
        <v>595.70349999999996</v>
      </c>
      <c r="E13411" s="6">
        <v>1034.6110000000001</v>
      </c>
    </row>
    <row r="13412" spans="4:5" x14ac:dyDescent="0.25">
      <c r="D13412" s="6">
        <v>666.16409999999996</v>
      </c>
      <c r="E13412" s="6">
        <v>889.93600000000004</v>
      </c>
    </row>
    <row r="13413" spans="4:5" x14ac:dyDescent="0.25">
      <c r="D13413" s="6">
        <v>543.63800000000003</v>
      </c>
      <c r="E13413" s="6">
        <v>599.4</v>
      </c>
    </row>
    <row r="13414" spans="4:5" x14ac:dyDescent="0.25">
      <c r="D13414" s="6">
        <v>839.13440000000003</v>
      </c>
      <c r="E13414" s="6">
        <v>632.00760000000002</v>
      </c>
    </row>
    <row r="13415" spans="4:5" x14ac:dyDescent="0.25">
      <c r="D13415" s="6">
        <v>698.43910000000005</v>
      </c>
      <c r="E13415" s="6">
        <v>899.71090000000004</v>
      </c>
    </row>
    <row r="13416" spans="4:5" x14ac:dyDescent="0.25">
      <c r="D13416" s="6">
        <v>404.2226</v>
      </c>
      <c r="E13416" s="6">
        <v>1061.873</v>
      </c>
    </row>
    <row r="13417" spans="4:5" x14ac:dyDescent="0.25">
      <c r="D13417" s="6">
        <v>478.86360000000002</v>
      </c>
      <c r="E13417" s="6">
        <v>537.33600000000001</v>
      </c>
    </row>
    <row r="13418" spans="4:5" x14ac:dyDescent="0.25">
      <c r="D13418" s="6">
        <v>552.54179999999997</v>
      </c>
      <c r="E13418" s="6">
        <v>716.33600000000001</v>
      </c>
    </row>
    <row r="13419" spans="4:5" x14ac:dyDescent="0.25">
      <c r="D13419" s="6">
        <v>590.62980000000005</v>
      </c>
      <c r="E13419" s="6">
        <v>1073.075</v>
      </c>
    </row>
    <row r="13420" spans="4:5" x14ac:dyDescent="0.25">
      <c r="D13420" s="6">
        <v>651.01210000000003</v>
      </c>
      <c r="E13420" s="6">
        <v>492.72730000000001</v>
      </c>
    </row>
    <row r="13421" spans="4:5" x14ac:dyDescent="0.25">
      <c r="D13421" s="6">
        <v>781.19200000000001</v>
      </c>
      <c r="E13421" s="6">
        <v>598.92380000000003</v>
      </c>
    </row>
    <row r="13422" spans="4:5" x14ac:dyDescent="0.25">
      <c r="D13422" s="6">
        <v>596.01980000000003</v>
      </c>
      <c r="E13422" s="6">
        <v>673.86969999999997</v>
      </c>
    </row>
    <row r="13423" spans="4:5" x14ac:dyDescent="0.25">
      <c r="D13423" s="6">
        <v>728.69579999999996</v>
      </c>
      <c r="E13423" s="6">
        <v>887.26660000000004</v>
      </c>
    </row>
    <row r="13424" spans="4:5" x14ac:dyDescent="0.25">
      <c r="D13424" s="6">
        <v>2134.5</v>
      </c>
      <c r="E13424" s="6">
        <v>729</v>
      </c>
    </row>
    <row r="13425" spans="4:5" x14ac:dyDescent="0.25">
      <c r="D13425" s="6">
        <v>507.92469999999997</v>
      </c>
      <c r="E13425" s="6">
        <v>732.40920000000006</v>
      </c>
    </row>
    <row r="13426" spans="4:5" x14ac:dyDescent="0.25">
      <c r="D13426" s="6">
        <v>758.53579999999999</v>
      </c>
      <c r="E13426" s="6">
        <v>694.14020000000005</v>
      </c>
    </row>
    <row r="13427" spans="4:5" x14ac:dyDescent="0.25">
      <c r="D13427" s="6">
        <v>482.69459999999998</v>
      </c>
      <c r="E13427" s="6">
        <v>567.28740000000005</v>
      </c>
    </row>
    <row r="13428" spans="4:5" x14ac:dyDescent="0.25">
      <c r="D13428" s="6">
        <v>1931.913</v>
      </c>
      <c r="E13428" s="6">
        <v>669.19759999999997</v>
      </c>
    </row>
    <row r="13429" spans="4:5" x14ac:dyDescent="0.25">
      <c r="D13429" s="6">
        <v>659.09429999999998</v>
      </c>
      <c r="E13429" s="6">
        <v>864.42330000000004</v>
      </c>
    </row>
    <row r="13430" spans="4:5" x14ac:dyDescent="0.25">
      <c r="D13430" s="6">
        <v>585.37310000000002</v>
      </c>
      <c r="E13430" s="6">
        <v>829.8184</v>
      </c>
    </row>
    <row r="13431" spans="4:5" x14ac:dyDescent="0.25">
      <c r="D13431" s="6">
        <v>1171.143</v>
      </c>
      <c r="E13431" s="6">
        <v>836.60709999999995</v>
      </c>
    </row>
    <row r="13432" spans="4:5" x14ac:dyDescent="0.25">
      <c r="D13432" s="6">
        <v>568.40070000000003</v>
      </c>
      <c r="E13432" s="6">
        <v>11410.03</v>
      </c>
    </row>
    <row r="13433" spans="4:5" x14ac:dyDescent="0.25">
      <c r="D13433" s="6">
        <v>699.05489999999998</v>
      </c>
      <c r="E13433" s="6">
        <v>764.93470000000002</v>
      </c>
    </row>
    <row r="13434" spans="4:5" x14ac:dyDescent="0.25">
      <c r="D13434" s="6">
        <v>518.06880000000001</v>
      </c>
      <c r="E13434" s="6">
        <v>1093.2750000000001</v>
      </c>
    </row>
    <row r="13435" spans="4:5" x14ac:dyDescent="0.25">
      <c r="D13435" s="6">
        <v>699.25310000000002</v>
      </c>
      <c r="E13435" s="6">
        <v>926.34289999999999</v>
      </c>
    </row>
    <row r="13436" spans="4:5" x14ac:dyDescent="0.25">
      <c r="D13436" s="6">
        <v>325.06970000000001</v>
      </c>
      <c r="E13436" s="6">
        <v>709.31179999999995</v>
      </c>
    </row>
    <row r="13437" spans="4:5" x14ac:dyDescent="0.25">
      <c r="D13437" s="6">
        <v>559.21990000000005</v>
      </c>
      <c r="E13437" s="6">
        <v>871.74829999999997</v>
      </c>
    </row>
    <row r="13438" spans="4:5" x14ac:dyDescent="0.25">
      <c r="D13438" s="6">
        <v>487.61509999999998</v>
      </c>
      <c r="E13438" s="6">
        <v>746.37279999999998</v>
      </c>
    </row>
    <row r="13439" spans="4:5" x14ac:dyDescent="0.25">
      <c r="D13439" s="6">
        <v>464.62830000000002</v>
      </c>
      <c r="E13439" s="6">
        <v>1025.1659999999999</v>
      </c>
    </row>
    <row r="13440" spans="4:5" x14ac:dyDescent="0.25">
      <c r="D13440" s="6">
        <v>387.35980000000001</v>
      </c>
      <c r="E13440" s="6">
        <v>734.39499999999998</v>
      </c>
    </row>
    <row r="13441" spans="4:5" x14ac:dyDescent="0.25">
      <c r="D13441" s="6">
        <v>929.75419999999997</v>
      </c>
      <c r="E13441" s="6">
        <v>713.86120000000005</v>
      </c>
    </row>
    <row r="13442" spans="4:5" x14ac:dyDescent="0.25">
      <c r="D13442" s="6">
        <v>707.80280000000005</v>
      </c>
      <c r="E13442" s="6">
        <v>809.77819999999997</v>
      </c>
    </row>
    <row r="13443" spans="4:5" x14ac:dyDescent="0.25">
      <c r="D13443" s="6">
        <v>10717.27</v>
      </c>
      <c r="E13443" s="6">
        <v>926.16150000000005</v>
      </c>
    </row>
    <row r="13444" spans="4:5" x14ac:dyDescent="0.25">
      <c r="D13444" s="6">
        <v>974.53330000000005</v>
      </c>
      <c r="E13444" s="6">
        <v>770.12</v>
      </c>
    </row>
    <row r="13445" spans="4:5" x14ac:dyDescent="0.25">
      <c r="D13445" s="6">
        <v>583.09810000000004</v>
      </c>
      <c r="E13445" s="6">
        <v>1743.7670000000001</v>
      </c>
    </row>
    <row r="13446" spans="4:5" x14ac:dyDescent="0.25">
      <c r="D13446" s="6">
        <v>907.0992</v>
      </c>
      <c r="E13446" s="6">
        <v>838.43669999999997</v>
      </c>
    </row>
    <row r="13447" spans="4:5" x14ac:dyDescent="0.25">
      <c r="D13447" s="6">
        <v>669.54269999999997</v>
      </c>
      <c r="E13447" s="6">
        <v>744.34119999999996</v>
      </c>
    </row>
    <row r="13448" spans="4:5" x14ac:dyDescent="0.25">
      <c r="D13448" s="6">
        <v>553.42830000000004</v>
      </c>
      <c r="E13448" s="6">
        <v>881.93010000000004</v>
      </c>
    </row>
    <row r="13449" spans="4:5" x14ac:dyDescent="0.25">
      <c r="D13449" s="6">
        <v>707.53279999999995</v>
      </c>
      <c r="E13449" s="6">
        <v>620.98609999999996</v>
      </c>
    </row>
    <row r="13450" spans="4:5" x14ac:dyDescent="0.25">
      <c r="D13450" s="6">
        <v>472.01089999999999</v>
      </c>
      <c r="E13450" s="6">
        <v>935.89359999999999</v>
      </c>
    </row>
    <row r="13451" spans="4:5" x14ac:dyDescent="0.25">
      <c r="D13451" s="6">
        <v>693.26940000000002</v>
      </c>
      <c r="E13451" s="6">
        <v>717.78099999999995</v>
      </c>
    </row>
    <row r="13452" spans="4:5" x14ac:dyDescent="0.25">
      <c r="D13452" s="6">
        <v>633.61950000000002</v>
      </c>
      <c r="E13452" s="6">
        <v>1213.472</v>
      </c>
    </row>
    <row r="13453" spans="4:5" x14ac:dyDescent="0.25">
      <c r="D13453" s="6">
        <v>1741.328</v>
      </c>
      <c r="E13453" s="6">
        <v>583.5</v>
      </c>
    </row>
    <row r="13454" spans="4:5" x14ac:dyDescent="0.25">
      <c r="D13454" s="6">
        <v>574.90800000000002</v>
      </c>
      <c r="E13454" s="6">
        <v>979.11090000000002</v>
      </c>
    </row>
    <row r="13455" spans="4:5" x14ac:dyDescent="0.25">
      <c r="D13455" s="6">
        <v>1174.375</v>
      </c>
      <c r="E13455" s="6">
        <v>15885.47</v>
      </c>
    </row>
    <row r="13456" spans="4:5" x14ac:dyDescent="0.25">
      <c r="D13456" s="6">
        <v>698.40970000000004</v>
      </c>
      <c r="E13456" s="6">
        <v>540.90859999999998</v>
      </c>
    </row>
    <row r="13457" spans="4:5" x14ac:dyDescent="0.25">
      <c r="D13457" s="6">
        <v>706.14049999999997</v>
      </c>
      <c r="E13457" s="6">
        <v>878.48479999999995</v>
      </c>
    </row>
    <row r="13458" spans="4:5" x14ac:dyDescent="0.25">
      <c r="D13458" s="6">
        <v>8087.8239999999996</v>
      </c>
      <c r="E13458" s="6">
        <v>8013.9449999999997</v>
      </c>
    </row>
    <row r="13459" spans="4:5" x14ac:dyDescent="0.25">
      <c r="D13459" s="6">
        <v>11259.67</v>
      </c>
      <c r="E13459" s="6">
        <v>891.79849999999999</v>
      </c>
    </row>
    <row r="13460" spans="4:5" x14ac:dyDescent="0.25">
      <c r="D13460" s="6">
        <v>589.75</v>
      </c>
      <c r="E13460" s="6">
        <v>684.79600000000005</v>
      </c>
    </row>
    <row r="13461" spans="4:5" x14ac:dyDescent="0.25">
      <c r="D13461" s="6">
        <v>5829</v>
      </c>
      <c r="E13461" s="6">
        <v>672.22469999999998</v>
      </c>
    </row>
    <row r="13462" spans="4:5" x14ac:dyDescent="0.25">
      <c r="D13462" s="6">
        <v>1100.643</v>
      </c>
      <c r="E13462" s="6">
        <v>7356.78</v>
      </c>
    </row>
    <row r="13463" spans="4:5" x14ac:dyDescent="0.25">
      <c r="D13463" s="6">
        <v>477.30610000000001</v>
      </c>
      <c r="E13463" s="6">
        <v>896.96370000000002</v>
      </c>
    </row>
    <row r="13464" spans="4:5" x14ac:dyDescent="0.25">
      <c r="D13464" s="6">
        <v>734.91120000000001</v>
      </c>
      <c r="E13464" s="6">
        <v>1086.845</v>
      </c>
    </row>
    <row r="13465" spans="4:5" x14ac:dyDescent="0.25">
      <c r="D13465" s="6">
        <v>584.04669999999999</v>
      </c>
      <c r="E13465" s="6">
        <v>8062.0060000000003</v>
      </c>
    </row>
    <row r="13466" spans="4:5" x14ac:dyDescent="0.25">
      <c r="D13466" s="6">
        <v>636.0942</v>
      </c>
      <c r="E13466" s="6">
        <v>522.22580000000005</v>
      </c>
    </row>
    <row r="13467" spans="4:5" x14ac:dyDescent="0.25">
      <c r="D13467" s="6">
        <v>606.85029999999995</v>
      </c>
      <c r="E13467" s="6">
        <v>681.56269999999995</v>
      </c>
    </row>
    <row r="13468" spans="4:5" x14ac:dyDescent="0.25">
      <c r="D13468" s="6">
        <v>597.03440000000001</v>
      </c>
      <c r="E13468" s="6">
        <v>1034.068</v>
      </c>
    </row>
    <row r="13469" spans="4:5" x14ac:dyDescent="0.25">
      <c r="D13469" s="6">
        <v>478</v>
      </c>
      <c r="E13469" s="6">
        <v>1130.1379999999999</v>
      </c>
    </row>
    <row r="13470" spans="4:5" x14ac:dyDescent="0.25">
      <c r="D13470" s="6">
        <v>639.64919999999995</v>
      </c>
      <c r="E13470" s="6">
        <v>697.49869999999999</v>
      </c>
    </row>
    <row r="13471" spans="4:5" x14ac:dyDescent="0.25">
      <c r="D13471" s="6">
        <v>724.01570000000004</v>
      </c>
      <c r="E13471" s="6">
        <v>1165.269</v>
      </c>
    </row>
    <row r="13472" spans="4:5" x14ac:dyDescent="0.25">
      <c r="D13472" s="6">
        <v>793.90099999999995</v>
      </c>
      <c r="E13472" s="6">
        <v>1095.152</v>
      </c>
    </row>
    <row r="13473" spans="4:5" x14ac:dyDescent="0.25">
      <c r="D13473" s="6">
        <v>781.471</v>
      </c>
      <c r="E13473" s="6">
        <v>917.22760000000005</v>
      </c>
    </row>
    <row r="13474" spans="4:5" x14ac:dyDescent="0.25">
      <c r="D13474" s="6">
        <v>541.73329999999999</v>
      </c>
      <c r="E13474" s="6">
        <v>933.93209999999999</v>
      </c>
    </row>
    <row r="13475" spans="4:5" x14ac:dyDescent="0.25">
      <c r="D13475" s="6">
        <v>583.99350000000004</v>
      </c>
      <c r="E13475" s="6">
        <v>868.80070000000001</v>
      </c>
    </row>
    <row r="13476" spans="4:5" x14ac:dyDescent="0.25">
      <c r="D13476" s="6">
        <v>950.03009999999995</v>
      </c>
      <c r="E13476" s="6">
        <v>1071.827</v>
      </c>
    </row>
    <row r="13477" spans="4:5" x14ac:dyDescent="0.25">
      <c r="D13477" s="6">
        <v>974.52059999999994</v>
      </c>
      <c r="E13477" s="6">
        <v>764.61760000000004</v>
      </c>
    </row>
    <row r="13478" spans="4:5" x14ac:dyDescent="0.25">
      <c r="D13478" s="6">
        <v>823.92669999999998</v>
      </c>
      <c r="E13478" s="6">
        <v>744.51559999999995</v>
      </c>
    </row>
    <row r="13479" spans="4:5" x14ac:dyDescent="0.25">
      <c r="D13479" s="6">
        <v>679.25720000000001</v>
      </c>
      <c r="E13479" s="6">
        <v>7890.4290000000001</v>
      </c>
    </row>
    <row r="13480" spans="4:5" x14ac:dyDescent="0.25">
      <c r="D13480" s="6">
        <v>683.90300000000002</v>
      </c>
      <c r="E13480" s="6">
        <v>1058.31</v>
      </c>
    </row>
    <row r="13481" spans="4:5" x14ac:dyDescent="0.25">
      <c r="D13481" s="6">
        <v>572.33309999999994</v>
      </c>
      <c r="E13481" s="6">
        <v>708.41430000000003</v>
      </c>
    </row>
    <row r="13482" spans="4:5" x14ac:dyDescent="0.25">
      <c r="D13482" s="6">
        <v>543.09280000000001</v>
      </c>
      <c r="E13482" s="6">
        <v>656.20169999999996</v>
      </c>
    </row>
    <row r="13483" spans="4:5" x14ac:dyDescent="0.25">
      <c r="D13483" s="6">
        <v>950.50059999999996</v>
      </c>
      <c r="E13483" s="6">
        <v>2825</v>
      </c>
    </row>
    <row r="13484" spans="4:5" x14ac:dyDescent="0.25">
      <c r="D13484" s="6">
        <v>862.75</v>
      </c>
      <c r="E13484" s="6">
        <v>694.20330000000001</v>
      </c>
    </row>
    <row r="13485" spans="4:5" x14ac:dyDescent="0.25">
      <c r="D13485" s="6">
        <v>701.54499999999996</v>
      </c>
      <c r="E13485" s="6">
        <v>1016.446</v>
      </c>
    </row>
    <row r="13486" spans="4:5" x14ac:dyDescent="0.25">
      <c r="D13486" s="6">
        <v>6375.835</v>
      </c>
      <c r="E13486" s="6">
        <v>636.40869999999995</v>
      </c>
    </row>
    <row r="13487" spans="4:5" x14ac:dyDescent="0.25">
      <c r="D13487" s="6">
        <v>730.51369999999997</v>
      </c>
      <c r="E13487" s="6">
        <v>506.45510000000002</v>
      </c>
    </row>
    <row r="13488" spans="4:5" x14ac:dyDescent="0.25">
      <c r="D13488" s="6">
        <v>637.10680000000002</v>
      </c>
      <c r="E13488" s="6">
        <v>821.63819999999998</v>
      </c>
    </row>
    <row r="13489" spans="4:5" x14ac:dyDescent="0.25">
      <c r="D13489" s="6">
        <v>1625.6880000000001</v>
      </c>
      <c r="E13489" s="6">
        <v>870.08870000000002</v>
      </c>
    </row>
    <row r="13490" spans="4:5" x14ac:dyDescent="0.25">
      <c r="D13490" s="6">
        <v>450.96089999999998</v>
      </c>
      <c r="E13490" s="6">
        <v>625.20039999999995</v>
      </c>
    </row>
    <row r="13491" spans="4:5" x14ac:dyDescent="0.25">
      <c r="D13491" s="6">
        <v>567.70169999999996</v>
      </c>
      <c r="E13491" s="6">
        <v>879.68010000000004</v>
      </c>
    </row>
    <row r="13492" spans="4:5" x14ac:dyDescent="0.25">
      <c r="D13492" s="6">
        <v>640.37009999999998</v>
      </c>
      <c r="E13492" s="6">
        <v>3713.567</v>
      </c>
    </row>
    <row r="13493" spans="4:5" x14ac:dyDescent="0.25">
      <c r="D13493" s="6">
        <v>334.5754</v>
      </c>
      <c r="E13493" s="6">
        <v>911.65350000000001</v>
      </c>
    </row>
    <row r="13494" spans="4:5" x14ac:dyDescent="0.25">
      <c r="D13494" s="6">
        <v>387.01979999999998</v>
      </c>
      <c r="E13494" s="6">
        <v>721.16039999999998</v>
      </c>
    </row>
    <row r="13495" spans="4:5" x14ac:dyDescent="0.25">
      <c r="D13495" s="6">
        <v>682.18010000000004</v>
      </c>
      <c r="E13495" s="6">
        <v>926.66729999999995</v>
      </c>
    </row>
    <row r="13496" spans="4:5" x14ac:dyDescent="0.25">
      <c r="D13496" s="6">
        <v>662.50620000000004</v>
      </c>
      <c r="E13496" s="6">
        <v>685.51329999999996</v>
      </c>
    </row>
    <row r="13497" spans="4:5" x14ac:dyDescent="0.25">
      <c r="D13497" s="6">
        <v>770.09220000000005</v>
      </c>
      <c r="E13497" s="6">
        <v>1253.3900000000001</v>
      </c>
    </row>
    <row r="13498" spans="4:5" x14ac:dyDescent="0.25">
      <c r="D13498" s="6">
        <v>490.5</v>
      </c>
      <c r="E13498" s="6">
        <v>9484.4</v>
      </c>
    </row>
    <row r="13499" spans="4:5" x14ac:dyDescent="0.25">
      <c r="D13499" s="6">
        <v>1028.1120000000001</v>
      </c>
      <c r="E13499" s="6">
        <v>1367.3040000000001</v>
      </c>
    </row>
    <row r="13500" spans="4:5" x14ac:dyDescent="0.25">
      <c r="D13500" s="6">
        <v>1741.759</v>
      </c>
      <c r="E13500" s="6">
        <v>608.14430000000004</v>
      </c>
    </row>
    <row r="13501" spans="4:5" x14ac:dyDescent="0.25">
      <c r="D13501" s="6">
        <v>1272.373</v>
      </c>
      <c r="E13501" s="6">
        <v>777.33330000000001</v>
      </c>
    </row>
    <row r="13502" spans="4:5" x14ac:dyDescent="0.25">
      <c r="D13502" s="6">
        <v>661.1558</v>
      </c>
      <c r="E13502" s="6">
        <v>8885.1939999999995</v>
      </c>
    </row>
    <row r="13503" spans="4:5" x14ac:dyDescent="0.25">
      <c r="D13503" s="6">
        <v>624.08109999999999</v>
      </c>
      <c r="E13503" s="6">
        <v>1293.807</v>
      </c>
    </row>
    <row r="13504" spans="4:5" x14ac:dyDescent="0.25">
      <c r="D13504" s="6">
        <v>571.24429999999995</v>
      </c>
      <c r="E13504" s="6">
        <v>622.26930000000004</v>
      </c>
    </row>
    <row r="13505" spans="4:5" x14ac:dyDescent="0.25">
      <c r="D13505" s="6">
        <v>990.80949999999996</v>
      </c>
      <c r="E13505" s="6">
        <v>829.50019999999995</v>
      </c>
    </row>
    <row r="13506" spans="4:5" x14ac:dyDescent="0.25">
      <c r="D13506" s="6">
        <v>406.9359</v>
      </c>
      <c r="E13506" s="6">
        <v>694.79819999999995</v>
      </c>
    </row>
    <row r="13507" spans="4:5" x14ac:dyDescent="0.25">
      <c r="D13507" s="6">
        <v>522.33339999999998</v>
      </c>
      <c r="E13507" s="6">
        <v>9458.0130000000008</v>
      </c>
    </row>
    <row r="13508" spans="4:5" x14ac:dyDescent="0.25">
      <c r="D13508" s="6">
        <v>645.58299999999997</v>
      </c>
      <c r="E13508" s="6">
        <v>653.84870000000001</v>
      </c>
    </row>
    <row r="13509" spans="4:5" x14ac:dyDescent="0.25">
      <c r="D13509" s="6">
        <v>1062.7360000000001</v>
      </c>
      <c r="E13509" s="6">
        <v>7683.2030000000004</v>
      </c>
    </row>
    <row r="13510" spans="4:5" x14ac:dyDescent="0.25">
      <c r="D13510" s="6">
        <v>689.48119999999994</v>
      </c>
      <c r="E13510" s="6">
        <v>519.8383</v>
      </c>
    </row>
    <row r="13511" spans="4:5" x14ac:dyDescent="0.25">
      <c r="D13511" s="6">
        <v>757.4212</v>
      </c>
      <c r="E13511" s="6">
        <v>829.67679999999996</v>
      </c>
    </row>
    <row r="13512" spans="4:5" x14ac:dyDescent="0.25">
      <c r="D13512" s="6">
        <v>544.56500000000005</v>
      </c>
      <c r="E13512" s="6">
        <v>516.80859999999996</v>
      </c>
    </row>
    <row r="13513" spans="4:5" x14ac:dyDescent="0.25">
      <c r="D13513" s="6">
        <v>445.0763</v>
      </c>
      <c r="E13513" s="6">
        <v>924.33730000000003</v>
      </c>
    </row>
    <row r="13514" spans="4:5" x14ac:dyDescent="0.25">
      <c r="D13514" s="6">
        <v>485.93579999999997</v>
      </c>
      <c r="E13514" s="6">
        <v>640.81820000000005</v>
      </c>
    </row>
    <row r="13515" spans="4:5" x14ac:dyDescent="0.25">
      <c r="D13515" s="6">
        <v>634.77260000000001</v>
      </c>
      <c r="E13515" s="6">
        <v>570.30949999999996</v>
      </c>
    </row>
    <row r="13516" spans="4:5" x14ac:dyDescent="0.25">
      <c r="D13516" s="6">
        <v>635.31820000000005</v>
      </c>
      <c r="E13516" s="6">
        <v>621.96889999999996</v>
      </c>
    </row>
    <row r="13517" spans="4:5" x14ac:dyDescent="0.25">
      <c r="D13517" s="6">
        <v>516.19179999999994</v>
      </c>
      <c r="E13517" s="6">
        <v>734</v>
      </c>
    </row>
    <row r="13518" spans="4:5" x14ac:dyDescent="0.25">
      <c r="D13518" s="6">
        <v>466.4658</v>
      </c>
      <c r="E13518" s="6">
        <v>1222.0619999999999</v>
      </c>
    </row>
    <row r="13519" spans="4:5" x14ac:dyDescent="0.25">
      <c r="D13519" s="6">
        <v>469.71</v>
      </c>
      <c r="E13519" s="6">
        <v>1093.838</v>
      </c>
    </row>
    <row r="13520" spans="4:5" x14ac:dyDescent="0.25">
      <c r="D13520" s="6">
        <v>676.04319999999996</v>
      </c>
      <c r="E13520" s="6">
        <v>824.60540000000003</v>
      </c>
    </row>
    <row r="13521" spans="4:5" x14ac:dyDescent="0.25">
      <c r="D13521" s="6">
        <v>638.01160000000004</v>
      </c>
      <c r="E13521" s="6">
        <v>715.11199999999997</v>
      </c>
    </row>
    <row r="13522" spans="4:5" x14ac:dyDescent="0.25">
      <c r="D13522" s="6">
        <v>16012</v>
      </c>
      <c r="E13522" s="6">
        <v>819.7</v>
      </c>
    </row>
    <row r="13523" spans="4:5" x14ac:dyDescent="0.25">
      <c r="D13523" s="6">
        <v>513.20000000000005</v>
      </c>
      <c r="E13523" s="6">
        <v>861.42240000000004</v>
      </c>
    </row>
    <row r="13524" spans="4:5" x14ac:dyDescent="0.25">
      <c r="D13524" s="6">
        <v>696.4873</v>
      </c>
      <c r="E13524" s="6">
        <v>701.44010000000003</v>
      </c>
    </row>
    <row r="13525" spans="4:5" x14ac:dyDescent="0.25">
      <c r="D13525" s="6">
        <v>1091</v>
      </c>
      <c r="E13525" s="6">
        <v>802.16150000000005</v>
      </c>
    </row>
    <row r="13526" spans="4:5" x14ac:dyDescent="0.25">
      <c r="D13526" s="6">
        <v>620.56399999999996</v>
      </c>
      <c r="E13526" s="6">
        <v>498.72269999999997</v>
      </c>
    </row>
    <row r="13527" spans="4:5" x14ac:dyDescent="0.25">
      <c r="D13527" s="6">
        <v>646.00649999999996</v>
      </c>
      <c r="E13527" s="6">
        <v>672.91510000000005</v>
      </c>
    </row>
    <row r="13528" spans="4:5" x14ac:dyDescent="0.25">
      <c r="D13528" s="6">
        <v>608.71379999999999</v>
      </c>
      <c r="E13528" s="6">
        <v>2777.5880000000002</v>
      </c>
    </row>
    <row r="13529" spans="4:5" x14ac:dyDescent="0.25">
      <c r="D13529" s="6">
        <v>768.33019999999999</v>
      </c>
      <c r="E13529" s="6">
        <v>721.57169999999996</v>
      </c>
    </row>
    <row r="13530" spans="4:5" x14ac:dyDescent="0.25">
      <c r="D13530" s="6">
        <v>751.11030000000005</v>
      </c>
      <c r="E13530" s="6">
        <v>1258.123</v>
      </c>
    </row>
    <row r="13531" spans="4:5" x14ac:dyDescent="0.25">
      <c r="D13531" s="6">
        <v>653.32989999999995</v>
      </c>
      <c r="E13531" s="6">
        <v>6030</v>
      </c>
    </row>
    <row r="13532" spans="4:5" x14ac:dyDescent="0.25">
      <c r="D13532" s="6">
        <v>856.41139999999996</v>
      </c>
      <c r="E13532" s="6">
        <v>997.58920000000001</v>
      </c>
    </row>
    <row r="13533" spans="4:5" x14ac:dyDescent="0.25">
      <c r="D13533" s="6">
        <v>940.66669999999999</v>
      </c>
      <c r="E13533" s="6">
        <v>745.06</v>
      </c>
    </row>
    <row r="13534" spans="4:5" x14ac:dyDescent="0.25">
      <c r="D13534" s="6">
        <v>561.04070000000002</v>
      </c>
      <c r="E13534" s="6">
        <v>641.01459999999997</v>
      </c>
    </row>
    <row r="13535" spans="4:5" x14ac:dyDescent="0.25">
      <c r="D13535" s="6">
        <v>903.2097</v>
      </c>
      <c r="E13535" s="6">
        <v>5158.83</v>
      </c>
    </row>
    <row r="13536" spans="4:5" x14ac:dyDescent="0.25">
      <c r="D13536" s="6">
        <v>833.17190000000005</v>
      </c>
      <c r="E13536" s="6">
        <v>1107</v>
      </c>
    </row>
    <row r="13537" spans="4:5" x14ac:dyDescent="0.25">
      <c r="D13537" s="6">
        <v>1378.0150000000001</v>
      </c>
      <c r="E13537" s="6">
        <v>829.93290000000002</v>
      </c>
    </row>
    <row r="13538" spans="4:5" x14ac:dyDescent="0.25">
      <c r="D13538" s="6">
        <v>556.02350000000001</v>
      </c>
      <c r="E13538" s="6">
        <v>926.96730000000002</v>
      </c>
    </row>
    <row r="13539" spans="4:5" x14ac:dyDescent="0.25">
      <c r="D13539" s="6">
        <v>934.47860000000003</v>
      </c>
      <c r="E13539" s="6">
        <v>987.05110000000002</v>
      </c>
    </row>
    <row r="13540" spans="4:5" x14ac:dyDescent="0.25">
      <c r="D13540" s="6">
        <v>395.6</v>
      </c>
      <c r="E13540" s="6">
        <v>1118.5940000000001</v>
      </c>
    </row>
    <row r="13541" spans="4:5" x14ac:dyDescent="0.25">
      <c r="D13541" s="6">
        <v>547.88890000000004</v>
      </c>
      <c r="E13541" s="6">
        <v>8660.8389999999999</v>
      </c>
    </row>
    <row r="13542" spans="4:5" x14ac:dyDescent="0.25">
      <c r="D13542" s="6">
        <v>549.49879999999996</v>
      </c>
      <c r="E13542" s="6">
        <v>805.98440000000005</v>
      </c>
    </row>
    <row r="13543" spans="4:5" x14ac:dyDescent="0.25">
      <c r="D13543" s="6">
        <v>611.94899999999996</v>
      </c>
      <c r="E13543" s="6">
        <v>620.56359999999995</v>
      </c>
    </row>
    <row r="13544" spans="4:5" x14ac:dyDescent="0.25">
      <c r="D13544" s="6">
        <v>445.262</v>
      </c>
      <c r="E13544" s="6">
        <v>678.54160000000002</v>
      </c>
    </row>
    <row r="13545" spans="4:5" x14ac:dyDescent="0.25">
      <c r="D13545" s="6">
        <v>646.73580000000004</v>
      </c>
      <c r="E13545" s="6">
        <v>804.66099999999994</v>
      </c>
    </row>
    <row r="13546" spans="4:5" x14ac:dyDescent="0.25">
      <c r="D13546" s="6">
        <v>1012.739</v>
      </c>
      <c r="E13546" s="6">
        <v>640.09889999999996</v>
      </c>
    </row>
    <row r="13547" spans="4:5" x14ac:dyDescent="0.25">
      <c r="D13547" s="6">
        <v>528.99850000000004</v>
      </c>
      <c r="E13547" s="6">
        <v>822.51459999999997</v>
      </c>
    </row>
    <row r="13548" spans="4:5" x14ac:dyDescent="0.25">
      <c r="D13548" s="6">
        <v>936.29309999999998</v>
      </c>
      <c r="E13548" s="6">
        <v>432.21550000000002</v>
      </c>
    </row>
    <row r="13549" spans="4:5" x14ac:dyDescent="0.25">
      <c r="D13549" s="6">
        <v>569.92619999999999</v>
      </c>
      <c r="E13549" s="6">
        <v>1078.1769999999999</v>
      </c>
    </row>
    <row r="13550" spans="4:5" x14ac:dyDescent="0.25">
      <c r="D13550" s="6">
        <v>690.56880000000001</v>
      </c>
      <c r="E13550" s="6">
        <v>756.096</v>
      </c>
    </row>
    <row r="13551" spans="4:5" x14ac:dyDescent="0.25">
      <c r="D13551" s="6">
        <v>620.59580000000005</v>
      </c>
      <c r="E13551" s="6">
        <v>717.88099999999997</v>
      </c>
    </row>
    <row r="13552" spans="4:5" x14ac:dyDescent="0.25">
      <c r="D13552" s="6">
        <v>774.53629999999998</v>
      </c>
      <c r="E13552" s="6">
        <v>771.19479999999999</v>
      </c>
    </row>
    <row r="13553" spans="4:5" x14ac:dyDescent="0.25">
      <c r="D13553" s="6">
        <v>666.08939999999996</v>
      </c>
      <c r="E13553" s="6">
        <v>642.57749999999999</v>
      </c>
    </row>
    <row r="13554" spans="4:5" x14ac:dyDescent="0.25">
      <c r="D13554" s="6">
        <v>1080</v>
      </c>
      <c r="E13554" s="6">
        <v>816.84439999999995</v>
      </c>
    </row>
    <row r="13555" spans="4:5" x14ac:dyDescent="0.25">
      <c r="D13555" s="6">
        <v>650.98850000000004</v>
      </c>
      <c r="E13555" s="6">
        <v>4903.866</v>
      </c>
    </row>
    <row r="13556" spans="4:5" x14ac:dyDescent="0.25">
      <c r="D13556" s="6">
        <v>302.0976</v>
      </c>
      <c r="E13556" s="6">
        <v>730.19069999999999</v>
      </c>
    </row>
    <row r="13557" spans="4:5" x14ac:dyDescent="0.25">
      <c r="D13557" s="6">
        <v>503.15429999999998</v>
      </c>
      <c r="E13557" s="6">
        <v>619.52829999999994</v>
      </c>
    </row>
    <row r="13558" spans="4:5" x14ac:dyDescent="0.25">
      <c r="D13558" s="6">
        <v>615.04340000000002</v>
      </c>
      <c r="E13558" s="6">
        <v>1531.9469999999999</v>
      </c>
    </row>
    <row r="13559" spans="4:5" x14ac:dyDescent="0.25">
      <c r="D13559" s="6">
        <v>713.49689999999998</v>
      </c>
      <c r="E13559" s="6">
        <v>5683.54</v>
      </c>
    </row>
    <row r="13560" spans="4:5" x14ac:dyDescent="0.25">
      <c r="D13560" s="6">
        <v>522.83140000000003</v>
      </c>
      <c r="E13560" s="6">
        <v>7270.39</v>
      </c>
    </row>
    <row r="13561" spans="4:5" x14ac:dyDescent="0.25">
      <c r="D13561" s="6">
        <v>1024.8910000000001</v>
      </c>
      <c r="E13561" s="6">
        <v>798.12869999999998</v>
      </c>
    </row>
    <row r="13562" spans="4:5" x14ac:dyDescent="0.25">
      <c r="D13562" s="6">
        <v>477.57319999999999</v>
      </c>
      <c r="E13562" s="6">
        <v>866.52919999999995</v>
      </c>
    </row>
    <row r="13563" spans="4:5" x14ac:dyDescent="0.25">
      <c r="D13563" s="6">
        <v>591.38890000000004</v>
      </c>
      <c r="E13563" s="6">
        <v>680.09760000000006</v>
      </c>
    </row>
    <row r="13564" spans="4:5" x14ac:dyDescent="0.25">
      <c r="D13564" s="6">
        <v>431.36270000000002</v>
      </c>
      <c r="E13564" s="6">
        <v>1503.0809999999999</v>
      </c>
    </row>
    <row r="13565" spans="4:5" x14ac:dyDescent="0.25">
      <c r="D13565" s="6">
        <v>933.33330000000001</v>
      </c>
      <c r="E13565" s="6">
        <v>864.47659999999996</v>
      </c>
    </row>
    <row r="13566" spans="4:5" x14ac:dyDescent="0.25">
      <c r="D13566" s="6">
        <v>753.17309999999998</v>
      </c>
      <c r="E13566" s="6">
        <v>6042.34</v>
      </c>
    </row>
    <row r="13567" spans="4:5" x14ac:dyDescent="0.25">
      <c r="D13567" s="6">
        <v>565.01750000000004</v>
      </c>
      <c r="E13567" s="6">
        <v>867.18619999999999</v>
      </c>
    </row>
    <row r="13568" spans="4:5" x14ac:dyDescent="0.25">
      <c r="D13568" s="6">
        <v>404.7747</v>
      </c>
      <c r="E13568" s="6">
        <v>545.745</v>
      </c>
    </row>
    <row r="13569" spans="4:5" x14ac:dyDescent="0.25">
      <c r="D13569" s="6">
        <v>621.02269999999999</v>
      </c>
      <c r="E13569" s="6">
        <v>975.28620000000001</v>
      </c>
    </row>
    <row r="13570" spans="4:5" x14ac:dyDescent="0.25">
      <c r="D13570" s="6">
        <v>496.6431</v>
      </c>
      <c r="E13570" s="6">
        <v>1016.251</v>
      </c>
    </row>
    <row r="13571" spans="4:5" x14ac:dyDescent="0.25">
      <c r="D13571" s="6">
        <v>548.20830000000001</v>
      </c>
      <c r="E13571" s="6">
        <v>6509.3609999999999</v>
      </c>
    </row>
    <row r="13572" spans="4:5" x14ac:dyDescent="0.25">
      <c r="D13572" s="6">
        <v>558.90909999999997</v>
      </c>
      <c r="E13572" s="6">
        <v>743.83360000000005</v>
      </c>
    </row>
    <row r="13573" spans="4:5" x14ac:dyDescent="0.25">
      <c r="D13573" s="6">
        <v>641.29870000000005</v>
      </c>
      <c r="E13573" s="6">
        <v>768.52</v>
      </c>
    </row>
    <row r="13574" spans="4:5" x14ac:dyDescent="0.25">
      <c r="D13574" s="6">
        <v>496.625</v>
      </c>
      <c r="E13574" s="6">
        <v>893.41070000000002</v>
      </c>
    </row>
    <row r="13575" spans="4:5" x14ac:dyDescent="0.25">
      <c r="D13575" s="6">
        <v>627.77800000000002</v>
      </c>
      <c r="E13575" s="6">
        <v>8335.1530000000002</v>
      </c>
    </row>
    <row r="13576" spans="4:5" x14ac:dyDescent="0.25">
      <c r="D13576" s="6">
        <v>549.29729999999995</v>
      </c>
      <c r="E13576" s="6">
        <v>5583.7460000000001</v>
      </c>
    </row>
    <row r="13577" spans="4:5" x14ac:dyDescent="0.25">
      <c r="D13577" s="6">
        <v>543.63189999999997</v>
      </c>
      <c r="E13577" s="6">
        <v>1390.0619999999999</v>
      </c>
    </row>
    <row r="13578" spans="4:5" x14ac:dyDescent="0.25">
      <c r="D13578" s="6">
        <v>502.88260000000002</v>
      </c>
      <c r="E13578" s="6">
        <v>8812.01</v>
      </c>
    </row>
    <row r="13579" spans="4:5" x14ac:dyDescent="0.25">
      <c r="D13579" s="6">
        <v>653.86419999999998</v>
      </c>
      <c r="E13579" s="6">
        <v>681.89070000000004</v>
      </c>
    </row>
    <row r="13580" spans="4:5" x14ac:dyDescent="0.25">
      <c r="D13580" s="6">
        <v>578.96569999999997</v>
      </c>
      <c r="E13580" s="6">
        <v>1168.932</v>
      </c>
    </row>
    <row r="13581" spans="4:5" x14ac:dyDescent="0.25">
      <c r="D13581" s="6">
        <v>569.73680000000002</v>
      </c>
      <c r="E13581" s="6">
        <v>712.6979</v>
      </c>
    </row>
    <row r="13582" spans="4:5" x14ac:dyDescent="0.25">
      <c r="D13582" s="6">
        <v>707.42139999999995</v>
      </c>
      <c r="E13582" s="6">
        <v>802.16579999999999</v>
      </c>
    </row>
    <row r="13583" spans="4:5" x14ac:dyDescent="0.25">
      <c r="D13583" s="6">
        <v>703.00400000000002</v>
      </c>
      <c r="E13583" s="6">
        <v>813.61059999999998</v>
      </c>
    </row>
    <row r="13584" spans="4:5" x14ac:dyDescent="0.25">
      <c r="D13584" s="6">
        <v>605.28110000000004</v>
      </c>
      <c r="E13584" s="6">
        <v>769.94299999999998</v>
      </c>
    </row>
    <row r="13585" spans="4:5" x14ac:dyDescent="0.25">
      <c r="D13585" s="6">
        <v>486.608</v>
      </c>
      <c r="E13585" s="6">
        <v>679</v>
      </c>
    </row>
    <row r="13586" spans="4:5" x14ac:dyDescent="0.25">
      <c r="D13586" s="6">
        <v>2006</v>
      </c>
      <c r="E13586" s="6">
        <v>949.60530000000006</v>
      </c>
    </row>
    <row r="13587" spans="4:5" x14ac:dyDescent="0.25">
      <c r="D13587" s="6">
        <v>839.66279999999995</v>
      </c>
      <c r="E13587" s="6">
        <v>696.56010000000003</v>
      </c>
    </row>
    <row r="13588" spans="4:5" x14ac:dyDescent="0.25">
      <c r="D13588" s="6">
        <v>628.33460000000002</v>
      </c>
      <c r="E13588" s="6">
        <v>721.70759999999996</v>
      </c>
    </row>
    <row r="13589" spans="4:5" x14ac:dyDescent="0.25">
      <c r="D13589" s="6">
        <v>585.41600000000005</v>
      </c>
      <c r="E13589" s="6">
        <v>658.68449999999996</v>
      </c>
    </row>
    <row r="13590" spans="4:5" x14ac:dyDescent="0.25">
      <c r="D13590" s="6">
        <v>760.62729999999999</v>
      </c>
      <c r="E13590" s="6">
        <v>880.57119999999998</v>
      </c>
    </row>
    <row r="13591" spans="4:5" x14ac:dyDescent="0.25">
      <c r="D13591" s="6">
        <v>1368.973</v>
      </c>
      <c r="E13591" s="6">
        <v>930.36940000000004</v>
      </c>
    </row>
    <row r="13592" spans="4:5" x14ac:dyDescent="0.25">
      <c r="D13592" s="6">
        <v>650.93560000000002</v>
      </c>
      <c r="E13592" s="6">
        <v>918.47289999999998</v>
      </c>
    </row>
    <row r="13593" spans="4:5" x14ac:dyDescent="0.25">
      <c r="D13593" s="6">
        <v>685.41539999999998</v>
      </c>
      <c r="E13593" s="6">
        <v>896.93880000000001</v>
      </c>
    </row>
    <row r="13594" spans="4:5" x14ac:dyDescent="0.25">
      <c r="D13594" s="6">
        <v>759.24099999999999</v>
      </c>
      <c r="E13594" s="6">
        <v>8546.74</v>
      </c>
    </row>
    <row r="13595" spans="4:5" x14ac:dyDescent="0.25">
      <c r="D13595" s="6">
        <v>1169.7270000000001</v>
      </c>
      <c r="E13595" s="6">
        <v>987.24379999999996</v>
      </c>
    </row>
    <row r="13596" spans="4:5" x14ac:dyDescent="0.25">
      <c r="D13596" s="6">
        <v>1213</v>
      </c>
      <c r="E13596" s="6">
        <v>697.51220000000001</v>
      </c>
    </row>
    <row r="13597" spans="4:5" x14ac:dyDescent="0.25">
      <c r="D13597" s="6">
        <v>622.94000000000005</v>
      </c>
      <c r="E13597" s="6">
        <v>746.65599999999995</v>
      </c>
    </row>
    <row r="13598" spans="4:5" x14ac:dyDescent="0.25">
      <c r="D13598" s="6">
        <v>8321.5249999999996</v>
      </c>
      <c r="E13598" s="6">
        <v>1043.345</v>
      </c>
    </row>
    <row r="13599" spans="4:5" x14ac:dyDescent="0.25">
      <c r="D13599" s="6">
        <v>722.15869999999995</v>
      </c>
      <c r="E13599" s="6">
        <v>700.95519999999999</v>
      </c>
    </row>
    <row r="13600" spans="4:5" x14ac:dyDescent="0.25">
      <c r="D13600" s="6">
        <v>593.94280000000003</v>
      </c>
      <c r="E13600" s="6">
        <v>679.93809999999996</v>
      </c>
    </row>
    <row r="13601" spans="4:5" x14ac:dyDescent="0.25">
      <c r="D13601" s="6">
        <v>661.05529999999999</v>
      </c>
      <c r="E13601" s="6">
        <v>7919.3180000000002</v>
      </c>
    </row>
    <row r="13602" spans="4:5" x14ac:dyDescent="0.25">
      <c r="D13602" s="6">
        <v>5812.87</v>
      </c>
      <c r="E13602" s="6">
        <v>7104.5609999999997</v>
      </c>
    </row>
    <row r="13603" spans="4:5" x14ac:dyDescent="0.25">
      <c r="D13603" s="6">
        <v>876.35709999999995</v>
      </c>
      <c r="E13603" s="6">
        <v>926.01120000000003</v>
      </c>
    </row>
    <row r="13604" spans="4:5" x14ac:dyDescent="0.25">
      <c r="D13604" s="6">
        <v>431.19729999999998</v>
      </c>
      <c r="E13604" s="6">
        <v>716.95439999999996</v>
      </c>
    </row>
    <row r="13605" spans="4:5" x14ac:dyDescent="0.25">
      <c r="D13605" s="6">
        <v>515.97140000000002</v>
      </c>
      <c r="E13605" s="6">
        <v>1625.2</v>
      </c>
    </row>
    <row r="13606" spans="4:5" x14ac:dyDescent="0.25">
      <c r="D13606" s="6">
        <v>413.35809999999998</v>
      </c>
      <c r="E13606" s="6">
        <v>729.25819999999999</v>
      </c>
    </row>
    <row r="13607" spans="4:5" x14ac:dyDescent="0.25">
      <c r="D13607" s="6">
        <v>523.86130000000003</v>
      </c>
      <c r="E13607" s="6">
        <v>1188.1469999999999</v>
      </c>
    </row>
    <row r="13608" spans="4:5" x14ac:dyDescent="0.25">
      <c r="D13608" s="6">
        <v>465.87</v>
      </c>
      <c r="E13608" s="6">
        <v>8555.9429999999993</v>
      </c>
    </row>
    <row r="13609" spans="4:5" x14ac:dyDescent="0.25">
      <c r="D13609" s="6">
        <v>908.81510000000003</v>
      </c>
      <c r="E13609" s="6">
        <v>1258.6289999999999</v>
      </c>
    </row>
    <row r="13610" spans="4:5" x14ac:dyDescent="0.25">
      <c r="D13610" s="6">
        <v>695.65279999999996</v>
      </c>
      <c r="E13610" s="6">
        <v>6843.9960000000001</v>
      </c>
    </row>
    <row r="13611" spans="4:5" x14ac:dyDescent="0.25">
      <c r="D13611" s="6">
        <v>1004.516</v>
      </c>
      <c r="E13611" s="6">
        <v>1737.1780000000001</v>
      </c>
    </row>
    <row r="13612" spans="4:5" x14ac:dyDescent="0.25">
      <c r="D13612" s="6">
        <v>959.875</v>
      </c>
      <c r="E13612" s="6">
        <v>758.98860000000002</v>
      </c>
    </row>
    <row r="13613" spans="4:5" x14ac:dyDescent="0.25">
      <c r="D13613" s="6">
        <v>601.95759999999996</v>
      </c>
      <c r="E13613" s="6">
        <v>774.84590000000003</v>
      </c>
    </row>
    <row r="13614" spans="4:5" x14ac:dyDescent="0.25">
      <c r="D13614" s="6">
        <v>1229.9059999999999</v>
      </c>
      <c r="E13614" s="6">
        <v>736.67020000000002</v>
      </c>
    </row>
    <row r="13615" spans="4:5" x14ac:dyDescent="0.25">
      <c r="D13615" s="6">
        <v>815.48320000000001</v>
      </c>
      <c r="E13615" s="6">
        <v>1183.5340000000001</v>
      </c>
    </row>
    <row r="13616" spans="4:5" x14ac:dyDescent="0.25">
      <c r="D13616" s="6">
        <v>4342.2</v>
      </c>
      <c r="E13616" s="6">
        <v>1054.4780000000001</v>
      </c>
    </row>
    <row r="13617" spans="4:5" x14ac:dyDescent="0.25">
      <c r="D13617" s="6">
        <v>502.39370000000002</v>
      </c>
      <c r="E13617" s="6">
        <v>1799.376</v>
      </c>
    </row>
    <row r="13618" spans="4:5" x14ac:dyDescent="0.25">
      <c r="D13618" s="6">
        <v>720.54369999999994</v>
      </c>
      <c r="E13618" s="6">
        <v>1066.1600000000001</v>
      </c>
    </row>
    <row r="13619" spans="4:5" x14ac:dyDescent="0.25">
      <c r="D13619" s="6">
        <v>6791.53</v>
      </c>
      <c r="E13619" s="6">
        <v>775.80269999999996</v>
      </c>
    </row>
    <row r="13620" spans="4:5" x14ac:dyDescent="0.25">
      <c r="D13620" s="6">
        <v>623.31579999999997</v>
      </c>
      <c r="E13620" s="6">
        <v>568.60940000000005</v>
      </c>
    </row>
    <row r="13621" spans="4:5" x14ac:dyDescent="0.25">
      <c r="D13621" s="6">
        <v>944.91189999999995</v>
      </c>
      <c r="E13621" s="6">
        <v>822.18769999999995</v>
      </c>
    </row>
    <row r="13622" spans="4:5" x14ac:dyDescent="0.25">
      <c r="D13622" s="6">
        <v>848.02959999999996</v>
      </c>
      <c r="E13622" s="6">
        <v>5112.7619999999997</v>
      </c>
    </row>
    <row r="13623" spans="4:5" x14ac:dyDescent="0.25">
      <c r="D13623" s="6">
        <v>752.78499999999997</v>
      </c>
      <c r="E13623" s="6">
        <v>9228.9809999999998</v>
      </c>
    </row>
    <row r="13624" spans="4:5" x14ac:dyDescent="0.25">
      <c r="D13624" s="6">
        <v>424.93579999999997</v>
      </c>
      <c r="E13624" s="6">
        <v>820.10929999999996</v>
      </c>
    </row>
    <row r="13625" spans="4:5" x14ac:dyDescent="0.25">
      <c r="D13625" s="6">
        <v>701.70270000000005</v>
      </c>
      <c r="E13625" s="6">
        <v>671.41030000000001</v>
      </c>
    </row>
    <row r="13626" spans="4:5" x14ac:dyDescent="0.25">
      <c r="D13626" s="6">
        <v>473.02499999999998</v>
      </c>
      <c r="E13626" s="6">
        <v>1804.098</v>
      </c>
    </row>
    <row r="13627" spans="4:5" x14ac:dyDescent="0.25">
      <c r="D13627" s="6">
        <v>763.97469999999998</v>
      </c>
      <c r="E13627" s="6">
        <v>705.82449999999994</v>
      </c>
    </row>
    <row r="13628" spans="4:5" x14ac:dyDescent="0.25">
      <c r="D13628" s="6">
        <v>492.95170000000002</v>
      </c>
      <c r="E13628" s="6">
        <v>6980.6710000000003</v>
      </c>
    </row>
    <row r="13629" spans="4:5" x14ac:dyDescent="0.25">
      <c r="D13629" s="6">
        <v>1774.357</v>
      </c>
      <c r="E13629" s="6">
        <v>1056.55</v>
      </c>
    </row>
    <row r="13630" spans="4:5" x14ac:dyDescent="0.25">
      <c r="D13630" s="6">
        <v>763.98389999999995</v>
      </c>
      <c r="E13630" s="6">
        <v>637.33330000000001</v>
      </c>
    </row>
    <row r="13631" spans="4:5" x14ac:dyDescent="0.25">
      <c r="D13631" s="6">
        <v>1255.2819999999999</v>
      </c>
      <c r="E13631" s="6">
        <v>8696.8160000000007</v>
      </c>
    </row>
    <row r="13632" spans="4:5" x14ac:dyDescent="0.25">
      <c r="D13632" s="6">
        <v>746.36659999999995</v>
      </c>
      <c r="E13632" s="6">
        <v>3997.7530000000002</v>
      </c>
    </row>
    <row r="13633" spans="4:5" x14ac:dyDescent="0.25">
      <c r="D13633" s="6">
        <v>646.62260000000003</v>
      </c>
      <c r="E13633" s="6">
        <v>767.61519999999996</v>
      </c>
    </row>
    <row r="13634" spans="4:5" x14ac:dyDescent="0.25">
      <c r="D13634" s="6">
        <v>810.86680000000001</v>
      </c>
      <c r="E13634" s="6">
        <v>7810.8450000000003</v>
      </c>
    </row>
    <row r="13635" spans="4:5" x14ac:dyDescent="0.25">
      <c r="D13635" s="6">
        <v>862.24199999999996</v>
      </c>
      <c r="E13635" s="6">
        <v>923.35990000000004</v>
      </c>
    </row>
    <row r="13636" spans="4:5" x14ac:dyDescent="0.25">
      <c r="D13636" s="6">
        <v>913</v>
      </c>
      <c r="E13636" s="6">
        <v>668.99639999999999</v>
      </c>
    </row>
    <row r="13637" spans="4:5" x14ac:dyDescent="0.25">
      <c r="D13637" s="6">
        <v>483.35480000000001</v>
      </c>
      <c r="E13637" s="6">
        <v>804.54629999999997</v>
      </c>
    </row>
    <row r="13638" spans="4:5" x14ac:dyDescent="0.25">
      <c r="D13638" s="6">
        <v>489.30329999999998</v>
      </c>
      <c r="E13638" s="6">
        <v>558.4</v>
      </c>
    </row>
    <row r="13639" spans="4:5" x14ac:dyDescent="0.25">
      <c r="D13639" s="6">
        <v>752.29809999999998</v>
      </c>
      <c r="E13639" s="6">
        <v>700.16420000000005</v>
      </c>
    </row>
    <row r="13640" spans="4:5" x14ac:dyDescent="0.25">
      <c r="D13640" s="6">
        <v>990.44439999999997</v>
      </c>
      <c r="E13640" s="6">
        <v>2958</v>
      </c>
    </row>
    <row r="13641" spans="4:5" x14ac:dyDescent="0.25">
      <c r="D13641" s="6">
        <v>639.63699999999994</v>
      </c>
      <c r="E13641" s="6">
        <v>685.61479999999995</v>
      </c>
    </row>
    <row r="13642" spans="4:5" x14ac:dyDescent="0.25">
      <c r="D13642" s="6">
        <v>646.51020000000005</v>
      </c>
      <c r="E13642" s="6">
        <v>519.72159999999997</v>
      </c>
    </row>
    <row r="13643" spans="4:5" x14ac:dyDescent="0.25">
      <c r="D13643" s="6">
        <v>626</v>
      </c>
      <c r="E13643" s="6">
        <v>9819.8080000000009</v>
      </c>
    </row>
    <row r="13644" spans="4:5" x14ac:dyDescent="0.25">
      <c r="D13644" s="6">
        <v>465.78100000000001</v>
      </c>
      <c r="E13644" s="6">
        <v>754.01729999999998</v>
      </c>
    </row>
    <row r="13645" spans="4:5" x14ac:dyDescent="0.25">
      <c r="D13645" s="6">
        <v>539.10350000000005</v>
      </c>
      <c r="E13645" s="6">
        <v>8610.2469999999994</v>
      </c>
    </row>
    <row r="13646" spans="4:5" x14ac:dyDescent="0.25">
      <c r="D13646" s="6">
        <v>1011.869</v>
      </c>
      <c r="E13646" s="6">
        <v>1048.489</v>
      </c>
    </row>
    <row r="13647" spans="4:5" x14ac:dyDescent="0.25">
      <c r="D13647" s="6">
        <v>711.5</v>
      </c>
      <c r="E13647" s="6">
        <v>3471.5329999999999</v>
      </c>
    </row>
    <row r="13648" spans="4:5" x14ac:dyDescent="0.25">
      <c r="D13648" s="6">
        <v>864</v>
      </c>
      <c r="E13648" s="6">
        <v>657.73540000000003</v>
      </c>
    </row>
    <row r="13649" spans="4:5" x14ac:dyDescent="0.25">
      <c r="D13649" s="6">
        <v>737.2056</v>
      </c>
      <c r="E13649" s="6">
        <v>6601.1310000000003</v>
      </c>
    </row>
    <row r="13650" spans="4:5" x14ac:dyDescent="0.25">
      <c r="D13650" s="6">
        <v>555.82500000000005</v>
      </c>
      <c r="E13650" s="6">
        <v>2528.3240000000001</v>
      </c>
    </row>
    <row r="13651" spans="4:5" x14ac:dyDescent="0.25">
      <c r="D13651" s="6">
        <v>631.00080000000003</v>
      </c>
      <c r="E13651" s="6">
        <v>1043.7270000000001</v>
      </c>
    </row>
    <row r="13652" spans="4:5" x14ac:dyDescent="0.25">
      <c r="D13652" s="6">
        <v>1121.4670000000001</v>
      </c>
      <c r="E13652" s="6">
        <v>654.64760000000001</v>
      </c>
    </row>
    <row r="13653" spans="4:5" x14ac:dyDescent="0.25">
      <c r="D13653" s="6">
        <v>572</v>
      </c>
      <c r="E13653" s="6">
        <v>750.93579999999997</v>
      </c>
    </row>
    <row r="13654" spans="4:5" x14ac:dyDescent="0.25">
      <c r="D13654" s="6">
        <v>769.45399999999995</v>
      </c>
      <c r="E13654" s="6">
        <v>675.52110000000005</v>
      </c>
    </row>
    <row r="13655" spans="4:5" x14ac:dyDescent="0.25">
      <c r="D13655" s="6">
        <v>1743.4090000000001</v>
      </c>
      <c r="E13655" s="6">
        <v>690.15049999999997</v>
      </c>
    </row>
    <row r="13656" spans="4:5" x14ac:dyDescent="0.25">
      <c r="D13656" s="6">
        <v>6412.0169999999998</v>
      </c>
      <c r="E13656" s="6">
        <v>833.10130000000004</v>
      </c>
    </row>
    <row r="13657" spans="4:5" x14ac:dyDescent="0.25">
      <c r="D13657" s="6">
        <v>619.9674</v>
      </c>
      <c r="E13657" s="6">
        <v>727.68520000000001</v>
      </c>
    </row>
    <row r="13658" spans="4:5" x14ac:dyDescent="0.25">
      <c r="D13658" s="6">
        <v>2605.549</v>
      </c>
      <c r="E13658" s="6">
        <v>661.21050000000002</v>
      </c>
    </row>
    <row r="13659" spans="4:5" x14ac:dyDescent="0.25">
      <c r="D13659" s="6">
        <v>609.65210000000002</v>
      </c>
      <c r="E13659" s="6">
        <v>821.73530000000005</v>
      </c>
    </row>
    <row r="13660" spans="4:5" x14ac:dyDescent="0.25">
      <c r="D13660" s="6">
        <v>641.70699999999999</v>
      </c>
      <c r="E13660" s="6">
        <v>781.72059999999999</v>
      </c>
    </row>
    <row r="13661" spans="4:5" x14ac:dyDescent="0.25">
      <c r="D13661" s="6">
        <v>3255.1480000000001</v>
      </c>
      <c r="E13661" s="6">
        <v>8406.223</v>
      </c>
    </row>
    <row r="13662" spans="4:5" x14ac:dyDescent="0.25">
      <c r="D13662" s="6">
        <v>876.54190000000006</v>
      </c>
      <c r="E13662" s="6">
        <v>813.77189999999996</v>
      </c>
    </row>
    <row r="13663" spans="4:5" x14ac:dyDescent="0.25">
      <c r="D13663" s="6">
        <v>1216.3489999999999</v>
      </c>
      <c r="E13663" s="6">
        <v>970.38289999999995</v>
      </c>
    </row>
    <row r="13664" spans="4:5" x14ac:dyDescent="0.25">
      <c r="D13664" s="6">
        <v>1921.1949999999999</v>
      </c>
      <c r="E13664" s="6">
        <v>1656.079</v>
      </c>
    </row>
    <row r="13665" spans="4:5" x14ac:dyDescent="0.25">
      <c r="D13665" s="6">
        <v>707.65989999999999</v>
      </c>
      <c r="E13665" s="6">
        <v>1781.6220000000001</v>
      </c>
    </row>
    <row r="13666" spans="4:5" x14ac:dyDescent="0.25">
      <c r="D13666" s="6">
        <v>5236.8909999999996</v>
      </c>
      <c r="E13666" s="6">
        <v>644.09439999999995</v>
      </c>
    </row>
    <row r="13667" spans="4:5" x14ac:dyDescent="0.25">
      <c r="D13667" s="6">
        <v>489.07209999999998</v>
      </c>
      <c r="E13667" s="6">
        <v>807.1191</v>
      </c>
    </row>
    <row r="13668" spans="4:5" x14ac:dyDescent="0.25">
      <c r="D13668" s="6">
        <v>513.87869999999998</v>
      </c>
      <c r="E13668" s="6">
        <v>810.42319999999995</v>
      </c>
    </row>
    <row r="13669" spans="4:5" x14ac:dyDescent="0.25">
      <c r="D13669" s="6">
        <v>560.57140000000004</v>
      </c>
      <c r="E13669" s="6">
        <v>815.46100000000001</v>
      </c>
    </row>
    <row r="13670" spans="4:5" x14ac:dyDescent="0.25">
      <c r="D13670" s="6">
        <v>655.69539999999995</v>
      </c>
      <c r="E13670" s="6">
        <v>991.92830000000004</v>
      </c>
    </row>
    <row r="13671" spans="4:5" x14ac:dyDescent="0.25">
      <c r="D13671" s="6">
        <v>583.1191</v>
      </c>
      <c r="E13671" s="6">
        <v>821.23979999999995</v>
      </c>
    </row>
    <row r="13672" spans="4:5" x14ac:dyDescent="0.25">
      <c r="D13672" s="6">
        <v>607.69709999999998</v>
      </c>
      <c r="E13672" s="6">
        <v>572.36789999999996</v>
      </c>
    </row>
    <row r="13673" spans="4:5" x14ac:dyDescent="0.25">
      <c r="D13673" s="6">
        <v>691.89729999999997</v>
      </c>
      <c r="E13673" s="6">
        <v>594.25189999999998</v>
      </c>
    </row>
    <row r="13674" spans="4:5" x14ac:dyDescent="0.25">
      <c r="D13674" s="6">
        <v>1128.115</v>
      </c>
      <c r="E13674" s="6">
        <v>832</v>
      </c>
    </row>
    <row r="13675" spans="4:5" x14ac:dyDescent="0.25">
      <c r="D13675" s="6">
        <v>615.61189999999999</v>
      </c>
      <c r="E13675" s="6">
        <v>907.52279999999996</v>
      </c>
    </row>
    <row r="13676" spans="4:5" x14ac:dyDescent="0.25">
      <c r="D13676" s="6">
        <v>659.53880000000004</v>
      </c>
      <c r="E13676" s="6">
        <v>722.69240000000002</v>
      </c>
    </row>
    <row r="13677" spans="4:5" x14ac:dyDescent="0.25">
      <c r="D13677" s="6">
        <v>446.27350000000001</v>
      </c>
      <c r="E13677" s="6">
        <v>772.47130000000004</v>
      </c>
    </row>
    <row r="13678" spans="4:5" x14ac:dyDescent="0.25">
      <c r="D13678" s="6">
        <v>567.01710000000003</v>
      </c>
      <c r="E13678" s="6">
        <v>2099.5120000000002</v>
      </c>
    </row>
    <row r="13679" spans="4:5" x14ac:dyDescent="0.25">
      <c r="D13679" s="6">
        <v>555.0675</v>
      </c>
      <c r="E13679" s="6">
        <v>1332.7270000000001</v>
      </c>
    </row>
    <row r="13680" spans="4:5" x14ac:dyDescent="0.25">
      <c r="D13680" s="6">
        <v>632.43389999999999</v>
      </c>
      <c r="E13680" s="6">
        <v>473.0532</v>
      </c>
    </row>
    <row r="13681" spans="4:5" x14ac:dyDescent="0.25">
      <c r="D13681" s="6">
        <v>482.78559999999999</v>
      </c>
      <c r="E13681" s="6">
        <v>920.07510000000002</v>
      </c>
    </row>
    <row r="13682" spans="4:5" x14ac:dyDescent="0.25">
      <c r="D13682" s="6">
        <v>601.14139999999998</v>
      </c>
      <c r="E13682" s="6">
        <v>7877.06</v>
      </c>
    </row>
    <row r="13683" spans="4:5" x14ac:dyDescent="0.25">
      <c r="D13683" s="6">
        <v>767.69949999999994</v>
      </c>
      <c r="E13683" s="6">
        <v>1088.999</v>
      </c>
    </row>
    <row r="13684" spans="4:5" x14ac:dyDescent="0.25">
      <c r="D13684" s="6">
        <v>1307.325</v>
      </c>
      <c r="E13684" s="6">
        <v>4304.0730000000003</v>
      </c>
    </row>
    <row r="13685" spans="4:5" x14ac:dyDescent="0.25">
      <c r="D13685" s="6">
        <v>856.64030000000002</v>
      </c>
      <c r="E13685" s="6">
        <v>1070.2860000000001</v>
      </c>
    </row>
    <row r="13686" spans="4:5" x14ac:dyDescent="0.25">
      <c r="D13686" s="6">
        <v>592.73689999999999</v>
      </c>
      <c r="E13686" s="6">
        <v>701.82159999999999</v>
      </c>
    </row>
    <row r="13687" spans="4:5" x14ac:dyDescent="0.25">
      <c r="D13687" s="6">
        <v>725.83879999999999</v>
      </c>
      <c r="E13687" s="6">
        <v>911.93520000000001</v>
      </c>
    </row>
    <row r="13688" spans="4:5" x14ac:dyDescent="0.25">
      <c r="D13688" s="6">
        <v>957.25</v>
      </c>
      <c r="E13688" s="6">
        <v>2289</v>
      </c>
    </row>
    <row r="13689" spans="4:5" x14ac:dyDescent="0.25">
      <c r="D13689" s="6">
        <v>528.89930000000004</v>
      </c>
      <c r="E13689" s="6">
        <v>634.16769999999997</v>
      </c>
    </row>
    <row r="13690" spans="4:5" x14ac:dyDescent="0.25">
      <c r="D13690" s="6">
        <v>594.36839999999995</v>
      </c>
      <c r="E13690" s="6">
        <v>505.52859999999998</v>
      </c>
    </row>
    <row r="13691" spans="4:5" x14ac:dyDescent="0.25">
      <c r="D13691" s="6">
        <v>548.33789999999999</v>
      </c>
      <c r="E13691" s="6">
        <v>623.6395</v>
      </c>
    </row>
    <row r="13692" spans="4:5" x14ac:dyDescent="0.25">
      <c r="D13692" s="6">
        <v>495.51010000000002</v>
      </c>
      <c r="E13692" s="6">
        <v>688.88909999999998</v>
      </c>
    </row>
    <row r="13693" spans="4:5" x14ac:dyDescent="0.25">
      <c r="D13693" s="6">
        <v>661.00019999999995</v>
      </c>
      <c r="E13693" s="6">
        <v>633.52589999999998</v>
      </c>
    </row>
    <row r="13694" spans="4:5" x14ac:dyDescent="0.25">
      <c r="D13694" s="6">
        <v>476.76620000000003</v>
      </c>
      <c r="E13694" s="6">
        <v>1100.028</v>
      </c>
    </row>
    <row r="13695" spans="4:5" x14ac:dyDescent="0.25">
      <c r="D13695" s="6">
        <v>398.33940000000001</v>
      </c>
      <c r="E13695" s="6">
        <v>808.6825</v>
      </c>
    </row>
    <row r="13696" spans="4:5" x14ac:dyDescent="0.25">
      <c r="D13696" s="6">
        <v>747.2835</v>
      </c>
      <c r="E13696" s="6">
        <v>9303.08</v>
      </c>
    </row>
    <row r="13697" spans="4:5" x14ac:dyDescent="0.25">
      <c r="D13697" s="6">
        <v>513.58619999999996</v>
      </c>
      <c r="E13697" s="6">
        <v>661.53830000000005</v>
      </c>
    </row>
    <row r="13698" spans="4:5" x14ac:dyDescent="0.25">
      <c r="D13698" s="6">
        <v>615.72839999999997</v>
      </c>
      <c r="E13698" s="6">
        <v>830.8175</v>
      </c>
    </row>
    <row r="13699" spans="4:5" x14ac:dyDescent="0.25">
      <c r="D13699" s="6">
        <v>590.88049999999998</v>
      </c>
      <c r="E13699" s="6">
        <v>475.57369999999997</v>
      </c>
    </row>
    <row r="13700" spans="4:5" x14ac:dyDescent="0.25">
      <c r="D13700" s="6">
        <v>689.30050000000006</v>
      </c>
      <c r="E13700" s="6">
        <v>738.72500000000002</v>
      </c>
    </row>
    <row r="13701" spans="4:5" x14ac:dyDescent="0.25">
      <c r="D13701" s="6">
        <v>714.63509999999997</v>
      </c>
      <c r="E13701" s="6">
        <v>6381.3490000000002</v>
      </c>
    </row>
    <row r="13702" spans="4:5" x14ac:dyDescent="0.25">
      <c r="D13702" s="6">
        <v>553.94349999999997</v>
      </c>
      <c r="E13702" s="6">
        <v>787.93209999999999</v>
      </c>
    </row>
    <row r="13703" spans="4:5" x14ac:dyDescent="0.25">
      <c r="D13703" s="6">
        <v>593.79600000000005</v>
      </c>
      <c r="E13703" s="6">
        <v>467.93819999999999</v>
      </c>
    </row>
    <row r="13704" spans="4:5" x14ac:dyDescent="0.25">
      <c r="D13704" s="6">
        <v>559.37189999999998</v>
      </c>
      <c r="E13704" s="6">
        <v>2150.2730000000001</v>
      </c>
    </row>
    <row r="13705" spans="4:5" x14ac:dyDescent="0.25">
      <c r="D13705" s="6">
        <v>626.03539999999998</v>
      </c>
      <c r="E13705" s="6">
        <v>986.61519999999996</v>
      </c>
    </row>
    <row r="13706" spans="4:5" x14ac:dyDescent="0.25">
      <c r="D13706" s="6">
        <v>995.30840000000001</v>
      </c>
      <c r="E13706" s="6">
        <v>728.71619999999996</v>
      </c>
    </row>
    <row r="13707" spans="4:5" x14ac:dyDescent="0.25">
      <c r="D13707" s="6">
        <v>750.75130000000001</v>
      </c>
      <c r="E13707" s="6">
        <v>8009.2979999999998</v>
      </c>
    </row>
    <row r="13708" spans="4:5" x14ac:dyDescent="0.25">
      <c r="D13708" s="6">
        <v>637.52319999999997</v>
      </c>
      <c r="E13708" s="6">
        <v>803.62159999999994</v>
      </c>
    </row>
    <row r="13709" spans="4:5" x14ac:dyDescent="0.25">
      <c r="D13709" s="6">
        <v>814.64469999999994</v>
      </c>
      <c r="E13709" s="6">
        <v>1385.3789999999999</v>
      </c>
    </row>
    <row r="13710" spans="4:5" x14ac:dyDescent="0.25">
      <c r="D13710" s="6">
        <v>649.73389999999995</v>
      </c>
      <c r="E13710" s="6">
        <v>5976.6570000000002</v>
      </c>
    </row>
    <row r="13711" spans="4:5" x14ac:dyDescent="0.25">
      <c r="D13711" s="6">
        <v>603.9171</v>
      </c>
      <c r="E13711" s="6">
        <v>524.92679999999996</v>
      </c>
    </row>
    <row r="13712" spans="4:5" x14ac:dyDescent="0.25">
      <c r="D13712" s="6">
        <v>545</v>
      </c>
      <c r="E13712" s="6">
        <v>964.21040000000005</v>
      </c>
    </row>
    <row r="13713" spans="4:5" x14ac:dyDescent="0.25">
      <c r="D13713" s="6">
        <v>781.52440000000001</v>
      </c>
      <c r="E13713" s="6">
        <v>875.09739999999999</v>
      </c>
    </row>
    <row r="13714" spans="4:5" x14ac:dyDescent="0.25">
      <c r="D13714" s="6">
        <v>534.69770000000005</v>
      </c>
      <c r="E13714" s="6">
        <v>817.44889999999998</v>
      </c>
    </row>
    <row r="13715" spans="4:5" x14ac:dyDescent="0.25">
      <c r="D13715" s="6">
        <v>425.39789999999999</v>
      </c>
      <c r="E13715" s="6">
        <v>845.23320000000001</v>
      </c>
    </row>
    <row r="13716" spans="4:5" x14ac:dyDescent="0.25">
      <c r="D13716" s="6">
        <v>334.07400000000001</v>
      </c>
      <c r="E13716" s="6">
        <v>761.18320000000006</v>
      </c>
    </row>
    <row r="13717" spans="4:5" x14ac:dyDescent="0.25">
      <c r="D13717" s="6">
        <v>908.66669999999999</v>
      </c>
      <c r="E13717" s="6">
        <v>875.41949999999997</v>
      </c>
    </row>
    <row r="13718" spans="4:5" x14ac:dyDescent="0.25">
      <c r="D13718" s="6">
        <v>459.1429</v>
      </c>
      <c r="E13718" s="6">
        <v>1123.723</v>
      </c>
    </row>
    <row r="13719" spans="4:5" x14ac:dyDescent="0.25">
      <c r="D13719" s="6">
        <v>867.09519999999998</v>
      </c>
      <c r="E13719" s="6">
        <v>566.58900000000006</v>
      </c>
    </row>
    <row r="13720" spans="4:5" x14ac:dyDescent="0.25">
      <c r="D13720" s="6">
        <v>514.05690000000004</v>
      </c>
      <c r="E13720" s="6">
        <v>561.69140000000004</v>
      </c>
    </row>
    <row r="13721" spans="4:5" x14ac:dyDescent="0.25">
      <c r="D13721" s="6">
        <v>527.6</v>
      </c>
      <c r="E13721" s="6">
        <v>957.85860000000002</v>
      </c>
    </row>
    <row r="13722" spans="4:5" x14ac:dyDescent="0.25">
      <c r="D13722" s="6">
        <v>623.35329999999999</v>
      </c>
      <c r="E13722" s="6">
        <v>704.45240000000001</v>
      </c>
    </row>
    <row r="13723" spans="4:5" x14ac:dyDescent="0.25">
      <c r="D13723" s="6">
        <v>583.69190000000003</v>
      </c>
      <c r="E13723" s="6">
        <v>766.2568</v>
      </c>
    </row>
    <row r="13724" spans="4:5" x14ac:dyDescent="0.25">
      <c r="D13724" s="6">
        <v>591.63699999999994</v>
      </c>
      <c r="E13724" s="6">
        <v>1236.4459999999999</v>
      </c>
    </row>
    <row r="13725" spans="4:5" x14ac:dyDescent="0.25">
      <c r="D13725" s="6">
        <v>500.0446</v>
      </c>
      <c r="E13725" s="6">
        <v>5752.6679999999997</v>
      </c>
    </row>
    <row r="13726" spans="4:5" x14ac:dyDescent="0.25">
      <c r="D13726" s="6">
        <v>470.4402</v>
      </c>
      <c r="E13726" s="6">
        <v>657.67639999999994</v>
      </c>
    </row>
    <row r="13727" spans="4:5" x14ac:dyDescent="0.25">
      <c r="D13727" s="6">
        <v>8424.2420000000002</v>
      </c>
      <c r="E13727" s="6">
        <v>832.98979999999995</v>
      </c>
    </row>
    <row r="13728" spans="4:5" x14ac:dyDescent="0.25">
      <c r="D13728" s="6">
        <v>1072.7159999999999</v>
      </c>
      <c r="E13728" s="6">
        <v>674.59100000000001</v>
      </c>
    </row>
    <row r="13729" spans="4:5" x14ac:dyDescent="0.25">
      <c r="D13729" s="6">
        <v>608.64179999999999</v>
      </c>
      <c r="E13729" s="6">
        <v>989.25</v>
      </c>
    </row>
    <row r="13730" spans="4:5" x14ac:dyDescent="0.25">
      <c r="D13730" s="6">
        <v>1347.8130000000001</v>
      </c>
      <c r="E13730" s="6">
        <v>665.20060000000001</v>
      </c>
    </row>
    <row r="13731" spans="4:5" x14ac:dyDescent="0.25">
      <c r="D13731" s="6">
        <v>403.44709999999998</v>
      </c>
      <c r="E13731" s="6">
        <v>891.40210000000002</v>
      </c>
    </row>
    <row r="13732" spans="4:5" x14ac:dyDescent="0.25">
      <c r="D13732" s="6">
        <v>2018.61</v>
      </c>
      <c r="E13732" s="6">
        <v>8396.652</v>
      </c>
    </row>
    <row r="13733" spans="4:5" x14ac:dyDescent="0.25">
      <c r="D13733" s="6">
        <v>920.73270000000002</v>
      </c>
      <c r="E13733" s="6">
        <v>669.65830000000005</v>
      </c>
    </row>
    <row r="13734" spans="4:5" x14ac:dyDescent="0.25">
      <c r="D13734" s="6">
        <v>511.27449999999999</v>
      </c>
      <c r="E13734" s="6">
        <v>811.13580000000002</v>
      </c>
    </row>
    <row r="13735" spans="4:5" x14ac:dyDescent="0.25">
      <c r="D13735" s="6">
        <v>622.20590000000004</v>
      </c>
      <c r="E13735" s="6">
        <v>809.5779</v>
      </c>
    </row>
    <row r="13736" spans="4:5" x14ac:dyDescent="0.25">
      <c r="D13736" s="6">
        <v>497.02679999999998</v>
      </c>
      <c r="E13736" s="6">
        <v>491.39370000000002</v>
      </c>
    </row>
    <row r="13737" spans="4:5" x14ac:dyDescent="0.25">
      <c r="D13737" s="6">
        <v>532.61980000000005</v>
      </c>
      <c r="E13737" s="6">
        <v>6242.7759999999998</v>
      </c>
    </row>
    <row r="13738" spans="4:5" x14ac:dyDescent="0.25">
      <c r="D13738" s="6">
        <v>450.1925</v>
      </c>
      <c r="E13738" s="6">
        <v>705.88620000000003</v>
      </c>
    </row>
    <row r="13739" spans="4:5" x14ac:dyDescent="0.25">
      <c r="D13739" s="6">
        <v>684.05349999999999</v>
      </c>
      <c r="E13739" s="6">
        <v>766.70899999999995</v>
      </c>
    </row>
    <row r="13740" spans="4:5" x14ac:dyDescent="0.25">
      <c r="D13740" s="6">
        <v>620.21929999999998</v>
      </c>
      <c r="E13740" s="6">
        <v>4988.5209999999997</v>
      </c>
    </row>
    <row r="13741" spans="4:5" x14ac:dyDescent="0.25">
      <c r="D13741" s="6">
        <v>567.12220000000002</v>
      </c>
      <c r="E13741" s="6">
        <v>733.76969999999994</v>
      </c>
    </row>
    <row r="13742" spans="4:5" x14ac:dyDescent="0.25">
      <c r="D13742" s="6">
        <v>583.976</v>
      </c>
      <c r="E13742" s="6">
        <v>7406.0349999999999</v>
      </c>
    </row>
    <row r="13743" spans="4:5" x14ac:dyDescent="0.25">
      <c r="D13743" s="6">
        <v>583.56669999999997</v>
      </c>
      <c r="E13743" s="6">
        <v>798.45460000000003</v>
      </c>
    </row>
    <row r="13744" spans="4:5" x14ac:dyDescent="0.25">
      <c r="D13744" s="6">
        <v>5556.4170000000004</v>
      </c>
      <c r="E13744" s="6">
        <v>582.98879999999997</v>
      </c>
    </row>
    <row r="13745" spans="4:5" x14ac:dyDescent="0.25">
      <c r="D13745" s="6">
        <v>668.21420000000001</v>
      </c>
      <c r="E13745" s="6">
        <v>814.49149999999997</v>
      </c>
    </row>
    <row r="13746" spans="4:5" x14ac:dyDescent="0.25">
      <c r="D13746" s="6">
        <v>494.2149</v>
      </c>
      <c r="E13746" s="6">
        <v>1016.199</v>
      </c>
    </row>
    <row r="13747" spans="4:5" x14ac:dyDescent="0.25">
      <c r="D13747" s="6">
        <v>676.78570000000002</v>
      </c>
      <c r="E13747" s="6">
        <v>489.892</v>
      </c>
    </row>
    <row r="13748" spans="4:5" x14ac:dyDescent="0.25">
      <c r="D13748" s="6">
        <v>539.90359999999998</v>
      </c>
      <c r="E13748" s="6">
        <v>7175.2539999999999</v>
      </c>
    </row>
    <row r="13749" spans="4:5" x14ac:dyDescent="0.25">
      <c r="D13749" s="6">
        <v>818.21550000000002</v>
      </c>
      <c r="E13749" s="6">
        <v>970.72090000000003</v>
      </c>
    </row>
    <row r="13750" spans="4:5" x14ac:dyDescent="0.25">
      <c r="D13750" s="6">
        <v>690.27869999999996</v>
      </c>
      <c r="E13750" s="6">
        <v>8309.2659999999996</v>
      </c>
    </row>
    <row r="13751" spans="4:5" x14ac:dyDescent="0.25">
      <c r="D13751" s="6">
        <v>483.58609999999999</v>
      </c>
      <c r="E13751" s="6">
        <v>1295.075</v>
      </c>
    </row>
    <row r="13752" spans="4:5" x14ac:dyDescent="0.25">
      <c r="D13752" s="6">
        <v>586.61260000000004</v>
      </c>
      <c r="E13752" s="6">
        <v>790.6413</v>
      </c>
    </row>
    <row r="13753" spans="4:5" x14ac:dyDescent="0.25">
      <c r="D13753" s="6">
        <v>903.53629999999998</v>
      </c>
      <c r="E13753" s="6">
        <v>680.5367</v>
      </c>
    </row>
    <row r="13754" spans="4:5" x14ac:dyDescent="0.25">
      <c r="D13754" s="6">
        <v>975</v>
      </c>
      <c r="E13754" s="6">
        <v>1037.2249999999999</v>
      </c>
    </row>
    <row r="13755" spans="4:5" x14ac:dyDescent="0.25">
      <c r="D13755" s="6">
        <v>846.19370000000004</v>
      </c>
      <c r="E13755" s="6">
        <v>928.7876</v>
      </c>
    </row>
    <row r="13756" spans="4:5" x14ac:dyDescent="0.25">
      <c r="D13756" s="6">
        <v>789.38459999999998</v>
      </c>
      <c r="E13756" s="6">
        <v>1103.8579999999999</v>
      </c>
    </row>
    <row r="13757" spans="4:5" x14ac:dyDescent="0.25">
      <c r="D13757" s="6">
        <v>4288.8159999999998</v>
      </c>
      <c r="E13757" s="6">
        <v>932.75</v>
      </c>
    </row>
    <row r="13758" spans="4:5" x14ac:dyDescent="0.25">
      <c r="D13758" s="6">
        <v>476.0951</v>
      </c>
      <c r="E13758" s="6">
        <v>767.36580000000004</v>
      </c>
    </row>
    <row r="13759" spans="4:5" x14ac:dyDescent="0.25">
      <c r="D13759" s="6">
        <v>765.92830000000004</v>
      </c>
      <c r="E13759" s="6">
        <v>648.03589999999997</v>
      </c>
    </row>
    <row r="13760" spans="4:5" x14ac:dyDescent="0.25">
      <c r="D13760" s="6">
        <v>1167.472</v>
      </c>
      <c r="E13760" s="6">
        <v>5615.1940000000004</v>
      </c>
    </row>
    <row r="13761" spans="4:5" x14ac:dyDescent="0.25">
      <c r="D13761" s="6">
        <v>515.21889999999996</v>
      </c>
      <c r="E13761" s="6">
        <v>606.649</v>
      </c>
    </row>
    <row r="13762" spans="4:5" x14ac:dyDescent="0.25">
      <c r="D13762" s="6">
        <v>900.28430000000003</v>
      </c>
      <c r="E13762" s="6">
        <v>9242.6929999999993</v>
      </c>
    </row>
    <row r="13763" spans="4:5" x14ac:dyDescent="0.25">
      <c r="D13763" s="6">
        <v>1902.4179999999999</v>
      </c>
      <c r="E13763" s="6">
        <v>1877.3589999999999</v>
      </c>
    </row>
    <row r="13764" spans="4:5" x14ac:dyDescent="0.25">
      <c r="D13764" s="6">
        <v>562.08330000000001</v>
      </c>
      <c r="E13764" s="6">
        <v>10311.540000000001</v>
      </c>
    </row>
    <row r="13765" spans="4:5" x14ac:dyDescent="0.25">
      <c r="D13765" s="6">
        <v>735.17150000000004</v>
      </c>
      <c r="E13765" s="6">
        <v>961.80250000000001</v>
      </c>
    </row>
    <row r="13766" spans="4:5" x14ac:dyDescent="0.25">
      <c r="D13766" s="6">
        <v>815.61479999999995</v>
      </c>
      <c r="E13766" s="6">
        <v>651.45230000000004</v>
      </c>
    </row>
    <row r="13767" spans="4:5" x14ac:dyDescent="0.25">
      <c r="D13767" s="6">
        <v>828.83119999999997</v>
      </c>
      <c r="E13767" s="6">
        <v>649.00530000000003</v>
      </c>
    </row>
    <row r="13768" spans="4:5" x14ac:dyDescent="0.25">
      <c r="D13768" s="6">
        <v>614.71810000000005</v>
      </c>
      <c r="E13768" s="6">
        <v>859.12189999999998</v>
      </c>
    </row>
    <row r="13769" spans="4:5" x14ac:dyDescent="0.25">
      <c r="D13769" s="6">
        <v>1967.8969999999999</v>
      </c>
      <c r="E13769" s="6">
        <v>577.44000000000005</v>
      </c>
    </row>
    <row r="13770" spans="4:5" x14ac:dyDescent="0.25">
      <c r="D13770" s="6">
        <v>624.34810000000004</v>
      </c>
      <c r="E13770" s="6">
        <v>806.24199999999996</v>
      </c>
    </row>
    <row r="13771" spans="4:5" x14ac:dyDescent="0.25">
      <c r="D13771" s="6">
        <v>749.15840000000003</v>
      </c>
      <c r="E13771" s="6">
        <v>976.33240000000001</v>
      </c>
    </row>
    <row r="13772" spans="4:5" x14ac:dyDescent="0.25">
      <c r="D13772" s="6">
        <v>727.48879999999997</v>
      </c>
      <c r="E13772" s="6">
        <v>662.40430000000003</v>
      </c>
    </row>
    <row r="13773" spans="4:5" x14ac:dyDescent="0.25">
      <c r="D13773" s="6">
        <v>679.46569999999997</v>
      </c>
      <c r="E13773" s="6">
        <v>1248.578</v>
      </c>
    </row>
    <row r="13774" spans="4:5" x14ac:dyDescent="0.25">
      <c r="D13774" s="6">
        <v>590.69910000000004</v>
      </c>
      <c r="E13774" s="6">
        <v>933.3655</v>
      </c>
    </row>
    <row r="13775" spans="4:5" x14ac:dyDescent="0.25">
      <c r="D13775" s="6">
        <v>613.72370000000001</v>
      </c>
      <c r="E13775" s="6">
        <v>6563.6210000000001</v>
      </c>
    </row>
    <row r="13776" spans="4:5" x14ac:dyDescent="0.25">
      <c r="D13776" s="6">
        <v>712.90610000000004</v>
      </c>
      <c r="E13776" s="6">
        <v>752.16959999999995</v>
      </c>
    </row>
    <row r="13777" spans="4:5" x14ac:dyDescent="0.25">
      <c r="D13777" s="6">
        <v>528.18280000000004</v>
      </c>
      <c r="E13777" s="6">
        <v>622.79169999999999</v>
      </c>
    </row>
    <row r="13778" spans="4:5" x14ac:dyDescent="0.25">
      <c r="D13778" s="6">
        <v>501.50900000000001</v>
      </c>
      <c r="E13778" s="6">
        <v>1003.088</v>
      </c>
    </row>
    <row r="13779" spans="4:5" x14ac:dyDescent="0.25">
      <c r="D13779" s="6">
        <v>750.03679999999997</v>
      </c>
      <c r="E13779" s="6">
        <v>8095.0690000000004</v>
      </c>
    </row>
    <row r="13780" spans="4:5" x14ac:dyDescent="0.25">
      <c r="D13780" s="6">
        <v>6289</v>
      </c>
      <c r="E13780" s="6">
        <v>778.83159999999998</v>
      </c>
    </row>
    <row r="13781" spans="4:5" x14ac:dyDescent="0.25">
      <c r="D13781" s="6">
        <v>558.13080000000002</v>
      </c>
      <c r="E13781" s="6">
        <v>1207.7719999999999</v>
      </c>
    </row>
    <row r="13782" spans="4:5" x14ac:dyDescent="0.25">
      <c r="D13782" s="6">
        <v>640.17949999999996</v>
      </c>
      <c r="E13782" s="6">
        <v>761.71429999999998</v>
      </c>
    </row>
    <row r="13783" spans="4:5" x14ac:dyDescent="0.25">
      <c r="D13783" s="6">
        <v>569.18179999999995</v>
      </c>
      <c r="E13783" s="6">
        <v>7695.701</v>
      </c>
    </row>
    <row r="13784" spans="4:5" x14ac:dyDescent="0.25">
      <c r="D13784" s="6">
        <v>585.21939999999995</v>
      </c>
      <c r="E13784" s="6">
        <v>1438.326</v>
      </c>
    </row>
    <row r="13785" spans="4:5" x14ac:dyDescent="0.25">
      <c r="D13785" s="6">
        <v>1897.973</v>
      </c>
      <c r="E13785" s="6">
        <v>725.75250000000005</v>
      </c>
    </row>
    <row r="13786" spans="4:5" x14ac:dyDescent="0.25">
      <c r="D13786" s="6">
        <v>692.91700000000003</v>
      </c>
      <c r="E13786" s="6">
        <v>8193.0310000000009</v>
      </c>
    </row>
    <row r="13787" spans="4:5" x14ac:dyDescent="0.25">
      <c r="D13787" s="6">
        <v>607.51610000000005</v>
      </c>
      <c r="E13787" s="6">
        <v>1054.6590000000001</v>
      </c>
    </row>
    <row r="13788" spans="4:5" x14ac:dyDescent="0.25">
      <c r="D13788" s="6">
        <v>661.89700000000005</v>
      </c>
      <c r="E13788" s="6">
        <v>693.69069999999999</v>
      </c>
    </row>
    <row r="13789" spans="4:5" x14ac:dyDescent="0.25">
      <c r="D13789" s="6">
        <v>2205.4540000000002</v>
      </c>
      <c r="E13789" s="6">
        <v>785.92200000000003</v>
      </c>
    </row>
    <row r="13790" spans="4:5" x14ac:dyDescent="0.25">
      <c r="D13790" s="6">
        <v>742.12699999999995</v>
      </c>
      <c r="E13790" s="6">
        <v>1010.426</v>
      </c>
    </row>
    <row r="13791" spans="4:5" x14ac:dyDescent="0.25">
      <c r="D13791" s="6">
        <v>666.59379999999999</v>
      </c>
      <c r="E13791" s="6">
        <v>7051.1080000000002</v>
      </c>
    </row>
    <row r="13792" spans="4:5" x14ac:dyDescent="0.25">
      <c r="D13792" s="6">
        <v>639.75310000000002</v>
      </c>
      <c r="E13792" s="6">
        <v>1738.5409999999999</v>
      </c>
    </row>
    <row r="13793" spans="4:5" x14ac:dyDescent="0.25">
      <c r="D13793" s="6">
        <v>1183.18</v>
      </c>
      <c r="E13793" s="6">
        <v>979.60829999999999</v>
      </c>
    </row>
    <row r="13794" spans="4:5" x14ac:dyDescent="0.25">
      <c r="D13794" s="6">
        <v>640.88369999999998</v>
      </c>
      <c r="E13794" s="6">
        <v>1524.4</v>
      </c>
    </row>
    <row r="13795" spans="4:5" x14ac:dyDescent="0.25">
      <c r="D13795" s="6">
        <v>517.08939999999996</v>
      </c>
      <c r="E13795" s="6">
        <v>901.97360000000003</v>
      </c>
    </row>
    <row r="13796" spans="4:5" x14ac:dyDescent="0.25">
      <c r="D13796" s="6">
        <v>420.9126</v>
      </c>
      <c r="E13796" s="6">
        <v>654.2047</v>
      </c>
    </row>
    <row r="13797" spans="4:5" x14ac:dyDescent="0.25">
      <c r="D13797" s="6">
        <v>552.86680000000001</v>
      </c>
      <c r="E13797" s="6">
        <v>1873.3209999999999</v>
      </c>
    </row>
    <row r="13798" spans="4:5" x14ac:dyDescent="0.25">
      <c r="D13798" s="6">
        <v>509.43990000000002</v>
      </c>
      <c r="E13798" s="6">
        <v>8011.5720000000001</v>
      </c>
    </row>
    <row r="13799" spans="4:5" x14ac:dyDescent="0.25">
      <c r="D13799" s="6">
        <v>534.39530000000002</v>
      </c>
      <c r="E13799" s="6">
        <v>865.52679999999998</v>
      </c>
    </row>
    <row r="13800" spans="4:5" x14ac:dyDescent="0.25">
      <c r="D13800" s="6">
        <v>667.17650000000003</v>
      </c>
      <c r="E13800" s="6">
        <v>1125.19</v>
      </c>
    </row>
    <row r="13801" spans="4:5" x14ac:dyDescent="0.25">
      <c r="D13801" s="6">
        <v>592.90210000000002</v>
      </c>
      <c r="E13801" s="6">
        <v>779.52509999999995</v>
      </c>
    </row>
    <row r="13802" spans="4:5" x14ac:dyDescent="0.25">
      <c r="D13802" s="6">
        <v>12928.41</v>
      </c>
      <c r="E13802" s="6">
        <v>635.75890000000004</v>
      </c>
    </row>
    <row r="13803" spans="4:5" x14ac:dyDescent="0.25">
      <c r="D13803" s="6">
        <v>2098.9609999999998</v>
      </c>
      <c r="E13803" s="6">
        <v>7412.0619999999999</v>
      </c>
    </row>
    <row r="13804" spans="4:5" x14ac:dyDescent="0.25">
      <c r="D13804" s="6">
        <v>883.99620000000004</v>
      </c>
      <c r="E13804" s="6">
        <v>706.62369999999999</v>
      </c>
    </row>
    <row r="13805" spans="4:5" x14ac:dyDescent="0.25">
      <c r="D13805" s="6">
        <v>686.12149999999997</v>
      </c>
      <c r="E13805" s="6">
        <v>2836.8180000000002</v>
      </c>
    </row>
    <row r="13806" spans="4:5" x14ac:dyDescent="0.25">
      <c r="D13806" s="6">
        <v>677.05259999999998</v>
      </c>
      <c r="E13806" s="6">
        <v>795.98</v>
      </c>
    </row>
    <row r="13807" spans="4:5" x14ac:dyDescent="0.25">
      <c r="D13807" s="6">
        <v>651.77980000000002</v>
      </c>
      <c r="E13807" s="6">
        <v>863.62059999999997</v>
      </c>
    </row>
    <row r="13808" spans="4:5" x14ac:dyDescent="0.25">
      <c r="D13808" s="6">
        <v>954.71990000000005</v>
      </c>
      <c r="E13808" s="6">
        <v>733.24059999999997</v>
      </c>
    </row>
    <row r="13809" spans="4:5" x14ac:dyDescent="0.25">
      <c r="D13809" s="6">
        <v>577.4819</v>
      </c>
      <c r="E13809" s="6">
        <v>837.40909999999997</v>
      </c>
    </row>
    <row r="13810" spans="4:5" x14ac:dyDescent="0.25">
      <c r="D13810" s="6">
        <v>677.75</v>
      </c>
      <c r="E13810" s="6">
        <v>764.28949999999998</v>
      </c>
    </row>
    <row r="13811" spans="4:5" x14ac:dyDescent="0.25">
      <c r="D13811" s="6">
        <v>533.14269999999999</v>
      </c>
      <c r="E13811" s="6">
        <v>812.97950000000003</v>
      </c>
    </row>
    <row r="13812" spans="4:5" x14ac:dyDescent="0.25">
      <c r="D13812" s="6">
        <v>5467.3590000000004</v>
      </c>
      <c r="E13812" s="6">
        <v>813.61540000000002</v>
      </c>
    </row>
    <row r="13813" spans="4:5" x14ac:dyDescent="0.25">
      <c r="D13813" s="6">
        <v>609.91219999999998</v>
      </c>
      <c r="E13813" s="6">
        <v>788.09</v>
      </c>
    </row>
    <row r="13814" spans="4:5" x14ac:dyDescent="0.25">
      <c r="D13814" s="6">
        <v>756</v>
      </c>
      <c r="E13814" s="6">
        <v>765.97400000000005</v>
      </c>
    </row>
    <row r="13815" spans="4:5" x14ac:dyDescent="0.25">
      <c r="D13815" s="6">
        <v>664.54549999999995</v>
      </c>
      <c r="E13815" s="6">
        <v>8964.1830000000009</v>
      </c>
    </row>
    <row r="13816" spans="4:5" x14ac:dyDescent="0.25">
      <c r="D13816" s="6">
        <v>607.05370000000005</v>
      </c>
      <c r="E13816" s="6">
        <v>836.25540000000001</v>
      </c>
    </row>
    <row r="13817" spans="4:5" x14ac:dyDescent="0.25">
      <c r="D13817" s="6">
        <v>613.79999999999995</v>
      </c>
      <c r="E13817" s="6">
        <v>2132.6529999999998</v>
      </c>
    </row>
    <row r="13818" spans="4:5" x14ac:dyDescent="0.25">
      <c r="D13818" s="6">
        <v>506.28719999999998</v>
      </c>
      <c r="E13818" s="6">
        <v>5870.576</v>
      </c>
    </row>
    <row r="13819" spans="4:5" x14ac:dyDescent="0.25">
      <c r="D13819" s="6">
        <v>577.35090000000002</v>
      </c>
      <c r="E13819" s="6">
        <v>1437.1110000000001</v>
      </c>
    </row>
    <row r="13820" spans="4:5" x14ac:dyDescent="0.25">
      <c r="D13820" s="6">
        <v>581.54830000000004</v>
      </c>
      <c r="E13820" s="6">
        <v>799.98320000000001</v>
      </c>
    </row>
    <row r="13821" spans="4:5" x14ac:dyDescent="0.25">
      <c r="D13821" s="6">
        <v>632.875</v>
      </c>
      <c r="E13821" s="6">
        <v>7967.625</v>
      </c>
    </row>
    <row r="13822" spans="4:5" x14ac:dyDescent="0.25">
      <c r="D13822" s="6">
        <v>711.38689999999997</v>
      </c>
      <c r="E13822" s="6">
        <v>749.63070000000005</v>
      </c>
    </row>
    <row r="13823" spans="4:5" x14ac:dyDescent="0.25">
      <c r="D13823" s="6">
        <v>510.08569999999997</v>
      </c>
      <c r="E13823" s="6">
        <v>1046.9010000000001</v>
      </c>
    </row>
    <row r="13824" spans="4:5" x14ac:dyDescent="0.25">
      <c r="D13824" s="6">
        <v>489.06700000000001</v>
      </c>
      <c r="E13824" s="6">
        <v>690.66669999999999</v>
      </c>
    </row>
    <row r="13825" spans="4:5" x14ac:dyDescent="0.25">
      <c r="D13825" s="6">
        <v>525.13520000000005</v>
      </c>
      <c r="E13825" s="6">
        <v>689.322</v>
      </c>
    </row>
    <row r="13826" spans="4:5" x14ac:dyDescent="0.25">
      <c r="D13826" s="6">
        <v>576.62279999999998</v>
      </c>
      <c r="E13826" s="6">
        <v>805.03060000000005</v>
      </c>
    </row>
    <row r="13827" spans="4:5" x14ac:dyDescent="0.25">
      <c r="D13827" s="6">
        <v>606.52319999999997</v>
      </c>
      <c r="E13827" s="6">
        <v>824.80349999999999</v>
      </c>
    </row>
    <row r="13828" spans="4:5" x14ac:dyDescent="0.25">
      <c r="D13828" s="6">
        <v>805.1549</v>
      </c>
      <c r="E13828" s="6">
        <v>471.04349999999999</v>
      </c>
    </row>
    <row r="13829" spans="4:5" x14ac:dyDescent="0.25">
      <c r="D13829" s="6">
        <v>727.53719999999998</v>
      </c>
      <c r="E13829" s="6">
        <v>810.45550000000003</v>
      </c>
    </row>
    <row r="13830" spans="4:5" x14ac:dyDescent="0.25">
      <c r="D13830" s="6">
        <v>632.22649999999999</v>
      </c>
      <c r="E13830" s="6">
        <v>9914.4789999999994</v>
      </c>
    </row>
    <row r="13831" spans="4:5" x14ac:dyDescent="0.25">
      <c r="D13831" s="6">
        <v>560.94330000000002</v>
      </c>
      <c r="E13831" s="6">
        <v>8648.7369999999992</v>
      </c>
    </row>
    <row r="13832" spans="4:5" x14ac:dyDescent="0.25">
      <c r="D13832" s="6">
        <v>526.43470000000002</v>
      </c>
      <c r="E13832" s="6">
        <v>608.00030000000004</v>
      </c>
    </row>
    <row r="13833" spans="4:5" x14ac:dyDescent="0.25">
      <c r="D13833" s="6">
        <v>736.73540000000003</v>
      </c>
      <c r="E13833" s="6">
        <v>8445.6450000000004</v>
      </c>
    </row>
    <row r="13834" spans="4:5" x14ac:dyDescent="0.25">
      <c r="D13834" s="6">
        <v>678.55679999999995</v>
      </c>
      <c r="E13834" s="6">
        <v>737.56889999999999</v>
      </c>
    </row>
    <row r="13835" spans="4:5" x14ac:dyDescent="0.25">
      <c r="D13835" s="6">
        <v>549.79639999999995</v>
      </c>
      <c r="E13835" s="6">
        <v>891.82190000000003</v>
      </c>
    </row>
    <row r="13836" spans="4:5" x14ac:dyDescent="0.25">
      <c r="D13836" s="6">
        <v>908.78399999999999</v>
      </c>
      <c r="E13836" s="6">
        <v>731.52880000000005</v>
      </c>
    </row>
    <row r="13837" spans="4:5" x14ac:dyDescent="0.25">
      <c r="D13837" s="6">
        <v>9758.8179999999993</v>
      </c>
      <c r="E13837" s="6">
        <v>692.82569999999998</v>
      </c>
    </row>
    <row r="13838" spans="4:5" x14ac:dyDescent="0.25">
      <c r="D13838" s="6">
        <v>1418.7</v>
      </c>
      <c r="E13838" s="6">
        <v>958.0575</v>
      </c>
    </row>
    <row r="13839" spans="4:5" x14ac:dyDescent="0.25">
      <c r="D13839" s="6">
        <v>494.96460000000002</v>
      </c>
      <c r="E13839" s="6">
        <v>861.42780000000005</v>
      </c>
    </row>
    <row r="13840" spans="4:5" x14ac:dyDescent="0.25">
      <c r="D13840" s="6">
        <v>1510</v>
      </c>
      <c r="E13840" s="6">
        <v>688.66959999999995</v>
      </c>
    </row>
    <row r="13841" spans="4:5" x14ac:dyDescent="0.25">
      <c r="D13841" s="6">
        <v>6911.0630000000001</v>
      </c>
      <c r="E13841" s="6">
        <v>803.04</v>
      </c>
    </row>
    <row r="13842" spans="4:5" x14ac:dyDescent="0.25">
      <c r="D13842" s="6">
        <v>2122.241</v>
      </c>
      <c r="E13842" s="6">
        <v>699.55610000000001</v>
      </c>
    </row>
    <row r="13843" spans="4:5" x14ac:dyDescent="0.25">
      <c r="D13843" s="6">
        <v>616.8116</v>
      </c>
      <c r="E13843" s="6">
        <v>792.89509999999996</v>
      </c>
    </row>
    <row r="13844" spans="4:5" x14ac:dyDescent="0.25">
      <c r="D13844" s="6">
        <v>913.4796</v>
      </c>
      <c r="E13844" s="6">
        <v>774.95630000000006</v>
      </c>
    </row>
    <row r="13845" spans="4:5" x14ac:dyDescent="0.25">
      <c r="D13845" s="6">
        <v>858.6721</v>
      </c>
      <c r="E13845" s="6">
        <v>760.86320000000001</v>
      </c>
    </row>
    <row r="13846" spans="4:5" x14ac:dyDescent="0.25">
      <c r="D13846" s="6">
        <v>858.02149999999995</v>
      </c>
      <c r="E13846" s="6">
        <v>622.18899999999996</v>
      </c>
    </row>
    <row r="13847" spans="4:5" x14ac:dyDescent="0.25">
      <c r="D13847" s="6">
        <v>745.44359999999995</v>
      </c>
      <c r="E13847" s="6">
        <v>586.25480000000005</v>
      </c>
    </row>
    <row r="13848" spans="4:5" x14ac:dyDescent="0.25">
      <c r="D13848" s="6">
        <v>440.0582</v>
      </c>
      <c r="E13848" s="6">
        <v>720.45230000000004</v>
      </c>
    </row>
    <row r="13849" spans="4:5" x14ac:dyDescent="0.25">
      <c r="D13849" s="6">
        <v>572.62070000000006</v>
      </c>
      <c r="E13849" s="6">
        <v>6790.6779999999999</v>
      </c>
    </row>
    <row r="13850" spans="4:5" x14ac:dyDescent="0.25">
      <c r="D13850" s="6">
        <v>480.79719999999998</v>
      </c>
      <c r="E13850" s="6">
        <v>3440.2640000000001</v>
      </c>
    </row>
    <row r="13851" spans="4:5" x14ac:dyDescent="0.25">
      <c r="D13851" s="6">
        <v>638.36540000000002</v>
      </c>
      <c r="E13851" s="6">
        <v>1649.2270000000001</v>
      </c>
    </row>
    <row r="13852" spans="4:5" x14ac:dyDescent="0.25">
      <c r="D13852" s="6">
        <v>941.75030000000004</v>
      </c>
      <c r="E13852" s="6">
        <v>702.02769999999998</v>
      </c>
    </row>
    <row r="13853" spans="4:5" x14ac:dyDescent="0.25">
      <c r="D13853" s="6">
        <v>385.81659999999999</v>
      </c>
      <c r="E13853" s="6">
        <v>805.98130000000003</v>
      </c>
    </row>
    <row r="13854" spans="4:5" x14ac:dyDescent="0.25">
      <c r="D13854" s="6">
        <v>687.47490000000005</v>
      </c>
      <c r="E13854" s="6">
        <v>6688.2190000000001</v>
      </c>
    </row>
    <row r="13855" spans="4:5" x14ac:dyDescent="0.25">
      <c r="D13855" s="6">
        <v>511.97719999999998</v>
      </c>
      <c r="E13855" s="6">
        <v>690.91480000000001</v>
      </c>
    </row>
    <row r="13856" spans="4:5" x14ac:dyDescent="0.25">
      <c r="D13856" s="6">
        <v>806.1508</v>
      </c>
      <c r="E13856" s="6">
        <v>619.96119999999996</v>
      </c>
    </row>
    <row r="13857" spans="4:5" x14ac:dyDescent="0.25">
      <c r="D13857" s="6">
        <v>1216.578</v>
      </c>
      <c r="E13857" s="6">
        <v>12041.85</v>
      </c>
    </row>
    <row r="13858" spans="4:5" x14ac:dyDescent="0.25">
      <c r="D13858" s="6">
        <v>934.5</v>
      </c>
      <c r="E13858" s="6">
        <v>902.36919999999998</v>
      </c>
    </row>
    <row r="13859" spans="4:5" x14ac:dyDescent="0.25">
      <c r="D13859" s="6">
        <v>641.74339999999995</v>
      </c>
      <c r="E13859" s="6">
        <v>999.41420000000005</v>
      </c>
    </row>
    <row r="13860" spans="4:5" x14ac:dyDescent="0.25">
      <c r="D13860" s="6">
        <v>753.68029999999999</v>
      </c>
      <c r="E13860" s="6">
        <v>630.85590000000002</v>
      </c>
    </row>
    <row r="13861" spans="4:5" x14ac:dyDescent="0.25">
      <c r="D13861" s="6">
        <v>772.25</v>
      </c>
      <c r="E13861" s="6">
        <v>5012.5690000000004</v>
      </c>
    </row>
    <row r="13862" spans="4:5" x14ac:dyDescent="0.25">
      <c r="D13862" s="6">
        <v>639.94150000000002</v>
      </c>
      <c r="E13862" s="6">
        <v>618.63689999999997</v>
      </c>
    </row>
    <row r="13863" spans="4:5" x14ac:dyDescent="0.25">
      <c r="D13863" s="6">
        <v>886.96029999999996</v>
      </c>
      <c r="E13863" s="6">
        <v>1349.7909999999999</v>
      </c>
    </row>
    <row r="13864" spans="4:5" x14ac:dyDescent="0.25">
      <c r="D13864" s="6">
        <v>412.52539999999999</v>
      </c>
      <c r="E13864" s="6">
        <v>1057.3430000000001</v>
      </c>
    </row>
    <row r="13865" spans="4:5" x14ac:dyDescent="0.25">
      <c r="D13865" s="6">
        <v>775.83270000000005</v>
      </c>
      <c r="E13865" s="6">
        <v>804.74559999999997</v>
      </c>
    </row>
    <row r="13866" spans="4:5" x14ac:dyDescent="0.25">
      <c r="D13866" s="6">
        <v>453.70119999999997</v>
      </c>
      <c r="E13866" s="6">
        <v>773.61090000000002</v>
      </c>
    </row>
    <row r="13867" spans="4:5" x14ac:dyDescent="0.25">
      <c r="D13867" s="6">
        <v>1439.133</v>
      </c>
      <c r="E13867" s="6">
        <v>682.79780000000005</v>
      </c>
    </row>
    <row r="13868" spans="4:5" x14ac:dyDescent="0.25">
      <c r="D13868" s="6">
        <v>666.75379999999996</v>
      </c>
      <c r="E13868" s="6">
        <v>673.2047</v>
      </c>
    </row>
    <row r="13869" spans="4:5" x14ac:dyDescent="0.25">
      <c r="D13869" s="6">
        <v>1452.8130000000001</v>
      </c>
      <c r="E13869" s="6">
        <v>613.21799999999996</v>
      </c>
    </row>
    <row r="13870" spans="4:5" x14ac:dyDescent="0.25">
      <c r="D13870" s="6">
        <v>588.7559</v>
      </c>
      <c r="E13870" s="6">
        <v>712.54700000000003</v>
      </c>
    </row>
    <row r="13871" spans="4:5" x14ac:dyDescent="0.25">
      <c r="D13871" s="6">
        <v>629.28470000000004</v>
      </c>
      <c r="E13871" s="6">
        <v>415.57299999999998</v>
      </c>
    </row>
    <row r="13872" spans="4:5" x14ac:dyDescent="0.25">
      <c r="D13872" s="6">
        <v>485.77539999999999</v>
      </c>
      <c r="E13872" s="6">
        <v>1059.4290000000001</v>
      </c>
    </row>
    <row r="13873" spans="4:5" x14ac:dyDescent="0.25">
      <c r="D13873" s="6">
        <v>630.06439999999998</v>
      </c>
      <c r="E13873" s="6">
        <v>444.8562</v>
      </c>
    </row>
    <row r="13874" spans="4:5" x14ac:dyDescent="0.25">
      <c r="D13874" s="6">
        <v>544.62429999999995</v>
      </c>
      <c r="E13874" s="6">
        <v>730.30359999999996</v>
      </c>
    </row>
    <row r="13875" spans="4:5" x14ac:dyDescent="0.25">
      <c r="D13875" s="6">
        <v>455.15989999999999</v>
      </c>
      <c r="E13875" s="6">
        <v>852.8963</v>
      </c>
    </row>
    <row r="13876" spans="4:5" x14ac:dyDescent="0.25">
      <c r="D13876" s="6">
        <v>840</v>
      </c>
      <c r="E13876" s="6">
        <v>883.51250000000005</v>
      </c>
    </row>
    <row r="13877" spans="4:5" x14ac:dyDescent="0.25">
      <c r="D13877" s="6">
        <v>547.85149999999999</v>
      </c>
      <c r="E13877" s="6">
        <v>944.51760000000002</v>
      </c>
    </row>
    <row r="13878" spans="4:5" x14ac:dyDescent="0.25">
      <c r="D13878" s="6">
        <v>712.05669999999998</v>
      </c>
      <c r="E13878" s="6">
        <v>9262.0550000000003</v>
      </c>
    </row>
    <row r="13879" spans="4:5" x14ac:dyDescent="0.25">
      <c r="D13879" s="6">
        <v>640.25260000000003</v>
      </c>
      <c r="E13879" s="6">
        <v>760.06060000000002</v>
      </c>
    </row>
    <row r="13880" spans="4:5" x14ac:dyDescent="0.25">
      <c r="D13880" s="6">
        <v>917</v>
      </c>
      <c r="E13880" s="6">
        <v>1080.3399999999999</v>
      </c>
    </row>
    <row r="13881" spans="4:5" x14ac:dyDescent="0.25">
      <c r="D13881" s="6">
        <v>658.61990000000003</v>
      </c>
      <c r="E13881" s="6">
        <v>627.63649999999996</v>
      </c>
    </row>
    <row r="13882" spans="4:5" x14ac:dyDescent="0.25">
      <c r="D13882" s="6">
        <v>602.27</v>
      </c>
      <c r="E13882" s="6">
        <v>1207.636</v>
      </c>
    </row>
    <row r="13883" spans="4:5" x14ac:dyDescent="0.25">
      <c r="D13883" s="6">
        <v>565.01469999999995</v>
      </c>
      <c r="E13883" s="6">
        <v>7841.4650000000001</v>
      </c>
    </row>
    <row r="13884" spans="4:5" x14ac:dyDescent="0.25">
      <c r="D13884" s="6">
        <v>708.26779999999997</v>
      </c>
      <c r="E13884" s="6">
        <v>2486.4830000000002</v>
      </c>
    </row>
    <row r="13885" spans="4:5" x14ac:dyDescent="0.25">
      <c r="D13885" s="6">
        <v>567.11109999999996</v>
      </c>
      <c r="E13885" s="6">
        <v>2735</v>
      </c>
    </row>
    <row r="13886" spans="4:5" x14ac:dyDescent="0.25">
      <c r="D13886" s="6">
        <v>619.18179999999995</v>
      </c>
      <c r="E13886" s="6">
        <v>690.16669999999999</v>
      </c>
    </row>
    <row r="13887" spans="4:5" x14ac:dyDescent="0.25">
      <c r="D13887" s="6">
        <v>582.41539999999998</v>
      </c>
      <c r="E13887" s="6">
        <v>855.49839999999995</v>
      </c>
    </row>
    <row r="13888" spans="4:5" x14ac:dyDescent="0.25">
      <c r="D13888" s="6">
        <v>5774.9949999999999</v>
      </c>
      <c r="E13888" s="6">
        <v>970.69680000000005</v>
      </c>
    </row>
    <row r="13889" spans="4:5" x14ac:dyDescent="0.25">
      <c r="D13889" s="6">
        <v>430.65249999999997</v>
      </c>
      <c r="E13889" s="6">
        <v>768.82320000000004</v>
      </c>
    </row>
    <row r="13890" spans="4:5" x14ac:dyDescent="0.25">
      <c r="D13890" s="6">
        <v>638.6508</v>
      </c>
      <c r="E13890" s="6">
        <v>2170</v>
      </c>
    </row>
    <row r="13891" spans="4:5" x14ac:dyDescent="0.25">
      <c r="D13891" s="6">
        <v>496.59399999999999</v>
      </c>
      <c r="E13891" s="6">
        <v>742.98410000000001</v>
      </c>
    </row>
    <row r="13892" spans="4:5" x14ac:dyDescent="0.25">
      <c r="D13892" s="6">
        <v>6828.02</v>
      </c>
      <c r="E13892" s="6">
        <v>783.96600000000001</v>
      </c>
    </row>
    <row r="13893" spans="4:5" x14ac:dyDescent="0.25">
      <c r="D13893" s="6">
        <v>953.80359999999996</v>
      </c>
      <c r="E13893" s="6">
        <v>684.52689999999996</v>
      </c>
    </row>
    <row r="13894" spans="4:5" x14ac:dyDescent="0.25">
      <c r="D13894" s="6">
        <v>601.44090000000006</v>
      </c>
      <c r="E13894" s="6">
        <v>1398.673</v>
      </c>
    </row>
    <row r="13895" spans="4:5" x14ac:dyDescent="0.25">
      <c r="D13895" s="6">
        <v>1166.3510000000001</v>
      </c>
      <c r="E13895" s="6">
        <v>709.14440000000002</v>
      </c>
    </row>
    <row r="13896" spans="4:5" x14ac:dyDescent="0.25">
      <c r="D13896" s="6">
        <v>2259.0540000000001</v>
      </c>
      <c r="E13896" s="6">
        <v>711.53</v>
      </c>
    </row>
    <row r="13897" spans="4:5" x14ac:dyDescent="0.25">
      <c r="D13897" s="6">
        <v>950.5</v>
      </c>
      <c r="E13897" s="6">
        <v>7735.3109999999997</v>
      </c>
    </row>
    <row r="13898" spans="4:5" x14ac:dyDescent="0.25">
      <c r="D13898" s="6">
        <v>665.98119999999994</v>
      </c>
      <c r="E13898" s="6">
        <v>815.67229999999995</v>
      </c>
    </row>
    <row r="13899" spans="4:5" x14ac:dyDescent="0.25">
      <c r="D13899" s="6">
        <v>467.65899999999999</v>
      </c>
      <c r="E13899" s="6">
        <v>828.48270000000002</v>
      </c>
    </row>
    <row r="13900" spans="4:5" x14ac:dyDescent="0.25">
      <c r="D13900" s="6">
        <v>562.81060000000002</v>
      </c>
      <c r="E13900" s="6">
        <v>880.45820000000003</v>
      </c>
    </row>
    <row r="13901" spans="4:5" x14ac:dyDescent="0.25">
      <c r="D13901" s="6">
        <v>659.72810000000004</v>
      </c>
      <c r="E13901" s="6">
        <v>617.42669999999998</v>
      </c>
    </row>
    <row r="13902" spans="4:5" x14ac:dyDescent="0.25">
      <c r="D13902" s="6">
        <v>504.21120000000002</v>
      </c>
      <c r="E13902" s="6">
        <v>2234.375</v>
      </c>
    </row>
    <row r="13903" spans="4:5" x14ac:dyDescent="0.25">
      <c r="D13903" s="6">
        <v>679.01729999999998</v>
      </c>
      <c r="E13903" s="6">
        <v>6433.2179999999998</v>
      </c>
    </row>
    <row r="13904" spans="4:5" x14ac:dyDescent="0.25">
      <c r="D13904" s="6">
        <v>586.80259999999998</v>
      </c>
      <c r="E13904" s="6">
        <v>988.40869999999995</v>
      </c>
    </row>
    <row r="13905" spans="4:5" x14ac:dyDescent="0.25">
      <c r="D13905" s="6">
        <v>637.13639999999998</v>
      </c>
      <c r="E13905" s="6">
        <v>800.94590000000005</v>
      </c>
    </row>
    <row r="13906" spans="4:5" x14ac:dyDescent="0.25">
      <c r="D13906" s="6">
        <v>757.24940000000004</v>
      </c>
      <c r="E13906" s="6">
        <v>791.79219999999998</v>
      </c>
    </row>
    <row r="13907" spans="4:5" x14ac:dyDescent="0.25">
      <c r="D13907" s="6">
        <v>689.23950000000002</v>
      </c>
      <c r="E13907" s="6">
        <v>6316.6450000000004</v>
      </c>
    </row>
    <row r="13908" spans="4:5" x14ac:dyDescent="0.25">
      <c r="D13908" s="6">
        <v>1007.706</v>
      </c>
      <c r="E13908" s="6">
        <v>1192.9490000000001</v>
      </c>
    </row>
    <row r="13909" spans="4:5" x14ac:dyDescent="0.25">
      <c r="D13909" s="6">
        <v>616.19680000000005</v>
      </c>
      <c r="E13909" s="6">
        <v>790.44839999999999</v>
      </c>
    </row>
    <row r="13910" spans="4:5" x14ac:dyDescent="0.25">
      <c r="D13910" s="6">
        <v>610.23230000000001</v>
      </c>
      <c r="E13910" s="6">
        <v>766.18790000000001</v>
      </c>
    </row>
    <row r="13911" spans="4:5" x14ac:dyDescent="0.25">
      <c r="D13911" s="6">
        <v>410.73360000000002</v>
      </c>
      <c r="E13911" s="6">
        <v>3748.7</v>
      </c>
    </row>
    <row r="13912" spans="4:5" x14ac:dyDescent="0.25">
      <c r="D13912" s="6">
        <v>518.46529999999996</v>
      </c>
      <c r="E13912" s="6">
        <v>780.47820000000002</v>
      </c>
    </row>
    <row r="13913" spans="4:5" x14ac:dyDescent="0.25">
      <c r="D13913" s="6">
        <v>553.88009999999997</v>
      </c>
      <c r="E13913" s="6">
        <v>1211.537</v>
      </c>
    </row>
    <row r="13914" spans="4:5" x14ac:dyDescent="0.25">
      <c r="D13914" s="6">
        <v>469</v>
      </c>
      <c r="E13914" s="6">
        <v>1113.385</v>
      </c>
    </row>
    <row r="13915" spans="4:5" x14ac:dyDescent="0.25">
      <c r="D13915" s="6">
        <v>7241.5</v>
      </c>
      <c r="E13915" s="6">
        <v>849.26089999999999</v>
      </c>
    </row>
    <row r="13916" spans="4:5" x14ac:dyDescent="0.25">
      <c r="D13916" s="6">
        <v>602.52729999999997</v>
      </c>
      <c r="E13916" s="6">
        <v>6857.6819999999998</v>
      </c>
    </row>
    <row r="13917" spans="4:5" x14ac:dyDescent="0.25">
      <c r="D13917" s="6">
        <v>2445.453</v>
      </c>
      <c r="E13917" s="6">
        <v>480.25360000000001</v>
      </c>
    </row>
    <row r="13918" spans="4:5" x14ac:dyDescent="0.25">
      <c r="D13918" s="6">
        <v>445.99639999999999</v>
      </c>
      <c r="E13918" s="6">
        <v>968.26059999999995</v>
      </c>
    </row>
    <row r="13919" spans="4:5" x14ac:dyDescent="0.25">
      <c r="D13919" s="6">
        <v>572.33330000000001</v>
      </c>
      <c r="E13919" s="6">
        <v>971.0915</v>
      </c>
    </row>
    <row r="13920" spans="4:5" x14ac:dyDescent="0.25">
      <c r="D13920" s="6">
        <v>586.37339999999995</v>
      </c>
      <c r="E13920" s="6">
        <v>548.76800000000003</v>
      </c>
    </row>
    <row r="13921" spans="4:5" x14ac:dyDescent="0.25">
      <c r="D13921" s="6">
        <v>652.98419999999999</v>
      </c>
      <c r="E13921" s="6">
        <v>598.54420000000005</v>
      </c>
    </row>
    <row r="13922" spans="4:5" x14ac:dyDescent="0.25">
      <c r="D13922" s="6">
        <v>638.35749999999996</v>
      </c>
      <c r="E13922" s="6">
        <v>928.07100000000003</v>
      </c>
    </row>
    <row r="13923" spans="4:5" x14ac:dyDescent="0.25">
      <c r="D13923" s="6">
        <v>641.28499999999997</v>
      </c>
      <c r="E13923" s="6">
        <v>767.50810000000001</v>
      </c>
    </row>
    <row r="13924" spans="4:5" x14ac:dyDescent="0.25">
      <c r="D13924" s="6">
        <v>772.62530000000004</v>
      </c>
      <c r="E13924" s="6">
        <v>1404.115</v>
      </c>
    </row>
    <row r="13925" spans="4:5" x14ac:dyDescent="0.25">
      <c r="D13925" s="6">
        <v>971</v>
      </c>
      <c r="E13925" s="6">
        <v>858.02829999999994</v>
      </c>
    </row>
    <row r="13926" spans="4:5" x14ac:dyDescent="0.25">
      <c r="D13926" s="6">
        <v>449.05259999999998</v>
      </c>
      <c r="E13926" s="6">
        <v>640.12940000000003</v>
      </c>
    </row>
    <row r="13927" spans="4:5" x14ac:dyDescent="0.25">
      <c r="D13927" s="6">
        <v>875.46860000000004</v>
      </c>
      <c r="E13927" s="6">
        <v>660.83979999999997</v>
      </c>
    </row>
    <row r="13928" spans="4:5" x14ac:dyDescent="0.25">
      <c r="D13928" s="6">
        <v>500.25</v>
      </c>
      <c r="E13928" s="6">
        <v>857.59849999999994</v>
      </c>
    </row>
    <row r="13929" spans="4:5" x14ac:dyDescent="0.25">
      <c r="D13929" s="6">
        <v>532.9665</v>
      </c>
      <c r="E13929" s="6">
        <v>900.74350000000004</v>
      </c>
    </row>
    <row r="13930" spans="4:5" x14ac:dyDescent="0.25">
      <c r="D13930" s="6">
        <v>636.29219999999998</v>
      </c>
      <c r="E13930" s="6">
        <v>1079.7329999999999</v>
      </c>
    </row>
    <row r="13931" spans="4:5" x14ac:dyDescent="0.25">
      <c r="D13931" s="6">
        <v>583.8664</v>
      </c>
      <c r="E13931" s="6">
        <v>849.28420000000006</v>
      </c>
    </row>
    <row r="13932" spans="4:5" x14ac:dyDescent="0.25">
      <c r="D13932" s="6">
        <v>830.65380000000005</v>
      </c>
      <c r="E13932" s="6">
        <v>786.43420000000003</v>
      </c>
    </row>
    <row r="13933" spans="4:5" x14ac:dyDescent="0.25">
      <c r="D13933" s="6">
        <v>10589.5</v>
      </c>
      <c r="E13933" s="6">
        <v>3458.5810000000001</v>
      </c>
    </row>
    <row r="13934" spans="4:5" x14ac:dyDescent="0.25">
      <c r="D13934" s="6">
        <v>5660.1809999999996</v>
      </c>
      <c r="E13934" s="6">
        <v>1036.374</v>
      </c>
    </row>
    <row r="13935" spans="4:5" x14ac:dyDescent="0.25">
      <c r="D13935" s="6">
        <v>1027.75</v>
      </c>
      <c r="E13935" s="6">
        <v>791.30190000000005</v>
      </c>
    </row>
    <row r="13936" spans="4:5" x14ac:dyDescent="0.25">
      <c r="D13936" s="6">
        <v>744.29309999999998</v>
      </c>
      <c r="E13936" s="6">
        <v>3115.3530000000001</v>
      </c>
    </row>
    <row r="13937" spans="4:5" x14ac:dyDescent="0.25">
      <c r="D13937" s="6">
        <v>690.27790000000005</v>
      </c>
      <c r="E13937" s="6">
        <v>706.22260000000006</v>
      </c>
    </row>
    <row r="13938" spans="4:5" x14ac:dyDescent="0.25">
      <c r="D13938" s="6">
        <v>1029.393</v>
      </c>
      <c r="E13938" s="6">
        <v>710.54549999999995</v>
      </c>
    </row>
    <row r="13939" spans="4:5" x14ac:dyDescent="0.25">
      <c r="D13939" s="6">
        <v>503.4599</v>
      </c>
      <c r="E13939" s="6">
        <v>767.85709999999995</v>
      </c>
    </row>
    <row r="13940" spans="4:5" x14ac:dyDescent="0.25">
      <c r="D13940" s="6">
        <v>566.56209999999999</v>
      </c>
      <c r="E13940" s="6">
        <v>726.02610000000004</v>
      </c>
    </row>
    <row r="13941" spans="4:5" x14ac:dyDescent="0.25">
      <c r="D13941" s="6">
        <v>665.88400000000001</v>
      </c>
      <c r="E13941" s="6">
        <v>8785.7620000000006</v>
      </c>
    </row>
    <row r="13942" spans="4:5" x14ac:dyDescent="0.25">
      <c r="D13942" s="6">
        <v>1419.62</v>
      </c>
      <c r="E13942" s="6">
        <v>814.56259999999997</v>
      </c>
    </row>
    <row r="13943" spans="4:5" x14ac:dyDescent="0.25">
      <c r="D13943" s="6">
        <v>690.84780000000001</v>
      </c>
      <c r="E13943" s="6">
        <v>809.10519999999997</v>
      </c>
    </row>
    <row r="13944" spans="4:5" x14ac:dyDescent="0.25">
      <c r="D13944" s="6">
        <v>660.41189999999995</v>
      </c>
      <c r="E13944" s="6">
        <v>738.14790000000005</v>
      </c>
    </row>
    <row r="13945" spans="4:5" x14ac:dyDescent="0.25">
      <c r="D13945" s="6">
        <v>764.99040000000002</v>
      </c>
      <c r="E13945" s="6">
        <v>6809.0519999999997</v>
      </c>
    </row>
    <row r="13946" spans="4:5" x14ac:dyDescent="0.25">
      <c r="D13946" s="6">
        <v>942.24059999999997</v>
      </c>
      <c r="E13946" s="6">
        <v>729.95309999999995</v>
      </c>
    </row>
    <row r="13947" spans="4:5" x14ac:dyDescent="0.25">
      <c r="D13947" s="6">
        <v>1649.915</v>
      </c>
      <c r="E13947" s="6">
        <v>685.76520000000005</v>
      </c>
    </row>
    <row r="13948" spans="4:5" x14ac:dyDescent="0.25">
      <c r="D13948" s="6">
        <v>772.91409999999996</v>
      </c>
      <c r="E13948" s="6">
        <v>862.58839999999998</v>
      </c>
    </row>
    <row r="13949" spans="4:5" x14ac:dyDescent="0.25">
      <c r="D13949" s="6">
        <v>544.7713</v>
      </c>
      <c r="E13949" s="6">
        <v>968.17020000000002</v>
      </c>
    </row>
    <row r="13950" spans="4:5" x14ac:dyDescent="0.25">
      <c r="D13950" s="6">
        <v>617.39250000000004</v>
      </c>
      <c r="E13950" s="6">
        <v>785.38310000000001</v>
      </c>
    </row>
    <row r="13951" spans="4:5" x14ac:dyDescent="0.25">
      <c r="D13951" s="6">
        <v>608.53520000000003</v>
      </c>
      <c r="E13951" s="6">
        <v>692.471</v>
      </c>
    </row>
    <row r="13952" spans="4:5" x14ac:dyDescent="0.25">
      <c r="D13952" s="6">
        <v>624.71929999999998</v>
      </c>
      <c r="E13952" s="6">
        <v>603.8152</v>
      </c>
    </row>
    <row r="13953" spans="4:5" x14ac:dyDescent="0.25">
      <c r="D13953" s="6">
        <v>874.23609999999996</v>
      </c>
      <c r="E13953" s="6">
        <v>737.22040000000004</v>
      </c>
    </row>
    <row r="13954" spans="4:5" x14ac:dyDescent="0.25">
      <c r="D13954" s="6">
        <v>436.91180000000003</v>
      </c>
      <c r="E13954" s="6">
        <v>762.61069999999995</v>
      </c>
    </row>
    <row r="13955" spans="4:5" x14ac:dyDescent="0.25">
      <c r="D13955" s="6">
        <v>591.07219999999995</v>
      </c>
      <c r="E13955" s="6">
        <v>658.75879999999995</v>
      </c>
    </row>
    <row r="13956" spans="4:5" x14ac:dyDescent="0.25">
      <c r="D13956" s="6">
        <v>989.2903</v>
      </c>
      <c r="E13956" s="6">
        <v>627.20000000000005</v>
      </c>
    </row>
    <row r="13957" spans="4:5" x14ac:dyDescent="0.25">
      <c r="D13957" s="6">
        <v>812.92650000000003</v>
      </c>
      <c r="E13957" s="6">
        <v>6559.7879999999996</v>
      </c>
    </row>
    <row r="13958" spans="4:5" x14ac:dyDescent="0.25">
      <c r="D13958" s="6">
        <v>693.60889999999995</v>
      </c>
      <c r="E13958" s="6">
        <v>625.81650000000002</v>
      </c>
    </row>
    <row r="13959" spans="4:5" x14ac:dyDescent="0.25">
      <c r="D13959" s="6">
        <v>3524.607</v>
      </c>
      <c r="E13959" s="6">
        <v>800.03520000000003</v>
      </c>
    </row>
    <row r="13960" spans="4:5" x14ac:dyDescent="0.25">
      <c r="D13960" s="6">
        <v>454.75760000000002</v>
      </c>
      <c r="E13960" s="6">
        <v>507.64909999999998</v>
      </c>
    </row>
    <row r="13961" spans="4:5" x14ac:dyDescent="0.25">
      <c r="D13961" s="6">
        <v>631.66240000000005</v>
      </c>
      <c r="E13961" s="6">
        <v>1326.319</v>
      </c>
    </row>
    <row r="13962" spans="4:5" x14ac:dyDescent="0.25">
      <c r="D13962" s="6">
        <v>814.9271</v>
      </c>
      <c r="E13962" s="6">
        <v>823.02059999999994</v>
      </c>
    </row>
    <row r="13963" spans="4:5" x14ac:dyDescent="0.25">
      <c r="D13963" s="6">
        <v>6152.3109999999997</v>
      </c>
      <c r="E13963" s="6">
        <v>643.2002</v>
      </c>
    </row>
    <row r="13964" spans="4:5" x14ac:dyDescent="0.25">
      <c r="D13964" s="6">
        <v>582.40319999999997</v>
      </c>
      <c r="E13964" s="6">
        <v>1536.2</v>
      </c>
    </row>
    <row r="13965" spans="4:5" x14ac:dyDescent="0.25">
      <c r="D13965" s="6">
        <v>659.85090000000002</v>
      </c>
      <c r="E13965" s="6">
        <v>657.89319999999998</v>
      </c>
    </row>
    <row r="13966" spans="4:5" x14ac:dyDescent="0.25">
      <c r="D13966" s="6">
        <v>428.91770000000002</v>
      </c>
      <c r="E13966" s="6">
        <v>853.29729999999995</v>
      </c>
    </row>
    <row r="13967" spans="4:5" x14ac:dyDescent="0.25">
      <c r="D13967" s="6">
        <v>692.17340000000002</v>
      </c>
      <c r="E13967" s="6">
        <v>721.96699999999998</v>
      </c>
    </row>
    <row r="13968" spans="4:5" x14ac:dyDescent="0.25">
      <c r="D13968" s="6">
        <v>798</v>
      </c>
      <c r="E13968" s="6">
        <v>961.12030000000004</v>
      </c>
    </row>
    <row r="13969" spans="4:5" x14ac:dyDescent="0.25">
      <c r="D13969" s="6">
        <v>655.90160000000003</v>
      </c>
      <c r="E13969" s="6">
        <v>567.3895</v>
      </c>
    </row>
    <row r="13970" spans="4:5" x14ac:dyDescent="0.25">
      <c r="D13970" s="6">
        <v>616.94550000000004</v>
      </c>
      <c r="E13970" s="6">
        <v>636.75160000000005</v>
      </c>
    </row>
    <row r="13971" spans="4:5" x14ac:dyDescent="0.25">
      <c r="D13971" s="6">
        <v>684.6431</v>
      </c>
      <c r="E13971" s="6">
        <v>7533.81</v>
      </c>
    </row>
    <row r="13972" spans="4:5" x14ac:dyDescent="0.25">
      <c r="D13972" s="6">
        <v>625.4452</v>
      </c>
      <c r="E13972" s="6">
        <v>813.22230000000002</v>
      </c>
    </row>
    <row r="13973" spans="4:5" x14ac:dyDescent="0.25">
      <c r="D13973" s="6">
        <v>559.84860000000003</v>
      </c>
      <c r="E13973" s="6">
        <v>1275.4739999999999</v>
      </c>
    </row>
    <row r="13974" spans="4:5" x14ac:dyDescent="0.25">
      <c r="D13974" s="6">
        <v>1788.614</v>
      </c>
      <c r="E13974" s="6">
        <v>900.80499999999995</v>
      </c>
    </row>
    <row r="13975" spans="4:5" x14ac:dyDescent="0.25">
      <c r="D13975" s="6">
        <v>710.45939999999996</v>
      </c>
      <c r="E13975" s="6">
        <v>628.96320000000003</v>
      </c>
    </row>
    <row r="13976" spans="4:5" x14ac:dyDescent="0.25">
      <c r="D13976" s="6">
        <v>631.5</v>
      </c>
      <c r="E13976" s="6">
        <v>7779.6809999999996</v>
      </c>
    </row>
    <row r="13977" spans="4:5" x14ac:dyDescent="0.25">
      <c r="D13977" s="6">
        <v>886.42859999999996</v>
      </c>
      <c r="E13977" s="6">
        <v>727.38679999999999</v>
      </c>
    </row>
    <row r="13978" spans="4:5" x14ac:dyDescent="0.25">
      <c r="D13978" s="6">
        <v>599.71600000000001</v>
      </c>
      <c r="E13978" s="6">
        <v>4621.9660000000003</v>
      </c>
    </row>
    <row r="13979" spans="4:5" x14ac:dyDescent="0.25">
      <c r="D13979" s="6">
        <v>711.43079999999998</v>
      </c>
      <c r="E13979" s="6">
        <v>667.00120000000004</v>
      </c>
    </row>
    <row r="13980" spans="4:5" x14ac:dyDescent="0.25">
      <c r="D13980" s="6">
        <v>1760.39</v>
      </c>
      <c r="E13980" s="6">
        <v>8694.116</v>
      </c>
    </row>
    <row r="13981" spans="4:5" x14ac:dyDescent="0.25">
      <c r="D13981" s="6">
        <v>763.27139999999997</v>
      </c>
      <c r="E13981" s="6">
        <v>631.45920000000001</v>
      </c>
    </row>
    <row r="13982" spans="4:5" x14ac:dyDescent="0.25">
      <c r="D13982" s="6">
        <v>734.85220000000004</v>
      </c>
      <c r="E13982" s="6">
        <v>2100.98</v>
      </c>
    </row>
    <row r="13983" spans="4:5" x14ac:dyDescent="0.25">
      <c r="D13983" s="6">
        <v>6130.2439999999997</v>
      </c>
      <c r="E13983" s="6">
        <v>7639.2439999999997</v>
      </c>
    </row>
    <row r="13984" spans="4:5" x14ac:dyDescent="0.25">
      <c r="D13984" s="6">
        <v>810.85760000000005</v>
      </c>
      <c r="E13984" s="6">
        <v>693.51959999999997</v>
      </c>
    </row>
    <row r="13985" spans="4:5" x14ac:dyDescent="0.25">
      <c r="D13985" s="6">
        <v>551.08090000000004</v>
      </c>
      <c r="E13985" s="6">
        <v>792.87260000000003</v>
      </c>
    </row>
    <row r="13986" spans="4:5" x14ac:dyDescent="0.25">
      <c r="D13986" s="6">
        <v>643.43110000000001</v>
      </c>
      <c r="E13986" s="6">
        <v>711.38729999999998</v>
      </c>
    </row>
    <row r="13987" spans="4:5" x14ac:dyDescent="0.25">
      <c r="D13987" s="6">
        <v>776.75</v>
      </c>
      <c r="E13987" s="6">
        <v>867.97699999999998</v>
      </c>
    </row>
    <row r="13988" spans="4:5" x14ac:dyDescent="0.25">
      <c r="D13988" s="6">
        <v>506.47239999999999</v>
      </c>
      <c r="E13988" s="6">
        <v>7059.0349999999999</v>
      </c>
    </row>
    <row r="13989" spans="4:5" x14ac:dyDescent="0.25">
      <c r="D13989" s="6">
        <v>632.50480000000005</v>
      </c>
      <c r="E13989" s="6">
        <v>672.50580000000002</v>
      </c>
    </row>
    <row r="13990" spans="4:5" x14ac:dyDescent="0.25">
      <c r="D13990" s="6">
        <v>751.5</v>
      </c>
      <c r="E13990" s="6">
        <v>927.20249999999999</v>
      </c>
    </row>
    <row r="13991" spans="4:5" x14ac:dyDescent="0.25">
      <c r="D13991" s="6">
        <v>988.35410000000002</v>
      </c>
      <c r="E13991" s="6">
        <v>7382.3559999999998</v>
      </c>
    </row>
    <row r="13992" spans="4:5" x14ac:dyDescent="0.25">
      <c r="D13992" s="6">
        <v>556.43510000000003</v>
      </c>
      <c r="E13992" s="6">
        <v>718.15909999999997</v>
      </c>
    </row>
    <row r="13993" spans="4:5" x14ac:dyDescent="0.25">
      <c r="D13993" s="6">
        <v>551</v>
      </c>
      <c r="E13993" s="6">
        <v>662.06129999999996</v>
      </c>
    </row>
    <row r="13994" spans="4:5" x14ac:dyDescent="0.25">
      <c r="D13994" s="6">
        <v>578.23860000000002</v>
      </c>
      <c r="E13994" s="6">
        <v>734.12670000000003</v>
      </c>
    </row>
    <row r="13995" spans="4:5" x14ac:dyDescent="0.25">
      <c r="D13995" s="6">
        <v>650.20630000000006</v>
      </c>
      <c r="E13995" s="6">
        <v>820.70510000000002</v>
      </c>
    </row>
    <row r="13996" spans="4:5" x14ac:dyDescent="0.25">
      <c r="D13996" s="6">
        <v>669.46939999999995</v>
      </c>
      <c r="E13996" s="6">
        <v>1467.817</v>
      </c>
    </row>
    <row r="13997" spans="4:5" x14ac:dyDescent="0.25">
      <c r="D13997" s="6">
        <v>600.6952</v>
      </c>
      <c r="E13997" s="6">
        <v>515.27679999999998</v>
      </c>
    </row>
    <row r="13998" spans="4:5" x14ac:dyDescent="0.25">
      <c r="D13998" s="6">
        <v>1160.7139999999999</v>
      </c>
      <c r="E13998" s="6">
        <v>741.36159999999995</v>
      </c>
    </row>
    <row r="13999" spans="4:5" x14ac:dyDescent="0.25">
      <c r="D13999" s="6">
        <v>588.2559</v>
      </c>
      <c r="E13999" s="6">
        <v>656.13829999999996</v>
      </c>
    </row>
    <row r="14000" spans="4:5" x14ac:dyDescent="0.25">
      <c r="D14000" s="6">
        <v>596.9502</v>
      </c>
      <c r="E14000" s="6">
        <v>592.375</v>
      </c>
    </row>
    <row r="14001" spans="4:5" x14ac:dyDescent="0.25">
      <c r="D14001" s="6">
        <v>1080</v>
      </c>
      <c r="E14001" s="6">
        <v>905.70010000000002</v>
      </c>
    </row>
    <row r="14002" spans="4:5" x14ac:dyDescent="0.25">
      <c r="D14002" s="6">
        <v>1947</v>
      </c>
      <c r="E14002" s="6">
        <v>8167.4319999999998</v>
      </c>
    </row>
    <row r="14003" spans="4:5" x14ac:dyDescent="0.25">
      <c r="D14003" s="6">
        <v>561.37040000000002</v>
      </c>
      <c r="E14003" s="6">
        <v>3997.1410000000001</v>
      </c>
    </row>
    <row r="14004" spans="4:5" x14ac:dyDescent="0.25">
      <c r="D14004" s="6">
        <v>467.93529999999998</v>
      </c>
      <c r="E14004" s="6">
        <v>608.64409999999998</v>
      </c>
    </row>
    <row r="14005" spans="4:5" x14ac:dyDescent="0.25">
      <c r="D14005" s="6">
        <v>675.9778</v>
      </c>
      <c r="E14005" s="6">
        <v>792.70650000000001</v>
      </c>
    </row>
    <row r="14006" spans="4:5" x14ac:dyDescent="0.25">
      <c r="D14006" s="6">
        <v>468.68650000000002</v>
      </c>
      <c r="E14006" s="6">
        <v>824.39049999999997</v>
      </c>
    </row>
    <row r="14007" spans="4:5" x14ac:dyDescent="0.25">
      <c r="D14007" s="6">
        <v>552.70460000000003</v>
      </c>
      <c r="E14007" s="6">
        <v>889.44330000000002</v>
      </c>
    </row>
    <row r="14008" spans="4:5" x14ac:dyDescent="0.25">
      <c r="D14008" s="6">
        <v>469.07690000000002</v>
      </c>
      <c r="E14008" s="6">
        <v>800.77080000000001</v>
      </c>
    </row>
    <row r="14009" spans="4:5" x14ac:dyDescent="0.25">
      <c r="D14009" s="6">
        <v>978.12239999999997</v>
      </c>
      <c r="E14009" s="6">
        <v>8421.7180000000008</v>
      </c>
    </row>
    <row r="14010" spans="4:5" x14ac:dyDescent="0.25">
      <c r="D14010" s="6">
        <v>8088.6059999999998</v>
      </c>
      <c r="E14010" s="6">
        <v>979.41869999999994</v>
      </c>
    </row>
    <row r="14011" spans="4:5" x14ac:dyDescent="0.25">
      <c r="D14011" s="6">
        <v>1361.8040000000001</v>
      </c>
      <c r="E14011" s="6">
        <v>955.01919999999996</v>
      </c>
    </row>
    <row r="14012" spans="4:5" x14ac:dyDescent="0.25">
      <c r="D14012" s="6">
        <v>475.8442</v>
      </c>
      <c r="E14012" s="6">
        <v>986.96609999999998</v>
      </c>
    </row>
    <row r="14013" spans="4:5" x14ac:dyDescent="0.25">
      <c r="D14013" s="6">
        <v>703.43309999999997</v>
      </c>
      <c r="E14013" s="6">
        <v>3358</v>
      </c>
    </row>
    <row r="14014" spans="4:5" x14ac:dyDescent="0.25">
      <c r="D14014" s="6">
        <v>727.5625</v>
      </c>
      <c r="E14014" s="6">
        <v>714.51009999999997</v>
      </c>
    </row>
    <row r="14015" spans="4:5" x14ac:dyDescent="0.25">
      <c r="D14015" s="6">
        <v>636.75229999999999</v>
      </c>
      <c r="E14015" s="6">
        <v>687.17089999999996</v>
      </c>
    </row>
    <row r="14016" spans="4:5" x14ac:dyDescent="0.25">
      <c r="D14016" s="6">
        <v>564.64049999999997</v>
      </c>
      <c r="E14016" s="6">
        <v>737.96529999999996</v>
      </c>
    </row>
    <row r="14017" spans="4:5" x14ac:dyDescent="0.25">
      <c r="D14017" s="6">
        <v>448.70780000000002</v>
      </c>
      <c r="E14017" s="6">
        <v>6363.442</v>
      </c>
    </row>
    <row r="14018" spans="4:5" x14ac:dyDescent="0.25">
      <c r="D14018" s="6">
        <v>590.97180000000003</v>
      </c>
      <c r="E14018" s="6">
        <v>1393.5830000000001</v>
      </c>
    </row>
    <row r="14019" spans="4:5" x14ac:dyDescent="0.25">
      <c r="D14019" s="6">
        <v>962.00340000000006</v>
      </c>
      <c r="E14019" s="6">
        <v>1891.1289999999999</v>
      </c>
    </row>
    <row r="14020" spans="4:5" x14ac:dyDescent="0.25">
      <c r="D14020" s="6">
        <v>798.71799999999996</v>
      </c>
      <c r="E14020" s="6">
        <v>4210.4889999999996</v>
      </c>
    </row>
    <row r="14021" spans="4:5" x14ac:dyDescent="0.25">
      <c r="D14021" s="6">
        <v>524.04010000000005</v>
      </c>
      <c r="E14021" s="6">
        <v>780.21709999999996</v>
      </c>
    </row>
    <row r="14022" spans="4:5" x14ac:dyDescent="0.25">
      <c r="D14022" s="6">
        <v>2576.9879999999998</v>
      </c>
      <c r="E14022" s="6">
        <v>574.33330000000001</v>
      </c>
    </row>
    <row r="14023" spans="4:5" x14ac:dyDescent="0.25">
      <c r="D14023" s="6">
        <v>7015.0680000000002</v>
      </c>
      <c r="E14023" s="6">
        <v>830.75909999999999</v>
      </c>
    </row>
    <row r="14024" spans="4:5" x14ac:dyDescent="0.25">
      <c r="D14024" s="6">
        <v>1947.655</v>
      </c>
      <c r="E14024" s="6">
        <v>1607.269</v>
      </c>
    </row>
    <row r="14025" spans="4:5" x14ac:dyDescent="0.25">
      <c r="D14025" s="6">
        <v>1434.5</v>
      </c>
      <c r="E14025" s="6">
        <v>861.74779999999998</v>
      </c>
    </row>
    <row r="14026" spans="4:5" x14ac:dyDescent="0.25">
      <c r="D14026" s="6">
        <v>417.05770000000001</v>
      </c>
      <c r="E14026" s="6">
        <v>769.4434</v>
      </c>
    </row>
    <row r="14027" spans="4:5" x14ac:dyDescent="0.25">
      <c r="D14027" s="6">
        <v>570.17639999999994</v>
      </c>
      <c r="E14027" s="6">
        <v>3607.4450000000002</v>
      </c>
    </row>
    <row r="14028" spans="4:5" x14ac:dyDescent="0.25">
      <c r="D14028" s="6">
        <v>757.6</v>
      </c>
      <c r="E14028" s="6">
        <v>750.6721</v>
      </c>
    </row>
    <row r="14029" spans="4:5" x14ac:dyDescent="0.25">
      <c r="D14029" s="6">
        <v>5985.4790000000003</v>
      </c>
      <c r="E14029" s="6">
        <v>7191.7139999999999</v>
      </c>
    </row>
    <row r="14030" spans="4:5" x14ac:dyDescent="0.25">
      <c r="D14030" s="6">
        <v>998.5</v>
      </c>
      <c r="E14030" s="6">
        <v>1565.3330000000001</v>
      </c>
    </row>
    <row r="14031" spans="4:5" x14ac:dyDescent="0.25">
      <c r="D14031" s="6">
        <v>594.78240000000005</v>
      </c>
      <c r="E14031" s="6">
        <v>961.28570000000002</v>
      </c>
    </row>
    <row r="14032" spans="4:5" x14ac:dyDescent="0.25">
      <c r="D14032" s="6">
        <v>581.22249999999997</v>
      </c>
      <c r="E14032" s="6">
        <v>811.05349999999999</v>
      </c>
    </row>
    <row r="14033" spans="4:5" x14ac:dyDescent="0.25">
      <c r="D14033" s="6">
        <v>496.9384</v>
      </c>
      <c r="E14033" s="6">
        <v>876.10670000000005</v>
      </c>
    </row>
    <row r="14034" spans="4:5" x14ac:dyDescent="0.25">
      <c r="D14034" s="6">
        <v>475.60239999999999</v>
      </c>
      <c r="E14034" s="6">
        <v>680.59939999999995</v>
      </c>
    </row>
    <row r="14035" spans="4:5" x14ac:dyDescent="0.25">
      <c r="D14035" s="6">
        <v>8863.2049999999999</v>
      </c>
      <c r="E14035" s="6">
        <v>4861.0680000000002</v>
      </c>
    </row>
    <row r="14036" spans="4:5" x14ac:dyDescent="0.25">
      <c r="D14036" s="6">
        <v>2244.857</v>
      </c>
      <c r="E14036" s="6">
        <v>571.10299999999995</v>
      </c>
    </row>
    <row r="14037" spans="4:5" x14ac:dyDescent="0.25">
      <c r="D14037" s="6">
        <v>555.77890000000002</v>
      </c>
      <c r="E14037" s="6">
        <v>776.10469999999998</v>
      </c>
    </row>
    <row r="14038" spans="4:5" x14ac:dyDescent="0.25">
      <c r="D14038" s="6">
        <v>689.524</v>
      </c>
      <c r="E14038" s="6">
        <v>5917.7079999999996</v>
      </c>
    </row>
    <row r="14039" spans="4:5" x14ac:dyDescent="0.25">
      <c r="D14039" s="6">
        <v>1143.5</v>
      </c>
      <c r="E14039" s="6">
        <v>806.80330000000004</v>
      </c>
    </row>
    <row r="14040" spans="4:5" x14ac:dyDescent="0.25">
      <c r="D14040" s="6">
        <v>805.95410000000004</v>
      </c>
      <c r="E14040" s="6">
        <v>881.10829999999999</v>
      </c>
    </row>
    <row r="14041" spans="4:5" x14ac:dyDescent="0.25">
      <c r="D14041" s="6">
        <v>695.71429999999998</v>
      </c>
      <c r="E14041" s="6">
        <v>3841.6</v>
      </c>
    </row>
    <row r="14042" spans="4:5" x14ac:dyDescent="0.25">
      <c r="D14042" s="6">
        <v>503.59019999999998</v>
      </c>
      <c r="E14042" s="6">
        <v>671.78750000000002</v>
      </c>
    </row>
    <row r="14043" spans="4:5" x14ac:dyDescent="0.25">
      <c r="D14043" s="6">
        <v>609.71770000000004</v>
      </c>
      <c r="E14043" s="6">
        <v>849.87670000000003</v>
      </c>
    </row>
    <row r="14044" spans="4:5" x14ac:dyDescent="0.25">
      <c r="D14044" s="6">
        <v>2163.7040000000002</v>
      </c>
      <c r="E14044" s="6">
        <v>5918.6980000000003</v>
      </c>
    </row>
    <row r="14045" spans="4:5" x14ac:dyDescent="0.25">
      <c r="D14045" s="6">
        <v>1038.327</v>
      </c>
      <c r="E14045" s="6">
        <v>691.64549999999997</v>
      </c>
    </row>
    <row r="14046" spans="4:5" x14ac:dyDescent="0.25">
      <c r="D14046" s="6">
        <v>604.61300000000006</v>
      </c>
      <c r="E14046" s="6">
        <v>706.41070000000002</v>
      </c>
    </row>
    <row r="14047" spans="4:5" x14ac:dyDescent="0.25">
      <c r="D14047" s="6">
        <v>580.87189999999998</v>
      </c>
      <c r="E14047" s="6">
        <v>698.36120000000005</v>
      </c>
    </row>
    <row r="14048" spans="4:5" x14ac:dyDescent="0.25">
      <c r="D14048" s="6">
        <v>750.44050000000004</v>
      </c>
      <c r="E14048" s="6">
        <v>675.24519999999995</v>
      </c>
    </row>
    <row r="14049" spans="4:5" x14ac:dyDescent="0.25">
      <c r="D14049" s="6">
        <v>548.55709999999999</v>
      </c>
      <c r="E14049" s="6">
        <v>1929.635</v>
      </c>
    </row>
    <row r="14050" spans="4:5" x14ac:dyDescent="0.25">
      <c r="D14050" s="6">
        <v>2791.8409999999999</v>
      </c>
      <c r="E14050" s="6">
        <v>930.26490000000001</v>
      </c>
    </row>
    <row r="14051" spans="4:5" x14ac:dyDescent="0.25">
      <c r="D14051" s="6">
        <v>524.40200000000004</v>
      </c>
      <c r="E14051" s="6">
        <v>9932.7999999999993</v>
      </c>
    </row>
    <row r="14052" spans="4:5" x14ac:dyDescent="0.25">
      <c r="D14052" s="6">
        <v>705.62429999999995</v>
      </c>
      <c r="E14052" s="6">
        <v>720.86509999999998</v>
      </c>
    </row>
    <row r="14053" spans="4:5" x14ac:dyDescent="0.25">
      <c r="D14053" s="6">
        <v>560.85339999999997</v>
      </c>
      <c r="E14053" s="6">
        <v>6932.6229999999996</v>
      </c>
    </row>
    <row r="14054" spans="4:5" x14ac:dyDescent="0.25">
      <c r="D14054" s="6">
        <v>875</v>
      </c>
      <c r="E14054" s="6">
        <v>852.05589999999995</v>
      </c>
    </row>
    <row r="14055" spans="4:5" x14ac:dyDescent="0.25">
      <c r="D14055" s="6">
        <v>662.64599999999996</v>
      </c>
      <c r="E14055" s="6">
        <v>1118.499</v>
      </c>
    </row>
    <row r="14056" spans="4:5" x14ac:dyDescent="0.25">
      <c r="D14056" s="6">
        <v>595.61099999999999</v>
      </c>
      <c r="E14056" s="6">
        <v>765.4556</v>
      </c>
    </row>
    <row r="14057" spans="4:5" x14ac:dyDescent="0.25">
      <c r="D14057" s="6">
        <v>593.03880000000004</v>
      </c>
      <c r="E14057" s="6">
        <v>1952.575</v>
      </c>
    </row>
    <row r="14058" spans="4:5" x14ac:dyDescent="0.25">
      <c r="D14058" s="6">
        <v>2145</v>
      </c>
      <c r="E14058" s="6">
        <v>3802.0039999999999</v>
      </c>
    </row>
    <row r="14059" spans="4:5" x14ac:dyDescent="0.25">
      <c r="D14059" s="6">
        <v>638.76239999999996</v>
      </c>
      <c r="E14059" s="6">
        <v>834.77430000000004</v>
      </c>
    </row>
    <row r="14060" spans="4:5" x14ac:dyDescent="0.25">
      <c r="D14060" s="6">
        <v>1930.0509999999999</v>
      </c>
      <c r="E14060" s="6">
        <v>660.75379999999996</v>
      </c>
    </row>
    <row r="14061" spans="4:5" x14ac:dyDescent="0.25">
      <c r="D14061" s="6">
        <v>547.90840000000003</v>
      </c>
      <c r="E14061" s="6">
        <v>840.65530000000001</v>
      </c>
    </row>
    <row r="14062" spans="4:5" x14ac:dyDescent="0.25">
      <c r="D14062" s="6">
        <v>1320.7570000000001</v>
      </c>
      <c r="E14062" s="6">
        <v>672.21320000000003</v>
      </c>
    </row>
    <row r="14063" spans="4:5" x14ac:dyDescent="0.25">
      <c r="D14063" s="6">
        <v>608.04769999999996</v>
      </c>
      <c r="E14063" s="6">
        <v>958.29010000000005</v>
      </c>
    </row>
    <row r="14064" spans="4:5" x14ac:dyDescent="0.25">
      <c r="D14064" s="6">
        <v>503.9271</v>
      </c>
      <c r="E14064" s="6">
        <v>2242.0230000000001</v>
      </c>
    </row>
    <row r="14065" spans="4:5" x14ac:dyDescent="0.25">
      <c r="D14065" s="6">
        <v>506.46969999999999</v>
      </c>
      <c r="E14065" s="6">
        <v>2211.6329999999998</v>
      </c>
    </row>
    <row r="14066" spans="4:5" x14ac:dyDescent="0.25">
      <c r="D14066" s="6">
        <v>591.91549999999995</v>
      </c>
      <c r="E14066" s="6">
        <v>657.53959999999995</v>
      </c>
    </row>
    <row r="14067" spans="4:5" x14ac:dyDescent="0.25">
      <c r="D14067" s="6">
        <v>1134.04</v>
      </c>
      <c r="E14067" s="6">
        <v>6255.0110000000004</v>
      </c>
    </row>
    <row r="14068" spans="4:5" x14ac:dyDescent="0.25">
      <c r="D14068" s="6">
        <v>610.82759999999996</v>
      </c>
      <c r="E14068" s="6">
        <v>887.10220000000004</v>
      </c>
    </row>
    <row r="14069" spans="4:5" x14ac:dyDescent="0.25">
      <c r="D14069" s="6">
        <v>729.78480000000002</v>
      </c>
      <c r="E14069" s="6">
        <v>599.84619999999995</v>
      </c>
    </row>
    <row r="14070" spans="4:5" x14ac:dyDescent="0.25">
      <c r="D14070" s="6">
        <v>596.41959999999995</v>
      </c>
      <c r="E14070" s="6">
        <v>977.68939999999998</v>
      </c>
    </row>
    <row r="14071" spans="4:5" x14ac:dyDescent="0.25">
      <c r="D14071" s="6">
        <v>598.18119999999999</v>
      </c>
      <c r="E14071" s="6">
        <v>854.92330000000004</v>
      </c>
    </row>
    <row r="14072" spans="4:5" x14ac:dyDescent="0.25">
      <c r="D14072" s="6">
        <v>554.54819999999995</v>
      </c>
      <c r="E14072" s="6">
        <v>936.15229999999997</v>
      </c>
    </row>
    <row r="14073" spans="4:5" x14ac:dyDescent="0.25">
      <c r="D14073" s="6">
        <v>716.39890000000003</v>
      </c>
      <c r="E14073" s="6">
        <v>875.71680000000003</v>
      </c>
    </row>
    <row r="14074" spans="4:5" x14ac:dyDescent="0.25">
      <c r="D14074" s="6">
        <v>889.41750000000002</v>
      </c>
      <c r="E14074" s="6">
        <v>668.5489</v>
      </c>
    </row>
    <row r="14075" spans="4:5" x14ac:dyDescent="0.25">
      <c r="D14075" s="6">
        <v>594.01549999999997</v>
      </c>
      <c r="E14075" s="6">
        <v>953.55309999999997</v>
      </c>
    </row>
    <row r="14076" spans="4:5" x14ac:dyDescent="0.25">
      <c r="D14076" s="6">
        <v>504.63729999999998</v>
      </c>
      <c r="E14076" s="6">
        <v>1087.1410000000001</v>
      </c>
    </row>
    <row r="14077" spans="4:5" x14ac:dyDescent="0.25">
      <c r="D14077" s="6">
        <v>675</v>
      </c>
      <c r="E14077" s="6">
        <v>1634.799</v>
      </c>
    </row>
    <row r="14078" spans="4:5" x14ac:dyDescent="0.25">
      <c r="D14078" s="6">
        <v>480.88659999999999</v>
      </c>
      <c r="E14078" s="6">
        <v>837.48990000000003</v>
      </c>
    </row>
    <row r="14079" spans="4:5" x14ac:dyDescent="0.25">
      <c r="D14079" s="6">
        <v>637.12789999999995</v>
      </c>
      <c r="E14079" s="6">
        <v>861.10149999999999</v>
      </c>
    </row>
    <row r="14080" spans="4:5" x14ac:dyDescent="0.25">
      <c r="D14080" s="6">
        <v>4165.1229999999996</v>
      </c>
      <c r="E14080" s="6">
        <v>715.50189999999998</v>
      </c>
    </row>
    <row r="14081" spans="4:5" x14ac:dyDescent="0.25">
      <c r="D14081" s="6">
        <v>5095.8310000000001</v>
      </c>
      <c r="E14081" s="6">
        <v>855.30139999999994</v>
      </c>
    </row>
    <row r="14082" spans="4:5" x14ac:dyDescent="0.25">
      <c r="D14082" s="6">
        <v>602.90239999999994</v>
      </c>
      <c r="E14082" s="6">
        <v>744.26430000000005</v>
      </c>
    </row>
    <row r="14083" spans="4:5" x14ac:dyDescent="0.25">
      <c r="D14083" s="6">
        <v>652.43979999999999</v>
      </c>
      <c r="E14083" s="6">
        <v>2206.0709999999999</v>
      </c>
    </row>
    <row r="14084" spans="4:5" x14ac:dyDescent="0.25">
      <c r="D14084" s="6">
        <v>499.18430000000001</v>
      </c>
      <c r="E14084" s="6">
        <v>6585.0259999999998</v>
      </c>
    </row>
    <row r="14085" spans="4:5" x14ac:dyDescent="0.25">
      <c r="D14085" s="6">
        <v>630.31939999999997</v>
      </c>
      <c r="E14085" s="6">
        <v>7438.8990000000003</v>
      </c>
    </row>
    <row r="14086" spans="4:5" x14ac:dyDescent="0.25">
      <c r="D14086" s="6">
        <v>485.93459999999999</v>
      </c>
      <c r="E14086" s="6">
        <v>908.96810000000005</v>
      </c>
    </row>
    <row r="14087" spans="4:5" x14ac:dyDescent="0.25">
      <c r="D14087" s="6">
        <v>552.33209999999997</v>
      </c>
      <c r="E14087" s="6">
        <v>860.6001</v>
      </c>
    </row>
    <row r="14088" spans="4:5" x14ac:dyDescent="0.25">
      <c r="D14088" s="6">
        <v>5417.47</v>
      </c>
      <c r="E14088" s="6">
        <v>794.99149999999997</v>
      </c>
    </row>
    <row r="14089" spans="4:5" x14ac:dyDescent="0.25">
      <c r="D14089" s="6">
        <v>550</v>
      </c>
      <c r="E14089" s="6">
        <v>1039.4970000000001</v>
      </c>
    </row>
    <row r="14090" spans="4:5" x14ac:dyDescent="0.25">
      <c r="D14090" s="6">
        <v>522.40629999999999</v>
      </c>
      <c r="E14090" s="6">
        <v>1859.9179999999999</v>
      </c>
    </row>
    <row r="14091" spans="4:5" x14ac:dyDescent="0.25">
      <c r="D14091" s="6">
        <v>516.0412</v>
      </c>
      <c r="E14091" s="6">
        <v>863.33770000000004</v>
      </c>
    </row>
    <row r="14092" spans="4:5" x14ac:dyDescent="0.25">
      <c r="D14092" s="6">
        <v>741.87729999999999</v>
      </c>
      <c r="E14092" s="6">
        <v>8214.1299999999992</v>
      </c>
    </row>
    <row r="14093" spans="4:5" x14ac:dyDescent="0.25">
      <c r="D14093" s="6">
        <v>600.73810000000003</v>
      </c>
      <c r="E14093" s="6">
        <v>12596.83</v>
      </c>
    </row>
    <row r="14094" spans="4:5" x14ac:dyDescent="0.25">
      <c r="D14094" s="6">
        <v>618.00170000000003</v>
      </c>
      <c r="E14094" s="6">
        <v>775.85050000000001</v>
      </c>
    </row>
    <row r="14095" spans="4:5" x14ac:dyDescent="0.25">
      <c r="D14095" s="6">
        <v>635.63239999999996</v>
      </c>
      <c r="E14095" s="6">
        <v>882</v>
      </c>
    </row>
    <row r="14096" spans="4:5" x14ac:dyDescent="0.25">
      <c r="D14096" s="6">
        <v>597.43029999999999</v>
      </c>
      <c r="E14096" s="6">
        <v>851.32249999999999</v>
      </c>
    </row>
    <row r="14097" spans="4:5" x14ac:dyDescent="0.25">
      <c r="D14097" s="6">
        <v>596.33839999999998</v>
      </c>
      <c r="E14097" s="6">
        <v>1671.5260000000001</v>
      </c>
    </row>
    <row r="14098" spans="4:5" x14ac:dyDescent="0.25">
      <c r="D14098" s="6">
        <v>461.91219999999998</v>
      </c>
      <c r="E14098" s="6">
        <v>878.84950000000003</v>
      </c>
    </row>
    <row r="14099" spans="4:5" x14ac:dyDescent="0.25">
      <c r="D14099" s="6">
        <v>632.84640000000002</v>
      </c>
      <c r="E14099" s="6">
        <v>951.74789999999996</v>
      </c>
    </row>
    <row r="14100" spans="4:5" x14ac:dyDescent="0.25">
      <c r="D14100" s="6">
        <v>660.9</v>
      </c>
      <c r="E14100" s="6">
        <v>6365.1139999999996</v>
      </c>
    </row>
    <row r="14101" spans="4:5" x14ac:dyDescent="0.25">
      <c r="D14101" s="6">
        <v>740.82</v>
      </c>
      <c r="E14101" s="6">
        <v>785.10630000000003</v>
      </c>
    </row>
    <row r="14102" spans="4:5" x14ac:dyDescent="0.25">
      <c r="D14102" s="6">
        <v>628.16340000000002</v>
      </c>
      <c r="E14102" s="6">
        <v>1178.422</v>
      </c>
    </row>
    <row r="14103" spans="4:5" x14ac:dyDescent="0.25">
      <c r="D14103" s="6">
        <v>541.21529999999996</v>
      </c>
      <c r="E14103" s="6">
        <v>916.91309999999999</v>
      </c>
    </row>
    <row r="14104" spans="4:5" x14ac:dyDescent="0.25">
      <c r="D14104" s="6">
        <v>486.9126</v>
      </c>
      <c r="E14104" s="6">
        <v>634.2604</v>
      </c>
    </row>
    <row r="14105" spans="4:5" x14ac:dyDescent="0.25">
      <c r="D14105" s="6">
        <v>482.27350000000001</v>
      </c>
      <c r="E14105" s="6">
        <v>758.62070000000006</v>
      </c>
    </row>
    <row r="14106" spans="4:5" x14ac:dyDescent="0.25">
      <c r="D14106" s="6">
        <v>554.55529999999999</v>
      </c>
      <c r="E14106" s="6">
        <v>668.42330000000004</v>
      </c>
    </row>
    <row r="14107" spans="4:5" x14ac:dyDescent="0.25">
      <c r="D14107" s="6">
        <v>755.61019999999996</v>
      </c>
      <c r="E14107" s="6">
        <v>8758.5910000000003</v>
      </c>
    </row>
    <row r="14108" spans="4:5" x14ac:dyDescent="0.25">
      <c r="D14108" s="6">
        <v>628.68209999999999</v>
      </c>
      <c r="E14108" s="6">
        <v>906.58159999999998</v>
      </c>
    </row>
    <row r="14109" spans="4:5" x14ac:dyDescent="0.25">
      <c r="D14109" s="6">
        <v>483.8304</v>
      </c>
      <c r="E14109" s="6">
        <v>717.69190000000003</v>
      </c>
    </row>
    <row r="14110" spans="4:5" x14ac:dyDescent="0.25">
      <c r="D14110" s="6">
        <v>5945.9129999999996</v>
      </c>
      <c r="E14110" s="6">
        <v>649.43060000000003</v>
      </c>
    </row>
    <row r="14111" spans="4:5" x14ac:dyDescent="0.25">
      <c r="D14111" s="6">
        <v>619.22289999999998</v>
      </c>
      <c r="E14111" s="6">
        <v>1298.4369999999999</v>
      </c>
    </row>
    <row r="14112" spans="4:5" x14ac:dyDescent="0.25">
      <c r="D14112" s="6">
        <v>607.00049999999999</v>
      </c>
      <c r="E14112" s="6">
        <v>1450.11</v>
      </c>
    </row>
    <row r="14113" spans="4:5" x14ac:dyDescent="0.25">
      <c r="D14113" s="6">
        <v>803.84180000000003</v>
      </c>
      <c r="E14113" s="6">
        <v>821.52620000000002</v>
      </c>
    </row>
    <row r="14114" spans="4:5" x14ac:dyDescent="0.25">
      <c r="D14114" s="6">
        <v>468</v>
      </c>
      <c r="E14114" s="6">
        <v>944.12419999999997</v>
      </c>
    </row>
    <row r="14115" spans="4:5" x14ac:dyDescent="0.25">
      <c r="D14115" s="6">
        <v>547.65150000000006</v>
      </c>
      <c r="E14115" s="6">
        <v>5149.9589999999998</v>
      </c>
    </row>
    <row r="14116" spans="4:5" x14ac:dyDescent="0.25">
      <c r="D14116" s="6">
        <v>647.26110000000006</v>
      </c>
      <c r="E14116" s="6">
        <v>733.30730000000005</v>
      </c>
    </row>
    <row r="14117" spans="4:5" x14ac:dyDescent="0.25">
      <c r="D14117" s="6">
        <v>539.22339999999997</v>
      </c>
      <c r="E14117" s="6">
        <v>7055.9309999999996</v>
      </c>
    </row>
    <row r="14118" spans="4:5" x14ac:dyDescent="0.25">
      <c r="D14118" s="6">
        <v>513.87149999999997</v>
      </c>
      <c r="E14118" s="6">
        <v>1000.73</v>
      </c>
    </row>
    <row r="14119" spans="4:5" x14ac:dyDescent="0.25">
      <c r="D14119" s="6">
        <v>602.91869999999994</v>
      </c>
      <c r="E14119" s="6">
        <v>981.66369999999995</v>
      </c>
    </row>
    <row r="14120" spans="4:5" x14ac:dyDescent="0.25">
      <c r="D14120" s="6">
        <v>513.53570000000002</v>
      </c>
      <c r="E14120" s="6">
        <v>1212.825</v>
      </c>
    </row>
    <row r="14121" spans="4:5" x14ac:dyDescent="0.25">
      <c r="D14121" s="6">
        <v>774</v>
      </c>
      <c r="E14121" s="6">
        <v>983.33320000000003</v>
      </c>
    </row>
    <row r="14122" spans="4:5" x14ac:dyDescent="0.25">
      <c r="D14122" s="6">
        <v>1156</v>
      </c>
      <c r="E14122" s="6">
        <v>6465.2830000000004</v>
      </c>
    </row>
    <row r="14123" spans="4:5" x14ac:dyDescent="0.25">
      <c r="D14123" s="6">
        <v>815.61760000000004</v>
      </c>
      <c r="E14123" s="6">
        <v>1035.23</v>
      </c>
    </row>
    <row r="14124" spans="4:5" x14ac:dyDescent="0.25">
      <c r="D14124" s="6">
        <v>713.90959999999995</v>
      </c>
      <c r="E14124" s="6">
        <v>7241.1009999999997</v>
      </c>
    </row>
    <row r="14125" spans="4:5" x14ac:dyDescent="0.25">
      <c r="D14125" s="6">
        <v>570.72450000000003</v>
      </c>
      <c r="E14125" s="6">
        <v>8375.7720000000008</v>
      </c>
    </row>
    <row r="14126" spans="4:5" x14ac:dyDescent="0.25">
      <c r="D14126" s="6">
        <v>5247.5330000000004</v>
      </c>
      <c r="E14126" s="6">
        <v>907.76840000000004</v>
      </c>
    </row>
    <row r="14127" spans="4:5" x14ac:dyDescent="0.25">
      <c r="D14127" s="6">
        <v>590.87180000000001</v>
      </c>
      <c r="E14127" s="6">
        <v>1256.8399999999999</v>
      </c>
    </row>
    <row r="14128" spans="4:5" x14ac:dyDescent="0.25">
      <c r="D14128" s="6">
        <v>1384.914</v>
      </c>
      <c r="E14128" s="6">
        <v>1974.652</v>
      </c>
    </row>
    <row r="14129" spans="4:5" x14ac:dyDescent="0.25">
      <c r="D14129" s="6">
        <v>1108.2840000000001</v>
      </c>
      <c r="E14129" s="6">
        <v>733.16880000000003</v>
      </c>
    </row>
    <row r="14130" spans="4:5" x14ac:dyDescent="0.25">
      <c r="D14130" s="6">
        <v>551.26070000000004</v>
      </c>
      <c r="E14130" s="6">
        <v>1188.5039999999999</v>
      </c>
    </row>
    <row r="14131" spans="4:5" x14ac:dyDescent="0.25">
      <c r="D14131" s="6">
        <v>951.09490000000005</v>
      </c>
      <c r="E14131" s="6">
        <v>718.97249999999997</v>
      </c>
    </row>
    <row r="14132" spans="4:5" x14ac:dyDescent="0.25">
      <c r="D14132" s="6">
        <v>688.16669999999999</v>
      </c>
      <c r="E14132" s="6">
        <v>524.0444</v>
      </c>
    </row>
    <row r="14133" spans="4:5" x14ac:dyDescent="0.25">
      <c r="D14133" s="6">
        <v>501.02600000000001</v>
      </c>
      <c r="E14133" s="6">
        <v>8351.8459999999995</v>
      </c>
    </row>
    <row r="14134" spans="4:5" x14ac:dyDescent="0.25">
      <c r="D14134" s="6">
        <v>539.54369999999994</v>
      </c>
      <c r="E14134" s="6">
        <v>851.05</v>
      </c>
    </row>
    <row r="14135" spans="4:5" x14ac:dyDescent="0.25">
      <c r="D14135" s="6">
        <v>605.048</v>
      </c>
      <c r="E14135" s="6">
        <v>7547.2359999999999</v>
      </c>
    </row>
    <row r="14136" spans="4:5" x14ac:dyDescent="0.25">
      <c r="D14136" s="6">
        <v>813.08150000000001</v>
      </c>
      <c r="E14136" s="6">
        <v>687.70180000000005</v>
      </c>
    </row>
    <row r="14137" spans="4:5" x14ac:dyDescent="0.25">
      <c r="D14137" s="6">
        <v>671.13480000000004</v>
      </c>
      <c r="E14137" s="6">
        <v>996.22469999999998</v>
      </c>
    </row>
    <row r="14138" spans="4:5" x14ac:dyDescent="0.25">
      <c r="D14138" s="6">
        <v>6522.9539999999997</v>
      </c>
      <c r="E14138" s="6">
        <v>717</v>
      </c>
    </row>
    <row r="14139" spans="4:5" x14ac:dyDescent="0.25">
      <c r="D14139" s="6">
        <v>620.0299</v>
      </c>
      <c r="E14139" s="6">
        <v>687.33460000000002</v>
      </c>
    </row>
    <row r="14140" spans="4:5" x14ac:dyDescent="0.25">
      <c r="D14140" s="6">
        <v>6564.0190000000002</v>
      </c>
      <c r="E14140" s="6">
        <v>6861.2740000000003</v>
      </c>
    </row>
    <row r="14141" spans="4:5" x14ac:dyDescent="0.25">
      <c r="D14141" s="6">
        <v>1318.432</v>
      </c>
      <c r="E14141" s="6">
        <v>985.23159999999996</v>
      </c>
    </row>
    <row r="14142" spans="4:5" x14ac:dyDescent="0.25">
      <c r="D14142" s="6">
        <v>566.00710000000004</v>
      </c>
      <c r="E14142" s="6">
        <v>1768.2159999999999</v>
      </c>
    </row>
    <row r="14143" spans="4:5" x14ac:dyDescent="0.25">
      <c r="D14143" s="6">
        <v>1161.5</v>
      </c>
      <c r="E14143" s="6">
        <v>4547.9440000000004</v>
      </c>
    </row>
    <row r="14144" spans="4:5" x14ac:dyDescent="0.25">
      <c r="D14144" s="6">
        <v>484.72309999999999</v>
      </c>
      <c r="E14144" s="6">
        <v>5549.8509999999997</v>
      </c>
    </row>
    <row r="14145" spans="4:5" x14ac:dyDescent="0.25">
      <c r="D14145" s="6">
        <v>715.09339999999997</v>
      </c>
      <c r="E14145" s="6">
        <v>7401.9</v>
      </c>
    </row>
    <row r="14146" spans="4:5" x14ac:dyDescent="0.25">
      <c r="D14146" s="6">
        <v>597.5</v>
      </c>
      <c r="E14146" s="6">
        <v>694.43439999999998</v>
      </c>
    </row>
    <row r="14147" spans="4:5" x14ac:dyDescent="0.25">
      <c r="D14147" s="6">
        <v>530.32989999999995</v>
      </c>
      <c r="E14147" s="6">
        <v>1907.4480000000001</v>
      </c>
    </row>
    <row r="14148" spans="4:5" x14ac:dyDescent="0.25">
      <c r="D14148" s="6">
        <v>543.52089999999998</v>
      </c>
      <c r="E14148" s="6">
        <v>943.40239999999994</v>
      </c>
    </row>
    <row r="14149" spans="4:5" x14ac:dyDescent="0.25">
      <c r="D14149" s="6">
        <v>532.85720000000003</v>
      </c>
      <c r="E14149" s="6">
        <v>579.41560000000004</v>
      </c>
    </row>
    <row r="14150" spans="4:5" x14ac:dyDescent="0.25">
      <c r="D14150" s="6">
        <v>437.46350000000001</v>
      </c>
      <c r="E14150" s="6">
        <v>674.99959999999999</v>
      </c>
    </row>
    <row r="14151" spans="4:5" x14ac:dyDescent="0.25">
      <c r="D14151" s="6">
        <v>585.40219999999999</v>
      </c>
      <c r="E14151" s="6">
        <v>786.70989999999995</v>
      </c>
    </row>
    <row r="14152" spans="4:5" x14ac:dyDescent="0.25">
      <c r="D14152" s="6">
        <v>833.84130000000005</v>
      </c>
      <c r="E14152" s="6">
        <v>861.79780000000005</v>
      </c>
    </row>
    <row r="14153" spans="4:5" x14ac:dyDescent="0.25">
      <c r="D14153" s="6">
        <v>610.08749999999998</v>
      </c>
      <c r="E14153" s="6">
        <v>796.62609999999995</v>
      </c>
    </row>
    <row r="14154" spans="4:5" x14ac:dyDescent="0.25">
      <c r="D14154" s="6">
        <v>526.44439999999997</v>
      </c>
      <c r="E14154" s="6">
        <v>4820.4260000000004</v>
      </c>
    </row>
    <row r="14155" spans="4:5" x14ac:dyDescent="0.25">
      <c r="D14155" s="6">
        <v>2644</v>
      </c>
      <c r="E14155" s="6">
        <v>3353.9360000000001</v>
      </c>
    </row>
    <row r="14156" spans="4:5" x14ac:dyDescent="0.25">
      <c r="D14156" s="6">
        <v>4491.625</v>
      </c>
      <c r="E14156" s="6">
        <v>789.42340000000002</v>
      </c>
    </row>
    <row r="14157" spans="4:5" x14ac:dyDescent="0.25">
      <c r="D14157" s="6">
        <v>1143.5989999999999</v>
      </c>
      <c r="E14157" s="6">
        <v>2909.7420000000002</v>
      </c>
    </row>
    <row r="14158" spans="4:5" x14ac:dyDescent="0.25">
      <c r="D14158" s="6">
        <v>1499.278</v>
      </c>
      <c r="E14158" s="6">
        <v>721.6694</v>
      </c>
    </row>
    <row r="14159" spans="4:5" x14ac:dyDescent="0.25">
      <c r="D14159" s="6">
        <v>591.24390000000005</v>
      </c>
      <c r="E14159" s="6">
        <v>7161.598</v>
      </c>
    </row>
    <row r="14160" spans="4:5" x14ac:dyDescent="0.25">
      <c r="D14160" s="6">
        <v>855.40030000000002</v>
      </c>
      <c r="E14160" s="6">
        <v>704.29330000000004</v>
      </c>
    </row>
    <row r="14161" spans="4:5" x14ac:dyDescent="0.25">
      <c r="D14161" s="6">
        <v>540.27430000000004</v>
      </c>
      <c r="E14161" s="6">
        <v>431.36360000000002</v>
      </c>
    </row>
    <row r="14162" spans="4:5" x14ac:dyDescent="0.25">
      <c r="D14162" s="6">
        <v>4746.7619999999997</v>
      </c>
      <c r="E14162" s="6">
        <v>1120.2950000000001</v>
      </c>
    </row>
    <row r="14163" spans="4:5" x14ac:dyDescent="0.25">
      <c r="D14163" s="6">
        <v>638.63120000000004</v>
      </c>
      <c r="E14163" s="6">
        <v>2221.8670000000002</v>
      </c>
    </row>
    <row r="14164" spans="4:5" x14ac:dyDescent="0.25">
      <c r="D14164" s="6">
        <v>511.1</v>
      </c>
      <c r="E14164" s="6">
        <v>8957.8269999999993</v>
      </c>
    </row>
    <row r="14165" spans="4:5" x14ac:dyDescent="0.25">
      <c r="D14165" s="6">
        <v>778.24839999999995</v>
      </c>
      <c r="E14165" s="6">
        <v>1272.846</v>
      </c>
    </row>
    <row r="14166" spans="4:5" x14ac:dyDescent="0.25">
      <c r="D14166" s="6">
        <v>517.88760000000002</v>
      </c>
      <c r="E14166" s="6">
        <v>871.55250000000001</v>
      </c>
    </row>
    <row r="14167" spans="4:5" x14ac:dyDescent="0.25">
      <c r="D14167" s="6">
        <v>599.09090000000003</v>
      </c>
      <c r="E14167" s="6">
        <v>818.68449999999996</v>
      </c>
    </row>
    <row r="14168" spans="4:5" x14ac:dyDescent="0.25">
      <c r="D14168" s="6">
        <v>5414.7740000000003</v>
      </c>
      <c r="E14168" s="6">
        <v>6480.5420000000004</v>
      </c>
    </row>
    <row r="14169" spans="4:5" x14ac:dyDescent="0.25">
      <c r="D14169" s="6">
        <v>417.5444</v>
      </c>
      <c r="E14169" s="6">
        <v>634.87469999999996</v>
      </c>
    </row>
    <row r="14170" spans="4:5" x14ac:dyDescent="0.25">
      <c r="D14170" s="6">
        <v>488.48360000000002</v>
      </c>
      <c r="E14170" s="6">
        <v>4822.2470000000003</v>
      </c>
    </row>
    <row r="14171" spans="4:5" x14ac:dyDescent="0.25">
      <c r="D14171" s="6">
        <v>649.70280000000002</v>
      </c>
      <c r="E14171" s="6">
        <v>660.97810000000004</v>
      </c>
    </row>
    <row r="14172" spans="4:5" x14ac:dyDescent="0.25">
      <c r="D14172" s="6">
        <v>6194.6450000000004</v>
      </c>
      <c r="E14172" s="6">
        <v>963.66010000000006</v>
      </c>
    </row>
    <row r="14173" spans="4:5" x14ac:dyDescent="0.25">
      <c r="D14173" s="6">
        <v>631.19970000000001</v>
      </c>
      <c r="E14173" s="6">
        <v>4251.1260000000002</v>
      </c>
    </row>
    <row r="14174" spans="4:5" x14ac:dyDescent="0.25">
      <c r="D14174" s="6">
        <v>534.51009999999997</v>
      </c>
      <c r="E14174" s="6">
        <v>795.11329999999998</v>
      </c>
    </row>
    <row r="14175" spans="4:5" x14ac:dyDescent="0.25">
      <c r="D14175" s="6">
        <v>632.49760000000003</v>
      </c>
      <c r="E14175" s="6">
        <v>754.46519999999998</v>
      </c>
    </row>
    <row r="14176" spans="4:5" x14ac:dyDescent="0.25">
      <c r="D14176" s="6">
        <v>684.5</v>
      </c>
      <c r="E14176" s="6">
        <v>8825.9840000000004</v>
      </c>
    </row>
    <row r="14177" spans="4:5" x14ac:dyDescent="0.25">
      <c r="D14177" s="6">
        <v>617.74210000000005</v>
      </c>
      <c r="E14177" s="6">
        <v>1615.655</v>
      </c>
    </row>
    <row r="14178" spans="4:5" x14ac:dyDescent="0.25">
      <c r="D14178" s="6">
        <v>5691.3</v>
      </c>
      <c r="E14178" s="6">
        <v>1058.0840000000001</v>
      </c>
    </row>
    <row r="14179" spans="4:5" x14ac:dyDescent="0.25">
      <c r="D14179" s="6">
        <v>579.98230000000001</v>
      </c>
      <c r="E14179" s="6">
        <v>4689.3999999999996</v>
      </c>
    </row>
    <row r="14180" spans="4:5" x14ac:dyDescent="0.25">
      <c r="D14180" s="6">
        <v>483.178</v>
      </c>
      <c r="E14180" s="6">
        <v>4377.7830000000004</v>
      </c>
    </row>
    <row r="14181" spans="4:5" x14ac:dyDescent="0.25">
      <c r="D14181" s="6">
        <v>1798.569</v>
      </c>
      <c r="E14181" s="6">
        <v>7513.5280000000002</v>
      </c>
    </row>
    <row r="14182" spans="4:5" x14ac:dyDescent="0.25">
      <c r="D14182" s="6">
        <v>763.70510000000002</v>
      </c>
      <c r="E14182" s="6">
        <v>804.03949999999998</v>
      </c>
    </row>
    <row r="14183" spans="4:5" x14ac:dyDescent="0.25">
      <c r="D14183" s="6">
        <v>751.2586</v>
      </c>
      <c r="E14183" s="6">
        <v>4946.0590000000002</v>
      </c>
    </row>
    <row r="14184" spans="4:5" x14ac:dyDescent="0.25">
      <c r="D14184" s="6">
        <v>563.54880000000003</v>
      </c>
      <c r="E14184" s="6">
        <v>693.24659999999994</v>
      </c>
    </row>
    <row r="14185" spans="4:5" x14ac:dyDescent="0.25">
      <c r="D14185" s="6">
        <v>542.93550000000005</v>
      </c>
      <c r="E14185" s="6">
        <v>759.11980000000005</v>
      </c>
    </row>
    <row r="14186" spans="4:5" x14ac:dyDescent="0.25">
      <c r="D14186" s="6">
        <v>770.6105</v>
      </c>
      <c r="E14186" s="6">
        <v>866.04859999999996</v>
      </c>
    </row>
    <row r="14187" spans="4:5" x14ac:dyDescent="0.25">
      <c r="D14187" s="6">
        <v>750.95529999999997</v>
      </c>
      <c r="E14187" s="6">
        <v>502.4436</v>
      </c>
    </row>
    <row r="14188" spans="4:5" x14ac:dyDescent="0.25">
      <c r="D14188" s="6">
        <v>593.30859999999996</v>
      </c>
      <c r="E14188" s="6">
        <v>7404.174</v>
      </c>
    </row>
    <row r="14189" spans="4:5" x14ac:dyDescent="0.25">
      <c r="D14189" s="6">
        <v>912.03309999999999</v>
      </c>
      <c r="E14189" s="6">
        <v>944.43849999999998</v>
      </c>
    </row>
    <row r="14190" spans="4:5" x14ac:dyDescent="0.25">
      <c r="D14190" s="6">
        <v>484.85090000000002</v>
      </c>
      <c r="E14190" s="6">
        <v>886.15290000000005</v>
      </c>
    </row>
    <row r="14191" spans="4:5" x14ac:dyDescent="0.25">
      <c r="D14191" s="6">
        <v>1921.7619999999999</v>
      </c>
      <c r="E14191" s="6">
        <v>725.61929999999995</v>
      </c>
    </row>
    <row r="14192" spans="4:5" x14ac:dyDescent="0.25">
      <c r="D14192" s="6">
        <v>1078.4269999999999</v>
      </c>
      <c r="E14192" s="6">
        <v>6786.4390000000003</v>
      </c>
    </row>
    <row r="14193" spans="4:5" x14ac:dyDescent="0.25">
      <c r="D14193" s="6">
        <v>525.93690000000004</v>
      </c>
      <c r="E14193" s="6">
        <v>1738.6479999999999</v>
      </c>
    </row>
    <row r="14194" spans="4:5" x14ac:dyDescent="0.25">
      <c r="D14194" s="6">
        <v>876</v>
      </c>
      <c r="E14194" s="6">
        <v>923.38340000000005</v>
      </c>
    </row>
    <row r="14195" spans="4:5" x14ac:dyDescent="0.25">
      <c r="D14195" s="6">
        <v>1707.748</v>
      </c>
      <c r="E14195" s="6">
        <v>683.04259999999999</v>
      </c>
    </row>
    <row r="14196" spans="4:5" x14ac:dyDescent="0.25">
      <c r="D14196" s="6">
        <v>440.79059999999998</v>
      </c>
      <c r="E14196" s="6">
        <v>6895.2269999999999</v>
      </c>
    </row>
    <row r="14197" spans="4:5" x14ac:dyDescent="0.25">
      <c r="D14197" s="6">
        <v>13256</v>
      </c>
      <c r="E14197" s="6">
        <v>4565.741</v>
      </c>
    </row>
    <row r="14198" spans="4:5" x14ac:dyDescent="0.25">
      <c r="D14198" s="6">
        <v>566</v>
      </c>
      <c r="E14198" s="6">
        <v>824.87040000000002</v>
      </c>
    </row>
    <row r="14199" spans="4:5" x14ac:dyDescent="0.25">
      <c r="D14199" s="6">
        <v>581.12220000000002</v>
      </c>
      <c r="E14199" s="6">
        <v>4521.5129999999999</v>
      </c>
    </row>
    <row r="14200" spans="4:5" x14ac:dyDescent="0.25">
      <c r="D14200" s="6">
        <v>444.25689999999997</v>
      </c>
      <c r="E14200" s="6">
        <v>854.54420000000005</v>
      </c>
    </row>
    <row r="14201" spans="4:5" x14ac:dyDescent="0.25">
      <c r="D14201" s="6">
        <v>653.03920000000005</v>
      </c>
      <c r="E14201" s="6">
        <v>762.64200000000005</v>
      </c>
    </row>
    <row r="14202" spans="4:5" x14ac:dyDescent="0.25">
      <c r="D14202" s="6">
        <v>538.87660000000005</v>
      </c>
      <c r="E14202" s="6">
        <v>6282.0190000000002</v>
      </c>
    </row>
    <row r="14203" spans="4:5" x14ac:dyDescent="0.25">
      <c r="D14203" s="6">
        <v>722.23180000000002</v>
      </c>
      <c r="E14203" s="6">
        <v>1005.904</v>
      </c>
    </row>
    <row r="14204" spans="4:5" x14ac:dyDescent="0.25">
      <c r="D14204" s="6">
        <v>1068.9960000000001</v>
      </c>
      <c r="E14204" s="6">
        <v>5510.384</v>
      </c>
    </row>
    <row r="14205" spans="4:5" x14ac:dyDescent="0.25">
      <c r="D14205" s="6">
        <v>594.15530000000001</v>
      </c>
      <c r="E14205" s="6">
        <v>1163.749</v>
      </c>
    </row>
    <row r="14206" spans="4:5" x14ac:dyDescent="0.25">
      <c r="D14206" s="6">
        <v>595.16830000000004</v>
      </c>
      <c r="E14206" s="6">
        <v>1387.8720000000001</v>
      </c>
    </row>
    <row r="14207" spans="4:5" x14ac:dyDescent="0.25">
      <c r="D14207" s="6">
        <v>922.25289999999995</v>
      </c>
      <c r="E14207" s="6">
        <v>7668.0559999999996</v>
      </c>
    </row>
    <row r="14208" spans="4:5" x14ac:dyDescent="0.25">
      <c r="D14208" s="6">
        <v>532.47680000000003</v>
      </c>
      <c r="E14208" s="6">
        <v>609.3175</v>
      </c>
    </row>
    <row r="14209" spans="4:5" x14ac:dyDescent="0.25">
      <c r="D14209" s="6">
        <v>1795</v>
      </c>
      <c r="E14209" s="6">
        <v>986.35500000000002</v>
      </c>
    </row>
    <row r="14210" spans="4:5" x14ac:dyDescent="0.25">
      <c r="D14210" s="6">
        <v>633.8143</v>
      </c>
      <c r="E14210" s="6">
        <v>733.76250000000005</v>
      </c>
    </row>
    <row r="14211" spans="4:5" x14ac:dyDescent="0.25">
      <c r="D14211" s="6">
        <v>652.99450000000002</v>
      </c>
      <c r="E14211" s="6">
        <v>1834.5419999999999</v>
      </c>
    </row>
    <row r="14212" spans="4:5" x14ac:dyDescent="0.25">
      <c r="D14212" s="6">
        <v>843.375</v>
      </c>
      <c r="E14212" s="6">
        <v>4814.3879999999999</v>
      </c>
    </row>
    <row r="14213" spans="4:5" x14ac:dyDescent="0.25">
      <c r="D14213" s="6">
        <v>613.06989999999996</v>
      </c>
      <c r="E14213" s="6">
        <v>605.5</v>
      </c>
    </row>
    <row r="14214" spans="4:5" x14ac:dyDescent="0.25">
      <c r="D14214" s="6">
        <v>393.27100000000002</v>
      </c>
      <c r="E14214" s="6">
        <v>805.16420000000005</v>
      </c>
    </row>
    <row r="14215" spans="4:5" x14ac:dyDescent="0.25">
      <c r="D14215" s="6">
        <v>413.59949999999998</v>
      </c>
      <c r="E14215" s="6">
        <v>598.51099999999997</v>
      </c>
    </row>
    <row r="14216" spans="4:5" x14ac:dyDescent="0.25">
      <c r="D14216" s="6">
        <v>596.4</v>
      </c>
      <c r="E14216" s="6">
        <v>863.65229999999997</v>
      </c>
    </row>
    <row r="14217" spans="4:5" x14ac:dyDescent="0.25">
      <c r="D14217" s="6">
        <v>818.48760000000004</v>
      </c>
      <c r="E14217" s="6">
        <v>959.78639999999996</v>
      </c>
    </row>
    <row r="14218" spans="4:5" x14ac:dyDescent="0.25">
      <c r="D14218" s="6">
        <v>514.95799999999997</v>
      </c>
      <c r="E14218" s="6">
        <v>703.72239999999999</v>
      </c>
    </row>
    <row r="14219" spans="4:5" x14ac:dyDescent="0.25">
      <c r="D14219" s="6">
        <v>916.0915</v>
      </c>
      <c r="E14219" s="6">
        <v>806.43759999999997</v>
      </c>
    </row>
    <row r="14220" spans="4:5" x14ac:dyDescent="0.25">
      <c r="D14220" s="6">
        <v>815.38919999999996</v>
      </c>
      <c r="E14220" s="6">
        <v>601.00599999999997</v>
      </c>
    </row>
    <row r="14221" spans="4:5" x14ac:dyDescent="0.25">
      <c r="D14221" s="6">
        <v>656.72159999999997</v>
      </c>
      <c r="E14221" s="6">
        <v>2178.9549999999999</v>
      </c>
    </row>
    <row r="14222" spans="4:5" x14ac:dyDescent="0.25">
      <c r="D14222" s="6">
        <v>8003</v>
      </c>
      <c r="E14222" s="6">
        <v>624.21220000000005</v>
      </c>
    </row>
    <row r="14223" spans="4:5" x14ac:dyDescent="0.25">
      <c r="D14223" s="6">
        <v>3157.75</v>
      </c>
      <c r="E14223" s="6">
        <v>698.93330000000003</v>
      </c>
    </row>
    <row r="14224" spans="4:5" x14ac:dyDescent="0.25">
      <c r="D14224" s="6">
        <v>607.58680000000004</v>
      </c>
      <c r="E14224" s="6">
        <v>7362.277</v>
      </c>
    </row>
    <row r="14225" spans="4:5" x14ac:dyDescent="0.25">
      <c r="D14225" s="6">
        <v>597.35879999999997</v>
      </c>
      <c r="E14225" s="6">
        <v>862.45259999999996</v>
      </c>
    </row>
    <row r="14226" spans="4:5" x14ac:dyDescent="0.25">
      <c r="D14226" s="6">
        <v>529.4</v>
      </c>
      <c r="E14226" s="6">
        <v>6771.1570000000002</v>
      </c>
    </row>
    <row r="14227" spans="4:5" x14ac:dyDescent="0.25">
      <c r="D14227" s="6">
        <v>500.32690000000002</v>
      </c>
      <c r="E14227" s="6">
        <v>1303.9380000000001</v>
      </c>
    </row>
    <row r="14228" spans="4:5" x14ac:dyDescent="0.25">
      <c r="D14228" s="6">
        <v>509.73559999999998</v>
      </c>
      <c r="E14228" s="6">
        <v>715.02639999999997</v>
      </c>
    </row>
    <row r="14229" spans="4:5" x14ac:dyDescent="0.25">
      <c r="D14229" s="6">
        <v>519.46190000000001</v>
      </c>
      <c r="E14229" s="6">
        <v>810.96349999999995</v>
      </c>
    </row>
    <row r="14230" spans="4:5" x14ac:dyDescent="0.25">
      <c r="D14230" s="6">
        <v>8489.9760000000006</v>
      </c>
      <c r="E14230" s="6">
        <v>909.39049999999997</v>
      </c>
    </row>
    <row r="14231" spans="4:5" x14ac:dyDescent="0.25">
      <c r="D14231" s="6">
        <v>921</v>
      </c>
      <c r="E14231" s="6">
        <v>1023.264</v>
      </c>
    </row>
    <row r="14232" spans="4:5" x14ac:dyDescent="0.25">
      <c r="D14232" s="6">
        <v>528.53319999999997</v>
      </c>
      <c r="E14232" s="6">
        <v>1036.902</v>
      </c>
    </row>
    <row r="14233" spans="4:5" x14ac:dyDescent="0.25">
      <c r="D14233" s="6">
        <v>589.85940000000005</v>
      </c>
      <c r="E14233" s="6">
        <v>8090.8860000000004</v>
      </c>
    </row>
    <row r="14234" spans="4:5" x14ac:dyDescent="0.25">
      <c r="D14234" s="6">
        <v>507.02100000000002</v>
      </c>
      <c r="E14234" s="6">
        <v>1560.627</v>
      </c>
    </row>
    <row r="14235" spans="4:5" x14ac:dyDescent="0.25">
      <c r="D14235" s="6">
        <v>3612.538</v>
      </c>
      <c r="E14235" s="6">
        <v>872.30460000000005</v>
      </c>
    </row>
    <row r="14236" spans="4:5" x14ac:dyDescent="0.25">
      <c r="D14236" s="6">
        <v>732.84249999999997</v>
      </c>
      <c r="E14236" s="6">
        <v>8384.1970000000001</v>
      </c>
    </row>
    <row r="14237" spans="4:5" x14ac:dyDescent="0.25">
      <c r="D14237" s="6">
        <v>649.55619999999999</v>
      </c>
      <c r="E14237" s="6">
        <v>1067.8779999999999</v>
      </c>
    </row>
    <row r="14238" spans="4:5" x14ac:dyDescent="0.25">
      <c r="D14238" s="6">
        <v>663.54960000000005</v>
      </c>
      <c r="E14238" s="6">
        <v>595.27110000000005</v>
      </c>
    </row>
    <row r="14239" spans="4:5" x14ac:dyDescent="0.25">
      <c r="D14239" s="6">
        <v>693.5684</v>
      </c>
      <c r="E14239" s="6">
        <v>806.8501</v>
      </c>
    </row>
    <row r="14240" spans="4:5" x14ac:dyDescent="0.25">
      <c r="D14240" s="6">
        <v>658.16750000000002</v>
      </c>
      <c r="E14240" s="6">
        <v>909.726</v>
      </c>
    </row>
    <row r="14241" spans="4:5" x14ac:dyDescent="0.25">
      <c r="D14241" s="6">
        <v>713.13919999999996</v>
      </c>
      <c r="E14241" s="6">
        <v>706.66639999999995</v>
      </c>
    </row>
    <row r="14242" spans="4:5" x14ac:dyDescent="0.25">
      <c r="D14242" s="6">
        <v>507.63409999999999</v>
      </c>
      <c r="E14242" s="6">
        <v>1086.4780000000001</v>
      </c>
    </row>
    <row r="14243" spans="4:5" x14ac:dyDescent="0.25">
      <c r="D14243" s="6">
        <v>718.94470000000001</v>
      </c>
      <c r="E14243" s="6">
        <v>538.81449999999995</v>
      </c>
    </row>
    <row r="14244" spans="4:5" x14ac:dyDescent="0.25">
      <c r="D14244" s="6">
        <v>577.04610000000002</v>
      </c>
      <c r="E14244" s="6">
        <v>823.80219999999997</v>
      </c>
    </row>
    <row r="14245" spans="4:5" x14ac:dyDescent="0.25">
      <c r="D14245" s="6">
        <v>428.15469999999999</v>
      </c>
      <c r="E14245" s="6">
        <v>7199.3770000000004</v>
      </c>
    </row>
    <row r="14246" spans="4:5" x14ac:dyDescent="0.25">
      <c r="D14246" s="6">
        <v>593.26570000000004</v>
      </c>
      <c r="E14246" s="6">
        <v>6580.7690000000002</v>
      </c>
    </row>
    <row r="14247" spans="4:5" x14ac:dyDescent="0.25">
      <c r="D14247" s="6">
        <v>620.14909999999998</v>
      </c>
      <c r="E14247" s="6">
        <v>752.32560000000001</v>
      </c>
    </row>
    <row r="14248" spans="4:5" x14ac:dyDescent="0.25">
      <c r="D14248" s="6">
        <v>808.3519</v>
      </c>
      <c r="E14248" s="6">
        <v>814.65809999999999</v>
      </c>
    </row>
    <row r="14249" spans="4:5" x14ac:dyDescent="0.25">
      <c r="D14249" s="6">
        <v>723.78110000000004</v>
      </c>
      <c r="E14249" s="6">
        <v>579.94159999999999</v>
      </c>
    </row>
    <row r="14250" spans="4:5" x14ac:dyDescent="0.25">
      <c r="D14250" s="6">
        <v>5962.8280000000004</v>
      </c>
      <c r="E14250" s="6">
        <v>869.41830000000004</v>
      </c>
    </row>
    <row r="14251" spans="4:5" x14ac:dyDescent="0.25">
      <c r="D14251" s="6">
        <v>1777.8309999999999</v>
      </c>
      <c r="E14251" s="6">
        <v>7374.3909999999996</v>
      </c>
    </row>
    <row r="14252" spans="4:5" x14ac:dyDescent="0.25">
      <c r="D14252" s="6">
        <v>10836</v>
      </c>
      <c r="E14252" s="6">
        <v>861.05029999999999</v>
      </c>
    </row>
    <row r="14253" spans="4:5" x14ac:dyDescent="0.25">
      <c r="D14253" s="6">
        <v>581.20039999999995</v>
      </c>
      <c r="E14253" s="6">
        <v>8024.1729999999998</v>
      </c>
    </row>
    <row r="14254" spans="4:5" x14ac:dyDescent="0.25">
      <c r="D14254" s="6">
        <v>1143.8219999999999</v>
      </c>
      <c r="E14254" s="6">
        <v>811.53340000000003</v>
      </c>
    </row>
    <row r="14255" spans="4:5" x14ac:dyDescent="0.25">
      <c r="D14255" s="6">
        <v>452.5797</v>
      </c>
      <c r="E14255" s="6">
        <v>6966.107</v>
      </c>
    </row>
    <row r="14256" spans="4:5" x14ac:dyDescent="0.25">
      <c r="D14256" s="6">
        <v>1221.83</v>
      </c>
      <c r="E14256" s="6">
        <v>780.01340000000005</v>
      </c>
    </row>
    <row r="14257" spans="4:5" x14ac:dyDescent="0.25">
      <c r="D14257" s="6">
        <v>540.43449999999996</v>
      </c>
      <c r="E14257" s="6">
        <v>716.29809999999998</v>
      </c>
    </row>
    <row r="14258" spans="4:5" x14ac:dyDescent="0.25">
      <c r="D14258" s="6">
        <v>425.04880000000003</v>
      </c>
      <c r="E14258" s="6">
        <v>608.64580000000001</v>
      </c>
    </row>
    <row r="14259" spans="4:5" x14ac:dyDescent="0.25">
      <c r="D14259" s="6">
        <v>591.56470000000002</v>
      </c>
      <c r="E14259" s="6">
        <v>922.38689999999997</v>
      </c>
    </row>
    <row r="14260" spans="4:5" x14ac:dyDescent="0.25">
      <c r="D14260" s="6">
        <v>713.8211</v>
      </c>
      <c r="E14260" s="6">
        <v>5822.3590000000004</v>
      </c>
    </row>
    <row r="14261" spans="4:5" x14ac:dyDescent="0.25">
      <c r="D14261" s="6">
        <v>615.19269999999995</v>
      </c>
      <c r="E14261" s="6">
        <v>6452.2830000000004</v>
      </c>
    </row>
    <row r="14262" spans="4:5" x14ac:dyDescent="0.25">
      <c r="D14262" s="6">
        <v>753.57849999999996</v>
      </c>
      <c r="E14262" s="6">
        <v>669.52020000000005</v>
      </c>
    </row>
    <row r="14263" spans="4:5" x14ac:dyDescent="0.25">
      <c r="D14263" s="6">
        <v>558.65959999999995</v>
      </c>
      <c r="E14263" s="6">
        <v>801.4</v>
      </c>
    </row>
    <row r="14264" spans="4:5" x14ac:dyDescent="0.25">
      <c r="D14264" s="6">
        <v>2342.7130000000002</v>
      </c>
      <c r="E14264" s="6">
        <v>7811.134</v>
      </c>
    </row>
    <row r="14265" spans="4:5" x14ac:dyDescent="0.25">
      <c r="D14265" s="6">
        <v>577.60979999999995</v>
      </c>
      <c r="E14265" s="6">
        <v>941.03899999999999</v>
      </c>
    </row>
    <row r="14266" spans="4:5" x14ac:dyDescent="0.25">
      <c r="D14266" s="6">
        <v>864</v>
      </c>
      <c r="E14266" s="6">
        <v>7540.9440000000004</v>
      </c>
    </row>
    <row r="14267" spans="4:5" x14ac:dyDescent="0.25">
      <c r="D14267" s="6">
        <v>590.30169999999998</v>
      </c>
      <c r="E14267" s="6">
        <v>630.63139999999999</v>
      </c>
    </row>
    <row r="14268" spans="4:5" x14ac:dyDescent="0.25">
      <c r="D14268" s="6">
        <v>461</v>
      </c>
      <c r="E14268" s="6">
        <v>7637.973</v>
      </c>
    </row>
    <row r="14269" spans="4:5" x14ac:dyDescent="0.25">
      <c r="D14269" s="6">
        <v>619.6223</v>
      </c>
      <c r="E14269" s="6">
        <v>763.72670000000005</v>
      </c>
    </row>
    <row r="14270" spans="4:5" x14ac:dyDescent="0.25">
      <c r="D14270" s="6">
        <v>599.10170000000005</v>
      </c>
      <c r="E14270" s="6">
        <v>832.97199999999998</v>
      </c>
    </row>
    <row r="14271" spans="4:5" x14ac:dyDescent="0.25">
      <c r="D14271" s="6">
        <v>549.70249999999999</v>
      </c>
      <c r="E14271" s="6">
        <v>837.17690000000005</v>
      </c>
    </row>
    <row r="14272" spans="4:5" x14ac:dyDescent="0.25">
      <c r="D14272" s="6">
        <v>545.40909999999997</v>
      </c>
      <c r="E14272" s="6">
        <v>607.69539999999995</v>
      </c>
    </row>
    <row r="14273" spans="4:5" x14ac:dyDescent="0.25">
      <c r="D14273" s="6">
        <v>796.08699999999999</v>
      </c>
      <c r="E14273" s="6">
        <v>666.82320000000004</v>
      </c>
    </row>
    <row r="14274" spans="4:5" x14ac:dyDescent="0.25">
      <c r="D14274" s="6">
        <v>666.00450000000001</v>
      </c>
      <c r="E14274" s="6">
        <v>784.99109999999996</v>
      </c>
    </row>
    <row r="14275" spans="4:5" x14ac:dyDescent="0.25">
      <c r="D14275" s="6">
        <v>568.8306</v>
      </c>
      <c r="E14275" s="6">
        <v>967.00390000000004</v>
      </c>
    </row>
    <row r="14276" spans="4:5" x14ac:dyDescent="0.25">
      <c r="D14276" s="6">
        <v>521.46550000000002</v>
      </c>
      <c r="E14276" s="6">
        <v>612.72199999999998</v>
      </c>
    </row>
    <row r="14277" spans="4:5" x14ac:dyDescent="0.25">
      <c r="D14277" s="6">
        <v>552.57140000000004</v>
      </c>
      <c r="E14277" s="6">
        <v>2702.002</v>
      </c>
    </row>
    <row r="14278" spans="4:5" x14ac:dyDescent="0.25">
      <c r="D14278" s="6">
        <v>630.15549999999996</v>
      </c>
      <c r="E14278" s="6">
        <v>749.53959999999995</v>
      </c>
    </row>
    <row r="14279" spans="4:5" x14ac:dyDescent="0.25">
      <c r="D14279" s="6">
        <v>690.82770000000005</v>
      </c>
      <c r="E14279" s="6">
        <v>911.03420000000006</v>
      </c>
    </row>
    <row r="14280" spans="4:5" x14ac:dyDescent="0.25">
      <c r="D14280" s="6">
        <v>715.63160000000005</v>
      </c>
      <c r="E14280" s="6">
        <v>701.875</v>
      </c>
    </row>
    <row r="14281" spans="4:5" x14ac:dyDescent="0.25">
      <c r="D14281" s="6">
        <v>1253.105</v>
      </c>
      <c r="E14281" s="6">
        <v>548.13800000000003</v>
      </c>
    </row>
    <row r="14282" spans="4:5" x14ac:dyDescent="0.25">
      <c r="D14282" s="6">
        <v>589.69719999999995</v>
      </c>
      <c r="E14282" s="6">
        <v>9300.3619999999992</v>
      </c>
    </row>
    <row r="14283" spans="4:5" x14ac:dyDescent="0.25">
      <c r="D14283" s="6">
        <v>845.23080000000004</v>
      </c>
      <c r="E14283" s="6">
        <v>766.56179999999995</v>
      </c>
    </row>
    <row r="14284" spans="4:5" x14ac:dyDescent="0.25">
      <c r="D14284" s="6">
        <v>575.12459999999999</v>
      </c>
      <c r="E14284" s="6">
        <v>695.49490000000003</v>
      </c>
    </row>
    <row r="14285" spans="4:5" x14ac:dyDescent="0.25">
      <c r="D14285" s="6">
        <v>435.56310000000002</v>
      </c>
      <c r="E14285" s="6">
        <v>697.44730000000004</v>
      </c>
    </row>
    <row r="14286" spans="4:5" x14ac:dyDescent="0.25">
      <c r="D14286" s="6">
        <v>589.40279999999996</v>
      </c>
      <c r="E14286" s="6">
        <v>5328.4579999999996</v>
      </c>
    </row>
    <row r="14287" spans="4:5" x14ac:dyDescent="0.25">
      <c r="D14287" s="6">
        <v>540.62419999999997</v>
      </c>
      <c r="E14287" s="6">
        <v>5883.982</v>
      </c>
    </row>
    <row r="14288" spans="4:5" x14ac:dyDescent="0.25">
      <c r="D14288" s="6">
        <v>729.70630000000006</v>
      </c>
      <c r="E14288" s="6">
        <v>1024.998</v>
      </c>
    </row>
    <row r="14289" spans="4:5" x14ac:dyDescent="0.25">
      <c r="D14289" s="6">
        <v>486.3329</v>
      </c>
      <c r="E14289" s="6">
        <v>3042.8180000000002</v>
      </c>
    </row>
    <row r="14290" spans="4:5" x14ac:dyDescent="0.25">
      <c r="D14290" s="6">
        <v>4496.75</v>
      </c>
      <c r="E14290" s="6">
        <v>3174.9090000000001</v>
      </c>
    </row>
    <row r="14291" spans="4:5" x14ac:dyDescent="0.25">
      <c r="D14291" s="6">
        <v>725.24710000000005</v>
      </c>
      <c r="E14291" s="6">
        <v>713.09569999999997</v>
      </c>
    </row>
    <row r="14292" spans="4:5" x14ac:dyDescent="0.25">
      <c r="D14292" s="6">
        <v>629.88419999999996</v>
      </c>
      <c r="E14292" s="6">
        <v>661.07060000000001</v>
      </c>
    </row>
    <row r="14293" spans="4:5" x14ac:dyDescent="0.25">
      <c r="D14293" s="6">
        <v>699.56489999999997</v>
      </c>
      <c r="E14293" s="6">
        <v>658.96690000000001</v>
      </c>
    </row>
    <row r="14294" spans="4:5" x14ac:dyDescent="0.25">
      <c r="D14294" s="6">
        <v>494.15379999999999</v>
      </c>
      <c r="E14294" s="6">
        <v>7321.732</v>
      </c>
    </row>
    <row r="14295" spans="4:5" x14ac:dyDescent="0.25">
      <c r="D14295" s="6">
        <v>550.12109999999996</v>
      </c>
      <c r="E14295" s="6">
        <v>9455.2649999999994</v>
      </c>
    </row>
    <row r="14296" spans="4:5" x14ac:dyDescent="0.25">
      <c r="D14296" s="6">
        <v>445.79880000000003</v>
      </c>
      <c r="E14296" s="6">
        <v>6138.5630000000001</v>
      </c>
    </row>
    <row r="14297" spans="4:5" x14ac:dyDescent="0.25">
      <c r="D14297" s="6">
        <v>624.77959999999996</v>
      </c>
      <c r="E14297" s="6">
        <v>555.97940000000006</v>
      </c>
    </row>
    <row r="14298" spans="4:5" x14ac:dyDescent="0.25">
      <c r="D14298" s="6">
        <v>609.47109999999998</v>
      </c>
      <c r="E14298" s="6">
        <v>843.87929999999994</v>
      </c>
    </row>
    <row r="14299" spans="4:5" x14ac:dyDescent="0.25">
      <c r="D14299" s="6">
        <v>635.02599999999995</v>
      </c>
      <c r="E14299" s="6">
        <v>6996.16</v>
      </c>
    </row>
    <row r="14300" spans="4:5" x14ac:dyDescent="0.25">
      <c r="D14300" s="6">
        <v>403.0505</v>
      </c>
      <c r="E14300" s="6">
        <v>651.13559999999995</v>
      </c>
    </row>
    <row r="14301" spans="4:5" x14ac:dyDescent="0.25">
      <c r="D14301" s="6">
        <v>577.7242</v>
      </c>
      <c r="E14301" s="6">
        <v>748.76670000000001</v>
      </c>
    </row>
    <row r="14302" spans="4:5" x14ac:dyDescent="0.25">
      <c r="D14302" s="6">
        <v>615.16769999999997</v>
      </c>
      <c r="E14302" s="6">
        <v>646.71299999999997</v>
      </c>
    </row>
    <row r="14303" spans="4:5" x14ac:dyDescent="0.25">
      <c r="D14303" s="6">
        <v>6791.3980000000001</v>
      </c>
      <c r="E14303" s="6">
        <v>856.52660000000003</v>
      </c>
    </row>
    <row r="14304" spans="4:5" x14ac:dyDescent="0.25">
      <c r="D14304" s="6">
        <v>743.40530000000001</v>
      </c>
      <c r="E14304" s="6">
        <v>961.76329999999996</v>
      </c>
    </row>
    <row r="14305" spans="4:5" x14ac:dyDescent="0.25">
      <c r="D14305" s="6">
        <v>759.51499999999999</v>
      </c>
      <c r="E14305" s="6">
        <v>910.98310000000004</v>
      </c>
    </row>
    <row r="14306" spans="4:5" x14ac:dyDescent="0.25">
      <c r="D14306" s="6">
        <v>846.28530000000001</v>
      </c>
      <c r="E14306" s="6">
        <v>881.71540000000005</v>
      </c>
    </row>
    <row r="14307" spans="4:5" x14ac:dyDescent="0.25">
      <c r="D14307" s="6">
        <v>443.52159999999998</v>
      </c>
      <c r="E14307" s="6">
        <v>1611.2</v>
      </c>
    </row>
    <row r="14308" spans="4:5" x14ac:dyDescent="0.25">
      <c r="D14308" s="6">
        <v>493.94529999999997</v>
      </c>
      <c r="E14308" s="6">
        <v>899.22950000000003</v>
      </c>
    </row>
    <row r="14309" spans="4:5" x14ac:dyDescent="0.25">
      <c r="D14309" s="6">
        <v>877</v>
      </c>
      <c r="E14309" s="6">
        <v>859.03189999999995</v>
      </c>
    </row>
    <row r="14310" spans="4:5" x14ac:dyDescent="0.25">
      <c r="D14310" s="6">
        <v>644.22569999999996</v>
      </c>
      <c r="E14310" s="6">
        <v>397.80020000000002</v>
      </c>
    </row>
    <row r="14311" spans="4:5" x14ac:dyDescent="0.25">
      <c r="D14311" s="6">
        <v>688.55110000000002</v>
      </c>
      <c r="E14311" s="6">
        <v>628.25570000000005</v>
      </c>
    </row>
    <row r="14312" spans="4:5" x14ac:dyDescent="0.25">
      <c r="D14312" s="6">
        <v>663.19119999999998</v>
      </c>
      <c r="E14312" s="6">
        <v>839.99519999999995</v>
      </c>
    </row>
    <row r="14313" spans="4:5" x14ac:dyDescent="0.25">
      <c r="D14313" s="6">
        <v>547.39430000000004</v>
      </c>
      <c r="E14313" s="6">
        <v>598.40809999999999</v>
      </c>
    </row>
    <row r="14314" spans="4:5" x14ac:dyDescent="0.25">
      <c r="D14314" s="6">
        <v>663.00030000000004</v>
      </c>
      <c r="E14314" s="6">
        <v>668.21439999999996</v>
      </c>
    </row>
    <row r="14315" spans="4:5" x14ac:dyDescent="0.25">
      <c r="D14315" s="6">
        <v>639.33240000000001</v>
      </c>
      <c r="E14315" s="6">
        <v>6841.7359999999999</v>
      </c>
    </row>
    <row r="14316" spans="4:5" x14ac:dyDescent="0.25">
      <c r="D14316" s="6">
        <v>589.86350000000004</v>
      </c>
      <c r="E14316" s="6">
        <v>467.89679999999998</v>
      </c>
    </row>
    <row r="14317" spans="4:5" x14ac:dyDescent="0.25">
      <c r="D14317" s="6">
        <v>646.17989999999998</v>
      </c>
      <c r="E14317" s="6">
        <v>956.21119999999996</v>
      </c>
    </row>
    <row r="14318" spans="4:5" x14ac:dyDescent="0.25">
      <c r="D14318" s="6">
        <v>450.58749999999998</v>
      </c>
      <c r="E14318" s="6">
        <v>963.05349999999999</v>
      </c>
    </row>
    <row r="14319" spans="4:5" x14ac:dyDescent="0.25">
      <c r="D14319" s="6">
        <v>553.83529999999996</v>
      </c>
      <c r="E14319" s="6">
        <v>428.0498</v>
      </c>
    </row>
    <row r="14320" spans="4:5" x14ac:dyDescent="0.25">
      <c r="D14320" s="6">
        <v>506.98480000000001</v>
      </c>
      <c r="E14320" s="6">
        <v>1017.562</v>
      </c>
    </row>
    <row r="14321" spans="4:5" x14ac:dyDescent="0.25">
      <c r="D14321" s="6">
        <v>7151.8469999999998</v>
      </c>
      <c r="E14321" s="6">
        <v>932.74099999999999</v>
      </c>
    </row>
    <row r="14322" spans="4:5" x14ac:dyDescent="0.25">
      <c r="D14322" s="6">
        <v>588.25459999999998</v>
      </c>
      <c r="E14322" s="6">
        <v>1041.9480000000001</v>
      </c>
    </row>
    <row r="14323" spans="4:5" x14ac:dyDescent="0.25">
      <c r="D14323" s="6">
        <v>420.86009999999999</v>
      </c>
      <c r="E14323" s="6">
        <v>8149.0060000000003</v>
      </c>
    </row>
    <row r="14324" spans="4:5" x14ac:dyDescent="0.25">
      <c r="D14324" s="6">
        <v>479.11959999999999</v>
      </c>
      <c r="E14324" s="6">
        <v>1079.692</v>
      </c>
    </row>
    <row r="14325" spans="4:5" x14ac:dyDescent="0.25">
      <c r="D14325" s="6">
        <v>1263.924</v>
      </c>
      <c r="E14325" s="6">
        <v>645.45349999999996</v>
      </c>
    </row>
    <row r="14326" spans="4:5" x14ac:dyDescent="0.25">
      <c r="D14326" s="6">
        <v>474.28910000000002</v>
      </c>
      <c r="E14326" s="6">
        <v>713.67420000000004</v>
      </c>
    </row>
    <row r="14327" spans="4:5" x14ac:dyDescent="0.25">
      <c r="D14327" s="6">
        <v>599.03959999999995</v>
      </c>
      <c r="E14327" s="6">
        <v>759.70950000000005</v>
      </c>
    </row>
    <row r="14328" spans="4:5" x14ac:dyDescent="0.25">
      <c r="D14328" s="6">
        <v>551.57550000000003</v>
      </c>
      <c r="E14328" s="6">
        <v>1125.125</v>
      </c>
    </row>
    <row r="14329" spans="4:5" x14ac:dyDescent="0.25">
      <c r="D14329" s="6">
        <v>1607.3230000000001</v>
      </c>
      <c r="E14329" s="6">
        <v>703.15570000000002</v>
      </c>
    </row>
    <row r="14330" spans="4:5" x14ac:dyDescent="0.25">
      <c r="D14330" s="6">
        <v>870.19</v>
      </c>
      <c r="E14330" s="6">
        <v>872.86220000000003</v>
      </c>
    </row>
    <row r="14331" spans="4:5" x14ac:dyDescent="0.25">
      <c r="D14331" s="6">
        <v>6074.7</v>
      </c>
      <c r="E14331" s="6">
        <v>600.14670000000001</v>
      </c>
    </row>
    <row r="14332" spans="4:5" x14ac:dyDescent="0.25">
      <c r="D14332" s="6">
        <v>603.1454</v>
      </c>
      <c r="E14332" s="6">
        <v>712.23239999999998</v>
      </c>
    </row>
    <row r="14333" spans="4:5" x14ac:dyDescent="0.25">
      <c r="D14333" s="6">
        <v>769.57050000000004</v>
      </c>
      <c r="E14333" s="6">
        <v>1097.2280000000001</v>
      </c>
    </row>
    <row r="14334" spans="4:5" x14ac:dyDescent="0.25">
      <c r="D14334" s="6">
        <v>6889.482</v>
      </c>
      <c r="E14334" s="6">
        <v>640.07339999999999</v>
      </c>
    </row>
    <row r="14335" spans="4:5" x14ac:dyDescent="0.25">
      <c r="D14335" s="6">
        <v>5054.2420000000002</v>
      </c>
      <c r="E14335" s="6">
        <v>3863.605</v>
      </c>
    </row>
    <row r="14336" spans="4:5" x14ac:dyDescent="0.25">
      <c r="D14336" s="6">
        <v>683.60530000000006</v>
      </c>
      <c r="E14336" s="6">
        <v>8168.6629999999996</v>
      </c>
    </row>
    <row r="14337" spans="4:5" x14ac:dyDescent="0.25">
      <c r="D14337" s="6">
        <v>620.30960000000005</v>
      </c>
      <c r="E14337" s="6">
        <v>611.54549999999995</v>
      </c>
    </row>
    <row r="14338" spans="4:5" x14ac:dyDescent="0.25">
      <c r="D14338" s="6">
        <v>796.90530000000001</v>
      </c>
      <c r="E14338" s="6">
        <v>1024.3989999999999</v>
      </c>
    </row>
    <row r="14339" spans="4:5" x14ac:dyDescent="0.25">
      <c r="D14339" s="6">
        <v>742.5059</v>
      </c>
      <c r="E14339" s="6">
        <v>741.1037</v>
      </c>
    </row>
    <row r="14340" spans="4:5" x14ac:dyDescent="0.25">
      <c r="D14340" s="6">
        <v>385.12900000000002</v>
      </c>
      <c r="E14340" s="6">
        <v>667.88850000000002</v>
      </c>
    </row>
    <row r="14341" spans="4:5" x14ac:dyDescent="0.25">
      <c r="D14341" s="6">
        <v>398.00060000000002</v>
      </c>
      <c r="E14341" s="6">
        <v>1510.807</v>
      </c>
    </row>
    <row r="14342" spans="4:5" x14ac:dyDescent="0.25">
      <c r="D14342" s="6">
        <v>603.45870000000002</v>
      </c>
      <c r="E14342" s="6">
        <v>584.26969999999994</v>
      </c>
    </row>
    <row r="14343" spans="4:5" x14ac:dyDescent="0.25">
      <c r="D14343" s="6">
        <v>1575.154</v>
      </c>
      <c r="E14343" s="6">
        <v>739.32820000000004</v>
      </c>
    </row>
    <row r="14344" spans="4:5" x14ac:dyDescent="0.25">
      <c r="D14344" s="6">
        <v>2471.4299999999998</v>
      </c>
      <c r="E14344" s="6">
        <v>827.94479999999999</v>
      </c>
    </row>
    <row r="14345" spans="4:5" x14ac:dyDescent="0.25">
      <c r="D14345" s="6">
        <v>496.02199999999999</v>
      </c>
      <c r="E14345" s="6">
        <v>557.42589999999996</v>
      </c>
    </row>
    <row r="14346" spans="4:5" x14ac:dyDescent="0.25">
      <c r="D14346" s="6">
        <v>597.81389999999999</v>
      </c>
      <c r="E14346" s="6">
        <v>707.31719999999996</v>
      </c>
    </row>
    <row r="14347" spans="4:5" x14ac:dyDescent="0.25">
      <c r="D14347" s="6">
        <v>1638.105</v>
      </c>
      <c r="E14347" s="6">
        <v>3684.4090000000001</v>
      </c>
    </row>
    <row r="14348" spans="4:5" x14ac:dyDescent="0.25">
      <c r="D14348" s="6">
        <v>540.45540000000005</v>
      </c>
      <c r="E14348" s="6">
        <v>3033.2139999999999</v>
      </c>
    </row>
    <row r="14349" spans="4:5" x14ac:dyDescent="0.25">
      <c r="D14349" s="6">
        <v>1134.5</v>
      </c>
      <c r="E14349" s="6">
        <v>784.67290000000003</v>
      </c>
    </row>
    <row r="14350" spans="4:5" x14ac:dyDescent="0.25">
      <c r="D14350" s="6">
        <v>852.97799999999995</v>
      </c>
      <c r="E14350" s="6">
        <v>803.77710000000002</v>
      </c>
    </row>
    <row r="14351" spans="4:5" x14ac:dyDescent="0.25">
      <c r="D14351" s="6">
        <v>449.77640000000002</v>
      </c>
      <c r="E14351" s="6">
        <v>802.12429999999995</v>
      </c>
    </row>
    <row r="14352" spans="4:5" x14ac:dyDescent="0.25">
      <c r="D14352" s="6">
        <v>585.72490000000005</v>
      </c>
      <c r="E14352" s="6">
        <v>725.78790000000004</v>
      </c>
    </row>
    <row r="14353" spans="4:5" x14ac:dyDescent="0.25">
      <c r="D14353" s="6">
        <v>905.07690000000002</v>
      </c>
      <c r="E14353" s="6">
        <v>763.19960000000003</v>
      </c>
    </row>
    <row r="14354" spans="4:5" x14ac:dyDescent="0.25">
      <c r="D14354" s="6">
        <v>639.40719999999999</v>
      </c>
      <c r="E14354" s="6">
        <v>1048.431</v>
      </c>
    </row>
    <row r="14355" spans="4:5" x14ac:dyDescent="0.25">
      <c r="D14355" s="6">
        <v>956.01059999999995</v>
      </c>
      <c r="E14355" s="6">
        <v>820.13620000000003</v>
      </c>
    </row>
    <row r="14356" spans="4:5" x14ac:dyDescent="0.25">
      <c r="D14356" s="6">
        <v>1197.1569999999999</v>
      </c>
      <c r="E14356" s="6">
        <v>807.11410000000001</v>
      </c>
    </row>
    <row r="14357" spans="4:5" x14ac:dyDescent="0.25">
      <c r="D14357" s="6">
        <v>592.38099999999997</v>
      </c>
      <c r="E14357" s="6">
        <v>864.49040000000002</v>
      </c>
    </row>
    <row r="14358" spans="4:5" x14ac:dyDescent="0.25">
      <c r="D14358" s="6">
        <v>451.46339999999998</v>
      </c>
      <c r="E14358" s="6">
        <v>1060.877</v>
      </c>
    </row>
    <row r="14359" spans="4:5" x14ac:dyDescent="0.25">
      <c r="D14359" s="6">
        <v>7232.2749999999996</v>
      </c>
      <c r="E14359" s="6">
        <v>1221.749</v>
      </c>
    </row>
    <row r="14360" spans="4:5" x14ac:dyDescent="0.25">
      <c r="D14360" s="6">
        <v>461.87400000000002</v>
      </c>
      <c r="E14360" s="6">
        <v>612.36310000000003</v>
      </c>
    </row>
    <row r="14361" spans="4:5" x14ac:dyDescent="0.25">
      <c r="D14361" s="6">
        <v>6736.5280000000002</v>
      </c>
      <c r="E14361" s="6">
        <v>780.79549999999995</v>
      </c>
    </row>
    <row r="14362" spans="4:5" x14ac:dyDescent="0.25">
      <c r="D14362" s="6">
        <v>1089.1969999999999</v>
      </c>
      <c r="E14362" s="6">
        <v>1052.2629999999999</v>
      </c>
    </row>
    <row r="14363" spans="4:5" x14ac:dyDescent="0.25">
      <c r="D14363" s="6">
        <v>477.01690000000002</v>
      </c>
      <c r="E14363" s="6">
        <v>1142.327</v>
      </c>
    </row>
    <row r="14364" spans="4:5" x14ac:dyDescent="0.25">
      <c r="D14364" s="6">
        <v>813.71969999999999</v>
      </c>
      <c r="E14364" s="6">
        <v>8578.7999999999993</v>
      </c>
    </row>
    <row r="14365" spans="4:5" x14ac:dyDescent="0.25">
      <c r="D14365" s="6">
        <v>466.62220000000002</v>
      </c>
      <c r="E14365" s="6">
        <v>789.39160000000004</v>
      </c>
    </row>
    <row r="14366" spans="4:5" x14ac:dyDescent="0.25">
      <c r="D14366" s="6">
        <v>854.06780000000003</v>
      </c>
      <c r="E14366" s="6">
        <v>820.1902</v>
      </c>
    </row>
    <row r="14367" spans="4:5" x14ac:dyDescent="0.25">
      <c r="D14367" s="6">
        <v>721.86789999999996</v>
      </c>
      <c r="E14367" s="6">
        <v>6690.0540000000001</v>
      </c>
    </row>
    <row r="14368" spans="4:5" x14ac:dyDescent="0.25">
      <c r="D14368" s="6">
        <v>850.53729999999996</v>
      </c>
      <c r="E14368" s="6">
        <v>3035.3440000000001</v>
      </c>
    </row>
    <row r="14369" spans="4:5" x14ac:dyDescent="0.25">
      <c r="D14369" s="6">
        <v>607.73239999999998</v>
      </c>
      <c r="E14369" s="6">
        <v>626.07870000000003</v>
      </c>
    </row>
    <row r="14370" spans="4:5" x14ac:dyDescent="0.25">
      <c r="D14370" s="6">
        <v>654.20730000000003</v>
      </c>
      <c r="E14370" s="6">
        <v>6636.8879999999999</v>
      </c>
    </row>
    <row r="14371" spans="4:5" x14ac:dyDescent="0.25">
      <c r="D14371" s="6">
        <v>412.5532</v>
      </c>
      <c r="E14371" s="6">
        <v>1635.8710000000001</v>
      </c>
    </row>
    <row r="14372" spans="4:5" x14ac:dyDescent="0.25">
      <c r="D14372" s="6">
        <v>591.42660000000001</v>
      </c>
      <c r="E14372" s="6">
        <v>779.01160000000004</v>
      </c>
    </row>
    <row r="14373" spans="4:5" x14ac:dyDescent="0.25">
      <c r="D14373" s="6">
        <v>657.34010000000001</v>
      </c>
      <c r="E14373" s="6">
        <v>670.5788</v>
      </c>
    </row>
    <row r="14374" spans="4:5" x14ac:dyDescent="0.25">
      <c r="D14374" s="6">
        <v>690.66319999999996</v>
      </c>
      <c r="E14374" s="6">
        <v>942.8415</v>
      </c>
    </row>
    <row r="14375" spans="4:5" x14ac:dyDescent="0.25">
      <c r="D14375" s="6">
        <v>733.50840000000005</v>
      </c>
      <c r="E14375" s="6">
        <v>963.79390000000001</v>
      </c>
    </row>
    <row r="14376" spans="4:5" x14ac:dyDescent="0.25">
      <c r="D14376" s="6">
        <v>536</v>
      </c>
      <c r="E14376" s="6">
        <v>770.79960000000005</v>
      </c>
    </row>
    <row r="14377" spans="4:5" x14ac:dyDescent="0.25">
      <c r="D14377" s="6">
        <v>770.83500000000004</v>
      </c>
      <c r="E14377" s="6">
        <v>4194.5050000000001</v>
      </c>
    </row>
    <row r="14378" spans="4:5" x14ac:dyDescent="0.25">
      <c r="D14378" s="6">
        <v>597.06330000000003</v>
      </c>
      <c r="E14378" s="6">
        <v>669.33439999999996</v>
      </c>
    </row>
    <row r="14379" spans="4:5" x14ac:dyDescent="0.25">
      <c r="D14379" s="6">
        <v>667.72569999999996</v>
      </c>
      <c r="E14379" s="6">
        <v>891.69889999999998</v>
      </c>
    </row>
    <row r="14380" spans="4:5" x14ac:dyDescent="0.25">
      <c r="D14380" s="6">
        <v>490.14760000000001</v>
      </c>
      <c r="E14380" s="6">
        <v>693.93110000000001</v>
      </c>
    </row>
    <row r="14381" spans="4:5" x14ac:dyDescent="0.25">
      <c r="D14381" s="6">
        <v>516.26189999999997</v>
      </c>
      <c r="E14381" s="6">
        <v>625.69690000000003</v>
      </c>
    </row>
    <row r="14382" spans="4:5" x14ac:dyDescent="0.25">
      <c r="D14382" s="6">
        <v>621.04769999999996</v>
      </c>
      <c r="E14382" s="6">
        <v>772.7867</v>
      </c>
    </row>
    <row r="14383" spans="4:5" x14ac:dyDescent="0.25">
      <c r="D14383" s="6">
        <v>488.64159999999998</v>
      </c>
      <c r="E14383" s="6">
        <v>613.71379999999999</v>
      </c>
    </row>
    <row r="14384" spans="4:5" x14ac:dyDescent="0.25">
      <c r="D14384" s="6">
        <v>651.96479999999997</v>
      </c>
      <c r="E14384" s="6">
        <v>950.46299999999997</v>
      </c>
    </row>
    <row r="14385" spans="4:5" x14ac:dyDescent="0.25">
      <c r="D14385" s="6">
        <v>554.25580000000002</v>
      </c>
      <c r="E14385" s="6">
        <v>1749.616</v>
      </c>
    </row>
    <row r="14386" spans="4:5" x14ac:dyDescent="0.25">
      <c r="D14386" s="6">
        <v>1028.2919999999999</v>
      </c>
      <c r="E14386" s="6">
        <v>730.47649999999999</v>
      </c>
    </row>
    <row r="14387" spans="4:5" x14ac:dyDescent="0.25">
      <c r="D14387" s="6">
        <v>2143.1779999999999</v>
      </c>
      <c r="E14387" s="6">
        <v>912.09640000000002</v>
      </c>
    </row>
    <row r="14388" spans="4:5" x14ac:dyDescent="0.25">
      <c r="D14388" s="6">
        <v>496.9966</v>
      </c>
      <c r="E14388" s="6">
        <v>710.06119999999999</v>
      </c>
    </row>
    <row r="14389" spans="4:5" x14ac:dyDescent="0.25">
      <c r="D14389" s="6">
        <v>547.3492</v>
      </c>
      <c r="E14389" s="6">
        <v>6357.7960000000003</v>
      </c>
    </row>
    <row r="14390" spans="4:5" x14ac:dyDescent="0.25">
      <c r="D14390" s="6">
        <v>550.59230000000002</v>
      </c>
      <c r="E14390" s="6">
        <v>7352.0450000000001</v>
      </c>
    </row>
    <row r="14391" spans="4:5" x14ac:dyDescent="0.25">
      <c r="D14391" s="6">
        <v>549.10969999999998</v>
      </c>
      <c r="E14391" s="6">
        <v>926.05949999999996</v>
      </c>
    </row>
    <row r="14392" spans="4:5" x14ac:dyDescent="0.25">
      <c r="D14392" s="6">
        <v>538.50750000000005</v>
      </c>
      <c r="E14392" s="6">
        <v>783.04740000000004</v>
      </c>
    </row>
    <row r="14393" spans="4:5" x14ac:dyDescent="0.25">
      <c r="D14393" s="6">
        <v>564.64639999999997</v>
      </c>
      <c r="E14393" s="6">
        <v>983.8442</v>
      </c>
    </row>
    <row r="14394" spans="4:5" x14ac:dyDescent="0.25">
      <c r="D14394" s="6">
        <v>561.28740000000005</v>
      </c>
      <c r="E14394" s="6">
        <v>592.33820000000003</v>
      </c>
    </row>
    <row r="14395" spans="4:5" x14ac:dyDescent="0.25">
      <c r="D14395" s="6">
        <v>550.30370000000005</v>
      </c>
      <c r="E14395" s="6">
        <v>625.31470000000002</v>
      </c>
    </row>
    <row r="14396" spans="4:5" x14ac:dyDescent="0.25">
      <c r="D14396" s="6">
        <v>916.53359999999998</v>
      </c>
      <c r="E14396" s="6">
        <v>772.16110000000003</v>
      </c>
    </row>
    <row r="14397" spans="4:5" x14ac:dyDescent="0.25">
      <c r="D14397" s="6">
        <v>661.45140000000004</v>
      </c>
      <c r="E14397" s="6">
        <v>690.62210000000005</v>
      </c>
    </row>
    <row r="14398" spans="4:5" x14ac:dyDescent="0.25">
      <c r="D14398" s="6">
        <v>501.48110000000003</v>
      </c>
      <c r="E14398" s="6">
        <v>1173.6890000000001</v>
      </c>
    </row>
    <row r="14399" spans="4:5" x14ac:dyDescent="0.25">
      <c r="D14399" s="6">
        <v>551.72730000000001</v>
      </c>
      <c r="E14399" s="6">
        <v>2364.79</v>
      </c>
    </row>
    <row r="14400" spans="4:5" x14ac:dyDescent="0.25">
      <c r="D14400" s="6">
        <v>889.18290000000002</v>
      </c>
      <c r="E14400" s="6">
        <v>6458.4740000000002</v>
      </c>
    </row>
    <row r="14401" spans="4:5" x14ac:dyDescent="0.25">
      <c r="D14401" s="6">
        <v>510.97770000000003</v>
      </c>
      <c r="E14401" s="6">
        <v>6600.1369999999997</v>
      </c>
    </row>
    <row r="14402" spans="4:5" x14ac:dyDescent="0.25">
      <c r="D14402" s="6">
        <v>586.7835</v>
      </c>
      <c r="E14402" s="6">
        <v>686.70989999999995</v>
      </c>
    </row>
    <row r="14403" spans="4:5" x14ac:dyDescent="0.25">
      <c r="D14403" s="6">
        <v>6957.3559999999998</v>
      </c>
      <c r="E14403" s="6">
        <v>794.71659999999997</v>
      </c>
    </row>
    <row r="14404" spans="4:5" x14ac:dyDescent="0.25">
      <c r="D14404" s="6">
        <v>551</v>
      </c>
      <c r="E14404" s="6">
        <v>6717.4009999999998</v>
      </c>
    </row>
    <row r="14405" spans="4:5" x14ac:dyDescent="0.25">
      <c r="D14405" s="6">
        <v>639.07489999999996</v>
      </c>
      <c r="E14405" s="6">
        <v>730.33389999999997</v>
      </c>
    </row>
    <row r="14406" spans="4:5" x14ac:dyDescent="0.25">
      <c r="D14406" s="6">
        <v>7547.7839999999997</v>
      </c>
      <c r="E14406" s="6">
        <v>7280.9780000000001</v>
      </c>
    </row>
    <row r="14407" spans="4:5" x14ac:dyDescent="0.25">
      <c r="D14407" s="6">
        <v>486.48110000000003</v>
      </c>
      <c r="E14407" s="6">
        <v>778.72680000000003</v>
      </c>
    </row>
    <row r="14408" spans="4:5" x14ac:dyDescent="0.25">
      <c r="D14408" s="6">
        <v>6538.2460000000001</v>
      </c>
      <c r="E14408" s="6">
        <v>621.35400000000004</v>
      </c>
    </row>
    <row r="14409" spans="4:5" x14ac:dyDescent="0.25">
      <c r="D14409" s="6">
        <v>775.2704</v>
      </c>
      <c r="E14409" s="6">
        <v>706.36540000000002</v>
      </c>
    </row>
    <row r="14410" spans="4:5" x14ac:dyDescent="0.25">
      <c r="D14410" s="6">
        <v>624.34389999999996</v>
      </c>
      <c r="E14410" s="6">
        <v>514.34529999999995</v>
      </c>
    </row>
    <row r="14411" spans="4:5" x14ac:dyDescent="0.25">
      <c r="D14411" s="6">
        <v>492.40609999999998</v>
      </c>
      <c r="E14411" s="6">
        <v>984.30060000000003</v>
      </c>
    </row>
    <row r="14412" spans="4:5" x14ac:dyDescent="0.25">
      <c r="D14412" s="6">
        <v>544.47540000000004</v>
      </c>
      <c r="E14412" s="6">
        <v>752.96640000000002</v>
      </c>
    </row>
    <row r="14413" spans="4:5" x14ac:dyDescent="0.25">
      <c r="D14413" s="6">
        <v>523.15060000000005</v>
      </c>
      <c r="E14413" s="6">
        <v>6684.5240000000003</v>
      </c>
    </row>
    <row r="14414" spans="4:5" x14ac:dyDescent="0.25">
      <c r="D14414" s="6">
        <v>1456.3620000000001</v>
      </c>
      <c r="E14414" s="6">
        <v>3747.6750000000002</v>
      </c>
    </row>
    <row r="14415" spans="4:5" x14ac:dyDescent="0.25">
      <c r="D14415" s="6">
        <v>645</v>
      </c>
      <c r="E14415" s="6">
        <v>744.97029999999995</v>
      </c>
    </row>
    <row r="14416" spans="4:5" x14ac:dyDescent="0.25">
      <c r="D14416" s="6">
        <v>728.48159999999996</v>
      </c>
      <c r="E14416" s="6">
        <v>1267.396</v>
      </c>
    </row>
    <row r="14417" spans="4:5" x14ac:dyDescent="0.25">
      <c r="D14417" s="6">
        <v>525.7414</v>
      </c>
      <c r="E14417" s="6">
        <v>769.16079999999999</v>
      </c>
    </row>
    <row r="14418" spans="4:5" x14ac:dyDescent="0.25">
      <c r="D14418" s="6">
        <v>635.6422</v>
      </c>
      <c r="E14418" s="6">
        <v>1711.0219999999999</v>
      </c>
    </row>
    <row r="14419" spans="4:5" x14ac:dyDescent="0.25">
      <c r="D14419" s="6">
        <v>886.62120000000004</v>
      </c>
      <c r="E14419" s="6">
        <v>876.24609999999996</v>
      </c>
    </row>
    <row r="14420" spans="4:5" x14ac:dyDescent="0.25">
      <c r="D14420" s="6">
        <v>498.10789999999997</v>
      </c>
      <c r="E14420" s="6">
        <v>826.73990000000003</v>
      </c>
    </row>
    <row r="14421" spans="4:5" x14ac:dyDescent="0.25">
      <c r="D14421" s="6">
        <v>506.2269</v>
      </c>
      <c r="E14421" s="6">
        <v>2216.3809999999999</v>
      </c>
    </row>
    <row r="14422" spans="4:5" x14ac:dyDescent="0.25">
      <c r="D14422" s="6">
        <v>550.90189999999996</v>
      </c>
      <c r="E14422" s="6">
        <v>693.41700000000003</v>
      </c>
    </row>
    <row r="14423" spans="4:5" x14ac:dyDescent="0.25">
      <c r="D14423" s="6">
        <v>570.99080000000004</v>
      </c>
      <c r="E14423" s="6">
        <v>834.24559999999997</v>
      </c>
    </row>
    <row r="14424" spans="4:5" x14ac:dyDescent="0.25">
      <c r="D14424" s="6">
        <v>797.15970000000004</v>
      </c>
      <c r="E14424" s="6">
        <v>851.06669999999997</v>
      </c>
    </row>
    <row r="14425" spans="4:5" x14ac:dyDescent="0.25">
      <c r="D14425" s="6">
        <v>629.16380000000004</v>
      </c>
      <c r="E14425" s="6">
        <v>736.28319999999997</v>
      </c>
    </row>
    <row r="14426" spans="4:5" x14ac:dyDescent="0.25">
      <c r="D14426" s="6">
        <v>470.87939999999998</v>
      </c>
      <c r="E14426" s="6">
        <v>1126.827</v>
      </c>
    </row>
    <row r="14427" spans="4:5" x14ac:dyDescent="0.25">
      <c r="D14427" s="6">
        <v>1455.645</v>
      </c>
      <c r="E14427" s="6">
        <v>699.32849999999996</v>
      </c>
    </row>
    <row r="14428" spans="4:5" x14ac:dyDescent="0.25">
      <c r="D14428" s="6">
        <v>491.5333</v>
      </c>
      <c r="E14428" s="6">
        <v>543.29380000000003</v>
      </c>
    </row>
    <row r="14429" spans="4:5" x14ac:dyDescent="0.25">
      <c r="D14429" s="6">
        <v>466.94260000000003</v>
      </c>
      <c r="E14429" s="6">
        <v>706.40790000000004</v>
      </c>
    </row>
    <row r="14430" spans="4:5" x14ac:dyDescent="0.25">
      <c r="D14430" s="6">
        <v>927.64</v>
      </c>
      <c r="E14430" s="6">
        <v>691.77049999999997</v>
      </c>
    </row>
    <row r="14431" spans="4:5" x14ac:dyDescent="0.25">
      <c r="D14431" s="6">
        <v>691.01279999999997</v>
      </c>
      <c r="E14431" s="6">
        <v>908.35829999999999</v>
      </c>
    </row>
    <row r="14432" spans="4:5" x14ac:dyDescent="0.25">
      <c r="D14432" s="6">
        <v>661.03110000000004</v>
      </c>
      <c r="E14432" s="6">
        <v>4348.5</v>
      </c>
    </row>
    <row r="14433" spans="4:5" x14ac:dyDescent="0.25">
      <c r="D14433" s="6">
        <v>422.57130000000001</v>
      </c>
      <c r="E14433" s="6">
        <v>1016.704</v>
      </c>
    </row>
    <row r="14434" spans="4:5" x14ac:dyDescent="0.25">
      <c r="D14434" s="6">
        <v>544.21500000000003</v>
      </c>
      <c r="E14434" s="6">
        <v>986.81820000000005</v>
      </c>
    </row>
    <row r="14435" spans="4:5" x14ac:dyDescent="0.25">
      <c r="D14435" s="6">
        <v>536.79039999999998</v>
      </c>
      <c r="E14435" s="6">
        <v>822.35230000000001</v>
      </c>
    </row>
    <row r="14436" spans="4:5" x14ac:dyDescent="0.25">
      <c r="D14436" s="6">
        <v>715.92769999999996</v>
      </c>
      <c r="E14436" s="6">
        <v>14589.33</v>
      </c>
    </row>
    <row r="14437" spans="4:5" x14ac:dyDescent="0.25">
      <c r="D14437" s="6">
        <v>876.44330000000002</v>
      </c>
      <c r="E14437" s="6">
        <v>839.64930000000004</v>
      </c>
    </row>
    <row r="14438" spans="4:5" x14ac:dyDescent="0.25">
      <c r="D14438" s="6">
        <v>627.9896</v>
      </c>
      <c r="E14438" s="6">
        <v>914.83789999999999</v>
      </c>
    </row>
    <row r="14439" spans="4:5" x14ac:dyDescent="0.25">
      <c r="D14439" s="6">
        <v>646.10299999999995</v>
      </c>
      <c r="E14439" s="6">
        <v>623.5308</v>
      </c>
    </row>
    <row r="14440" spans="4:5" x14ac:dyDescent="0.25">
      <c r="D14440" s="6">
        <v>549.46299999999997</v>
      </c>
      <c r="E14440" s="6">
        <v>728.14610000000005</v>
      </c>
    </row>
    <row r="14441" spans="4:5" x14ac:dyDescent="0.25">
      <c r="D14441" s="6">
        <v>4658.317</v>
      </c>
      <c r="E14441" s="6">
        <v>710.774</v>
      </c>
    </row>
    <row r="14442" spans="4:5" x14ac:dyDescent="0.25">
      <c r="D14442" s="6">
        <v>927.63490000000002</v>
      </c>
      <c r="E14442" s="6">
        <v>6480.6059999999998</v>
      </c>
    </row>
    <row r="14443" spans="4:5" x14ac:dyDescent="0.25">
      <c r="D14443" s="6">
        <v>2241.6579999999999</v>
      </c>
      <c r="E14443" s="6">
        <v>1119.424</v>
      </c>
    </row>
    <row r="14444" spans="4:5" x14ac:dyDescent="0.25">
      <c r="D14444" s="6">
        <v>695.00120000000004</v>
      </c>
      <c r="E14444" s="6">
        <v>845.55880000000002</v>
      </c>
    </row>
    <row r="14445" spans="4:5" x14ac:dyDescent="0.25">
      <c r="D14445" s="6">
        <v>653.58199999999999</v>
      </c>
      <c r="E14445" s="6">
        <v>618.5</v>
      </c>
    </row>
    <row r="14446" spans="4:5" x14ac:dyDescent="0.25">
      <c r="D14446" s="6">
        <v>565.04399999999998</v>
      </c>
      <c r="E14446" s="6">
        <v>583.9692</v>
      </c>
    </row>
    <row r="14447" spans="4:5" x14ac:dyDescent="0.25">
      <c r="D14447" s="6">
        <v>536.33730000000003</v>
      </c>
      <c r="E14447" s="6">
        <v>620.36670000000004</v>
      </c>
    </row>
    <row r="14448" spans="4:5" x14ac:dyDescent="0.25">
      <c r="D14448" s="6">
        <v>473.71890000000002</v>
      </c>
      <c r="E14448" s="6">
        <v>754.81889999999999</v>
      </c>
    </row>
    <row r="14449" spans="4:5" x14ac:dyDescent="0.25">
      <c r="D14449" s="6">
        <v>479.98579999999998</v>
      </c>
      <c r="E14449" s="6">
        <v>975.66179999999997</v>
      </c>
    </row>
    <row r="14450" spans="4:5" x14ac:dyDescent="0.25">
      <c r="D14450" s="6">
        <v>821.35709999999995</v>
      </c>
      <c r="E14450" s="6">
        <v>7744.7809999999999</v>
      </c>
    </row>
    <row r="14451" spans="4:5" x14ac:dyDescent="0.25">
      <c r="D14451" s="6">
        <v>699.2287</v>
      </c>
      <c r="E14451" s="6">
        <v>717.46439999999996</v>
      </c>
    </row>
    <row r="14452" spans="4:5" x14ac:dyDescent="0.25">
      <c r="D14452" s="6">
        <v>611.66579999999999</v>
      </c>
      <c r="E14452" s="6">
        <v>587.70000000000005</v>
      </c>
    </row>
    <row r="14453" spans="4:5" x14ac:dyDescent="0.25">
      <c r="D14453" s="6">
        <v>1363.123</v>
      </c>
      <c r="E14453" s="6">
        <v>725.5874</v>
      </c>
    </row>
    <row r="14454" spans="4:5" x14ac:dyDescent="0.25">
      <c r="D14454" s="6">
        <v>480.73239999999998</v>
      </c>
      <c r="E14454" s="6">
        <v>646.28420000000006</v>
      </c>
    </row>
    <row r="14455" spans="4:5" x14ac:dyDescent="0.25">
      <c r="D14455" s="6">
        <v>609</v>
      </c>
      <c r="E14455" s="6">
        <v>716.7183</v>
      </c>
    </row>
    <row r="14456" spans="4:5" x14ac:dyDescent="0.25">
      <c r="D14456" s="6">
        <v>762.80690000000004</v>
      </c>
      <c r="E14456" s="6">
        <v>738.34879999999998</v>
      </c>
    </row>
    <row r="14457" spans="4:5" x14ac:dyDescent="0.25">
      <c r="D14457" s="6">
        <v>615.3288</v>
      </c>
      <c r="E14457" s="6">
        <v>1013.277</v>
      </c>
    </row>
    <row r="14458" spans="4:5" x14ac:dyDescent="0.25">
      <c r="D14458" s="6">
        <v>578.20479999999998</v>
      </c>
      <c r="E14458" s="6">
        <v>584.86630000000002</v>
      </c>
    </row>
    <row r="14459" spans="4:5" x14ac:dyDescent="0.25">
      <c r="D14459" s="6">
        <v>498.29230000000001</v>
      </c>
      <c r="E14459" s="6">
        <v>969.96929999999998</v>
      </c>
    </row>
    <row r="14460" spans="4:5" x14ac:dyDescent="0.25">
      <c r="D14460" s="6">
        <v>6367.9930000000004</v>
      </c>
      <c r="E14460" s="6">
        <v>1382.6669999999999</v>
      </c>
    </row>
    <row r="14461" spans="4:5" x14ac:dyDescent="0.25">
      <c r="D14461" s="6">
        <v>364.3476</v>
      </c>
      <c r="E14461" s="6">
        <v>853.75570000000005</v>
      </c>
    </row>
    <row r="14462" spans="4:5" x14ac:dyDescent="0.25">
      <c r="D14462" s="6">
        <v>546.66669999999999</v>
      </c>
      <c r="E14462" s="6">
        <v>683.00220000000002</v>
      </c>
    </row>
    <row r="14463" spans="4:5" x14ac:dyDescent="0.25">
      <c r="D14463" s="6">
        <v>647.51639999999998</v>
      </c>
      <c r="E14463" s="6">
        <v>712.4606</v>
      </c>
    </row>
    <row r="14464" spans="4:5" x14ac:dyDescent="0.25">
      <c r="D14464" s="6">
        <v>579.24419999999998</v>
      </c>
      <c r="E14464" s="6">
        <v>821.97519999999997</v>
      </c>
    </row>
    <row r="14465" spans="4:5" x14ac:dyDescent="0.25">
      <c r="D14465" s="6">
        <v>558.31619999999998</v>
      </c>
      <c r="E14465" s="6">
        <v>606.4932</v>
      </c>
    </row>
    <row r="14466" spans="4:5" x14ac:dyDescent="0.25">
      <c r="D14466" s="6">
        <v>1001.9109999999999</v>
      </c>
      <c r="E14466" s="6">
        <v>790.17129999999997</v>
      </c>
    </row>
    <row r="14467" spans="4:5" x14ac:dyDescent="0.25">
      <c r="D14467" s="6">
        <v>6727.5749999999998</v>
      </c>
      <c r="E14467" s="6">
        <v>857.26700000000005</v>
      </c>
    </row>
    <row r="14468" spans="4:5" x14ac:dyDescent="0.25">
      <c r="D14468" s="6">
        <v>1357.6679999999999</v>
      </c>
      <c r="E14468" s="6">
        <v>720.04639999999995</v>
      </c>
    </row>
    <row r="14469" spans="4:5" x14ac:dyDescent="0.25">
      <c r="D14469" s="6">
        <v>6952.9359999999997</v>
      </c>
      <c r="E14469" s="6">
        <v>1237.3789999999999</v>
      </c>
    </row>
    <row r="14470" spans="4:5" x14ac:dyDescent="0.25">
      <c r="D14470" s="6">
        <v>509.60610000000003</v>
      </c>
      <c r="E14470" s="6">
        <v>6347.0519999999997</v>
      </c>
    </row>
    <row r="14471" spans="4:5" x14ac:dyDescent="0.25">
      <c r="D14471" s="6">
        <v>1281.97</v>
      </c>
      <c r="E14471" s="6">
        <v>775.01279999999997</v>
      </c>
    </row>
    <row r="14472" spans="4:5" x14ac:dyDescent="0.25">
      <c r="D14472" s="6">
        <v>399.04730000000001</v>
      </c>
      <c r="E14472" s="6">
        <v>772.73209999999995</v>
      </c>
    </row>
    <row r="14473" spans="4:5" x14ac:dyDescent="0.25">
      <c r="D14473" s="6">
        <v>1538.0709999999999</v>
      </c>
      <c r="E14473" s="6">
        <v>618.10299999999995</v>
      </c>
    </row>
    <row r="14474" spans="4:5" x14ac:dyDescent="0.25">
      <c r="D14474" s="6">
        <v>607.51390000000004</v>
      </c>
      <c r="E14474" s="6">
        <v>858.29780000000005</v>
      </c>
    </row>
    <row r="14475" spans="4:5" x14ac:dyDescent="0.25">
      <c r="D14475" s="6">
        <v>1126.5</v>
      </c>
      <c r="E14475" s="6">
        <v>649.3066</v>
      </c>
    </row>
    <row r="14476" spans="4:5" x14ac:dyDescent="0.25">
      <c r="D14476" s="6">
        <v>561.13440000000003</v>
      </c>
      <c r="E14476" s="6">
        <v>901.91300000000001</v>
      </c>
    </row>
    <row r="14477" spans="4:5" x14ac:dyDescent="0.25">
      <c r="D14477" s="6">
        <v>936.45950000000005</v>
      </c>
      <c r="E14477" s="6">
        <v>1692.925</v>
      </c>
    </row>
    <row r="14478" spans="4:5" x14ac:dyDescent="0.25">
      <c r="D14478" s="6">
        <v>521.88289999999995</v>
      </c>
      <c r="E14478" s="6">
        <v>3405.4</v>
      </c>
    </row>
    <row r="14479" spans="4:5" x14ac:dyDescent="0.25">
      <c r="D14479" s="6">
        <v>840.85709999999995</v>
      </c>
      <c r="E14479" s="6">
        <v>678.49270000000001</v>
      </c>
    </row>
    <row r="14480" spans="4:5" x14ac:dyDescent="0.25">
      <c r="D14480" s="6">
        <v>506.11579999999998</v>
      </c>
      <c r="E14480" s="6">
        <v>923.03480000000002</v>
      </c>
    </row>
    <row r="14481" spans="4:5" x14ac:dyDescent="0.25">
      <c r="D14481" s="6">
        <v>498.68799999999999</v>
      </c>
      <c r="E14481" s="6">
        <v>780.8383</v>
      </c>
    </row>
    <row r="14482" spans="4:5" x14ac:dyDescent="0.25">
      <c r="D14482" s="6">
        <v>572.79359999999997</v>
      </c>
      <c r="E14482" s="6">
        <v>572.67619999999999</v>
      </c>
    </row>
    <row r="14483" spans="4:5" x14ac:dyDescent="0.25">
      <c r="D14483" s="6">
        <v>569.4973</v>
      </c>
      <c r="E14483" s="6">
        <v>803.01859999999999</v>
      </c>
    </row>
    <row r="14484" spans="4:5" x14ac:dyDescent="0.25">
      <c r="D14484" s="6">
        <v>547.58709999999996</v>
      </c>
      <c r="E14484" s="6">
        <v>872.9</v>
      </c>
    </row>
    <row r="14485" spans="4:5" x14ac:dyDescent="0.25">
      <c r="D14485" s="6">
        <v>522.4434</v>
      </c>
      <c r="E14485" s="6">
        <v>810.00329999999997</v>
      </c>
    </row>
    <row r="14486" spans="4:5" x14ac:dyDescent="0.25">
      <c r="D14486" s="6">
        <v>884.06290000000001</v>
      </c>
      <c r="E14486" s="6">
        <v>6201.72</v>
      </c>
    </row>
    <row r="14487" spans="4:5" x14ac:dyDescent="0.25">
      <c r="D14487" s="6">
        <v>842.58950000000004</v>
      </c>
      <c r="E14487" s="6">
        <v>603.48509999999999</v>
      </c>
    </row>
    <row r="14488" spans="4:5" x14ac:dyDescent="0.25">
      <c r="D14488" s="6">
        <v>539.78229999999996</v>
      </c>
      <c r="E14488" s="6">
        <v>742.08100000000002</v>
      </c>
    </row>
    <row r="14489" spans="4:5" x14ac:dyDescent="0.25">
      <c r="D14489" s="6">
        <v>7612.6540000000005</v>
      </c>
      <c r="E14489" s="6">
        <v>1833.6579999999999</v>
      </c>
    </row>
    <row r="14490" spans="4:5" x14ac:dyDescent="0.25">
      <c r="D14490" s="6">
        <v>534.78629999999998</v>
      </c>
      <c r="E14490" s="6">
        <v>717.61649999999997</v>
      </c>
    </row>
    <row r="14491" spans="4:5" x14ac:dyDescent="0.25">
      <c r="D14491" s="6">
        <v>394.2894</v>
      </c>
      <c r="E14491" s="6">
        <v>879.05370000000005</v>
      </c>
    </row>
    <row r="14492" spans="4:5" x14ac:dyDescent="0.25">
      <c r="D14492" s="6">
        <v>767.41070000000002</v>
      </c>
      <c r="E14492" s="6">
        <v>7586.4870000000001</v>
      </c>
    </row>
    <row r="14493" spans="4:5" x14ac:dyDescent="0.25">
      <c r="D14493" s="6">
        <v>609.41049999999996</v>
      </c>
      <c r="E14493" s="6">
        <v>861.21609999999998</v>
      </c>
    </row>
    <row r="14494" spans="4:5" x14ac:dyDescent="0.25">
      <c r="D14494" s="6">
        <v>720.09349999999995</v>
      </c>
      <c r="E14494" s="6">
        <v>821.51639999999998</v>
      </c>
    </row>
    <row r="14495" spans="4:5" x14ac:dyDescent="0.25">
      <c r="D14495" s="6">
        <v>544.5</v>
      </c>
      <c r="E14495" s="6">
        <v>743.70579999999995</v>
      </c>
    </row>
    <row r="14496" spans="4:5" x14ac:dyDescent="0.25">
      <c r="D14496" s="6">
        <v>500.86090000000002</v>
      </c>
      <c r="E14496" s="6">
        <v>850.93859999999995</v>
      </c>
    </row>
    <row r="14497" spans="4:5" x14ac:dyDescent="0.25">
      <c r="D14497" s="6">
        <v>5758.9179999999997</v>
      </c>
      <c r="E14497" s="6">
        <v>751.75490000000002</v>
      </c>
    </row>
    <row r="14498" spans="4:5" x14ac:dyDescent="0.25">
      <c r="D14498" s="6">
        <v>579.02260000000001</v>
      </c>
      <c r="E14498" s="6">
        <v>822.21749999999997</v>
      </c>
    </row>
    <row r="14499" spans="4:5" x14ac:dyDescent="0.25">
      <c r="D14499" s="6">
        <v>504.18790000000001</v>
      </c>
      <c r="E14499" s="6">
        <v>500.2269</v>
      </c>
    </row>
    <row r="14500" spans="4:5" x14ac:dyDescent="0.25">
      <c r="D14500" s="6">
        <v>534.73099999999999</v>
      </c>
      <c r="E14500" s="6">
        <v>8278.8109999999997</v>
      </c>
    </row>
    <row r="14501" spans="4:5" x14ac:dyDescent="0.25">
      <c r="D14501" s="6">
        <v>1044.0409999999999</v>
      </c>
      <c r="E14501" s="6">
        <v>714.5</v>
      </c>
    </row>
    <row r="14502" spans="4:5" x14ac:dyDescent="0.25">
      <c r="D14502" s="6">
        <v>566.52970000000005</v>
      </c>
      <c r="E14502" s="6">
        <v>825.60730000000001</v>
      </c>
    </row>
    <row r="14503" spans="4:5" x14ac:dyDescent="0.25">
      <c r="D14503" s="6">
        <v>7760.5690000000004</v>
      </c>
      <c r="E14503" s="6">
        <v>681.85990000000004</v>
      </c>
    </row>
    <row r="14504" spans="4:5" x14ac:dyDescent="0.25">
      <c r="D14504" s="6">
        <v>1640.9359999999999</v>
      </c>
      <c r="E14504" s="6">
        <v>852.22500000000002</v>
      </c>
    </row>
    <row r="14505" spans="4:5" x14ac:dyDescent="0.25">
      <c r="D14505" s="6">
        <v>740.92420000000004</v>
      </c>
      <c r="E14505" s="6">
        <v>2078.6419999999998</v>
      </c>
    </row>
    <row r="14506" spans="4:5" x14ac:dyDescent="0.25">
      <c r="D14506" s="6">
        <v>529.23530000000005</v>
      </c>
      <c r="E14506" s="6">
        <v>973.55550000000005</v>
      </c>
    </row>
    <row r="14507" spans="4:5" x14ac:dyDescent="0.25">
      <c r="D14507" s="6">
        <v>656.65219999999999</v>
      </c>
      <c r="E14507" s="6">
        <v>1642.01</v>
      </c>
    </row>
    <row r="14508" spans="4:5" x14ac:dyDescent="0.25">
      <c r="D14508" s="6">
        <v>648.32460000000003</v>
      </c>
      <c r="E14508" s="6">
        <v>592.47190000000001</v>
      </c>
    </row>
    <row r="14509" spans="4:5" x14ac:dyDescent="0.25">
      <c r="D14509" s="6">
        <v>6514.6989999999996</v>
      </c>
      <c r="E14509" s="6">
        <v>3966.9540000000002</v>
      </c>
    </row>
    <row r="14510" spans="4:5" x14ac:dyDescent="0.25">
      <c r="D14510" s="6">
        <v>1362.13</v>
      </c>
      <c r="E14510" s="6">
        <v>679.28480000000002</v>
      </c>
    </row>
    <row r="14511" spans="4:5" x14ac:dyDescent="0.25">
      <c r="D14511" s="6">
        <v>519.70010000000002</v>
      </c>
      <c r="E14511" s="6">
        <v>501.30259999999998</v>
      </c>
    </row>
    <row r="14512" spans="4:5" x14ac:dyDescent="0.25">
      <c r="D14512" s="6">
        <v>2040.875</v>
      </c>
      <c r="E14512" s="6">
        <v>668.9787</v>
      </c>
    </row>
    <row r="14513" spans="4:5" x14ac:dyDescent="0.25">
      <c r="D14513" s="6">
        <v>674.06479999999999</v>
      </c>
      <c r="E14513" s="6">
        <v>847.8963</v>
      </c>
    </row>
    <row r="14514" spans="4:5" x14ac:dyDescent="0.25">
      <c r="D14514" s="6">
        <v>565.05060000000003</v>
      </c>
      <c r="E14514" s="6">
        <v>991.08839999999998</v>
      </c>
    </row>
    <row r="14515" spans="4:5" x14ac:dyDescent="0.25">
      <c r="D14515" s="6">
        <v>635.60140000000001</v>
      </c>
      <c r="E14515" s="6">
        <v>879.06820000000005</v>
      </c>
    </row>
    <row r="14516" spans="4:5" x14ac:dyDescent="0.25">
      <c r="D14516" s="6">
        <v>933.5557</v>
      </c>
      <c r="E14516" s="6">
        <v>857.49080000000004</v>
      </c>
    </row>
    <row r="14517" spans="4:5" x14ac:dyDescent="0.25">
      <c r="D14517" s="6">
        <v>521.51409999999998</v>
      </c>
      <c r="E14517" s="6">
        <v>589.05179999999996</v>
      </c>
    </row>
    <row r="14518" spans="4:5" x14ac:dyDescent="0.25">
      <c r="D14518" s="6">
        <v>476.12849999999997</v>
      </c>
      <c r="E14518" s="6">
        <v>660.01279999999997</v>
      </c>
    </row>
    <row r="14519" spans="4:5" x14ac:dyDescent="0.25">
      <c r="D14519" s="6">
        <v>616.83780000000002</v>
      </c>
      <c r="E14519" s="6">
        <v>988.45540000000005</v>
      </c>
    </row>
    <row r="14520" spans="4:5" x14ac:dyDescent="0.25">
      <c r="D14520" s="6">
        <v>680.11199999999997</v>
      </c>
      <c r="E14520" s="6">
        <v>7184.241</v>
      </c>
    </row>
    <row r="14521" spans="4:5" x14ac:dyDescent="0.25">
      <c r="D14521" s="6">
        <v>532.41970000000003</v>
      </c>
      <c r="E14521" s="6">
        <v>2501.105</v>
      </c>
    </row>
    <row r="14522" spans="4:5" x14ac:dyDescent="0.25">
      <c r="D14522" s="6">
        <v>540.08690000000001</v>
      </c>
      <c r="E14522" s="6">
        <v>653.38879999999995</v>
      </c>
    </row>
    <row r="14523" spans="4:5" x14ac:dyDescent="0.25">
      <c r="D14523" s="6">
        <v>957.12909999999999</v>
      </c>
      <c r="E14523" s="6">
        <v>629.80460000000005</v>
      </c>
    </row>
    <row r="14524" spans="4:5" x14ac:dyDescent="0.25">
      <c r="D14524" s="6">
        <v>498.30770000000001</v>
      </c>
      <c r="E14524" s="6">
        <v>773.19359999999995</v>
      </c>
    </row>
    <row r="14525" spans="4:5" x14ac:dyDescent="0.25">
      <c r="D14525" s="6">
        <v>545.73360000000002</v>
      </c>
      <c r="E14525" s="6">
        <v>675.34969999999998</v>
      </c>
    </row>
    <row r="14526" spans="4:5" x14ac:dyDescent="0.25">
      <c r="D14526" s="6">
        <v>533.03150000000005</v>
      </c>
      <c r="E14526" s="6">
        <v>7986.0469999999996</v>
      </c>
    </row>
    <row r="14527" spans="4:5" x14ac:dyDescent="0.25">
      <c r="D14527" s="6">
        <v>641.96529999999996</v>
      </c>
      <c r="E14527" s="6">
        <v>1884.9010000000001</v>
      </c>
    </row>
    <row r="14528" spans="4:5" x14ac:dyDescent="0.25">
      <c r="D14528" s="6">
        <v>1005.761</v>
      </c>
      <c r="E14528" s="6">
        <v>7191.0159999999996</v>
      </c>
    </row>
    <row r="14529" spans="4:5" x14ac:dyDescent="0.25">
      <c r="D14529" s="6">
        <v>437.90010000000001</v>
      </c>
      <c r="E14529" s="6">
        <v>7332.3609999999999</v>
      </c>
    </row>
    <row r="14530" spans="4:5" x14ac:dyDescent="0.25">
      <c r="D14530" s="6">
        <v>555.64430000000004</v>
      </c>
      <c r="E14530" s="6">
        <v>1292.7809999999999</v>
      </c>
    </row>
    <row r="14531" spans="4:5" x14ac:dyDescent="0.25">
      <c r="D14531" s="6">
        <v>605.95450000000005</v>
      </c>
      <c r="E14531" s="6">
        <v>662.27629999999999</v>
      </c>
    </row>
    <row r="14532" spans="4:5" x14ac:dyDescent="0.25">
      <c r="D14532" s="6">
        <v>678.22670000000005</v>
      </c>
      <c r="E14532" s="6">
        <v>598.58309999999994</v>
      </c>
    </row>
    <row r="14533" spans="4:5" x14ac:dyDescent="0.25">
      <c r="D14533" s="6">
        <v>530.78290000000004</v>
      </c>
      <c r="E14533" s="6">
        <v>15496.67</v>
      </c>
    </row>
    <row r="14534" spans="4:5" x14ac:dyDescent="0.25">
      <c r="D14534" s="6">
        <v>485.7303</v>
      </c>
      <c r="E14534" s="6">
        <v>5910.1980000000003</v>
      </c>
    </row>
    <row r="14535" spans="4:5" x14ac:dyDescent="0.25">
      <c r="D14535" s="6">
        <v>5002.8209999999999</v>
      </c>
      <c r="E14535" s="6">
        <v>1031.114</v>
      </c>
    </row>
    <row r="14536" spans="4:5" x14ac:dyDescent="0.25">
      <c r="D14536" s="6">
        <v>580.8229</v>
      </c>
      <c r="E14536" s="6">
        <v>2529.7359999999999</v>
      </c>
    </row>
    <row r="14537" spans="4:5" x14ac:dyDescent="0.25">
      <c r="D14537" s="6">
        <v>514.35379999999998</v>
      </c>
      <c r="E14537" s="6">
        <v>8061.0510000000004</v>
      </c>
    </row>
    <row r="14538" spans="4:5" x14ac:dyDescent="0.25">
      <c r="D14538" s="6">
        <v>548.70349999999996</v>
      </c>
      <c r="E14538" s="6">
        <v>4990.3280000000004</v>
      </c>
    </row>
    <row r="14539" spans="4:5" x14ac:dyDescent="0.25">
      <c r="D14539" s="6">
        <v>636.57569999999998</v>
      </c>
      <c r="E14539" s="6">
        <v>2231.0369999999998</v>
      </c>
    </row>
    <row r="14540" spans="4:5" x14ac:dyDescent="0.25">
      <c r="D14540" s="6">
        <v>520.8537</v>
      </c>
      <c r="E14540" s="6">
        <v>891.2364</v>
      </c>
    </row>
    <row r="14541" spans="4:5" x14ac:dyDescent="0.25">
      <c r="D14541" s="6">
        <v>3368.6489999999999</v>
      </c>
      <c r="E14541" s="6">
        <v>934.41179999999997</v>
      </c>
    </row>
    <row r="14542" spans="4:5" x14ac:dyDescent="0.25">
      <c r="D14542" s="6">
        <v>688.51900000000001</v>
      </c>
      <c r="E14542" s="6">
        <v>2030.258</v>
      </c>
    </row>
    <row r="14543" spans="4:5" x14ac:dyDescent="0.25">
      <c r="D14543" s="6">
        <v>419.63010000000003</v>
      </c>
      <c r="E14543" s="6">
        <v>717.52170000000001</v>
      </c>
    </row>
    <row r="14544" spans="4:5" x14ac:dyDescent="0.25">
      <c r="D14544" s="6">
        <v>548.55510000000004</v>
      </c>
      <c r="E14544" s="6">
        <v>872.45039999999995</v>
      </c>
    </row>
    <row r="14545" spans="4:5" x14ac:dyDescent="0.25">
      <c r="D14545" s="6">
        <v>553.26120000000003</v>
      </c>
      <c r="E14545" s="6">
        <v>5622.1639999999998</v>
      </c>
    </row>
    <row r="14546" spans="4:5" x14ac:dyDescent="0.25">
      <c r="D14546" s="6">
        <v>457.88400000000001</v>
      </c>
      <c r="E14546" s="6">
        <v>1012.5940000000001</v>
      </c>
    </row>
    <row r="14547" spans="4:5" x14ac:dyDescent="0.25">
      <c r="D14547" s="6">
        <v>454.2679</v>
      </c>
      <c r="E14547" s="6">
        <v>767.19380000000001</v>
      </c>
    </row>
    <row r="14548" spans="4:5" x14ac:dyDescent="0.25">
      <c r="D14548" s="6">
        <v>565.77880000000005</v>
      </c>
      <c r="E14548" s="6">
        <v>780.46770000000004</v>
      </c>
    </row>
    <row r="14549" spans="4:5" x14ac:dyDescent="0.25">
      <c r="D14549" s="6">
        <v>591.65710000000001</v>
      </c>
      <c r="E14549" s="6">
        <v>745.99149999999997</v>
      </c>
    </row>
    <row r="14550" spans="4:5" x14ac:dyDescent="0.25">
      <c r="D14550" s="6">
        <v>758.79359999999997</v>
      </c>
      <c r="E14550" s="6">
        <v>928.35569999999996</v>
      </c>
    </row>
    <row r="14551" spans="4:5" x14ac:dyDescent="0.25">
      <c r="D14551" s="6">
        <v>586.38959999999997</v>
      </c>
      <c r="E14551" s="6">
        <v>675.20690000000002</v>
      </c>
    </row>
    <row r="14552" spans="4:5" x14ac:dyDescent="0.25">
      <c r="D14552" s="6">
        <v>500.70530000000002</v>
      </c>
      <c r="E14552" s="6">
        <v>739.91840000000002</v>
      </c>
    </row>
    <row r="14553" spans="4:5" x14ac:dyDescent="0.25">
      <c r="D14553" s="6">
        <v>506.24380000000002</v>
      </c>
      <c r="E14553" s="6">
        <v>811.71</v>
      </c>
    </row>
    <row r="14554" spans="4:5" x14ac:dyDescent="0.25">
      <c r="D14554" s="6">
        <v>555.4778</v>
      </c>
      <c r="E14554" s="6">
        <v>1854.549</v>
      </c>
    </row>
    <row r="14555" spans="4:5" x14ac:dyDescent="0.25">
      <c r="D14555" s="6">
        <v>531.90369999999996</v>
      </c>
      <c r="E14555" s="6">
        <v>1874.91</v>
      </c>
    </row>
    <row r="14556" spans="4:5" x14ac:dyDescent="0.25">
      <c r="D14556" s="6">
        <v>703.30430000000001</v>
      </c>
      <c r="E14556" s="6">
        <v>653.96029999999996</v>
      </c>
    </row>
    <row r="14557" spans="4:5" x14ac:dyDescent="0.25">
      <c r="D14557" s="6">
        <v>509.8766</v>
      </c>
      <c r="E14557" s="6">
        <v>770.68399999999997</v>
      </c>
    </row>
    <row r="14558" spans="4:5" x14ac:dyDescent="0.25">
      <c r="D14558" s="6">
        <v>661.94929999999999</v>
      </c>
      <c r="E14558" s="6">
        <v>864.00599999999997</v>
      </c>
    </row>
    <row r="14559" spans="4:5" x14ac:dyDescent="0.25">
      <c r="D14559" s="6">
        <v>705.13509999999997</v>
      </c>
      <c r="E14559" s="6">
        <v>6536.7759999999998</v>
      </c>
    </row>
    <row r="14560" spans="4:5" x14ac:dyDescent="0.25">
      <c r="D14560" s="6">
        <v>536.35799999999995</v>
      </c>
      <c r="E14560" s="6">
        <v>6429.5619999999999</v>
      </c>
    </row>
    <row r="14561" spans="4:5" x14ac:dyDescent="0.25">
      <c r="D14561" s="6">
        <v>493.86110000000002</v>
      </c>
      <c r="E14561" s="6">
        <v>755.80190000000005</v>
      </c>
    </row>
    <row r="14562" spans="4:5" x14ac:dyDescent="0.25">
      <c r="D14562" s="6">
        <v>500.09320000000002</v>
      </c>
      <c r="E14562" s="6">
        <v>9129</v>
      </c>
    </row>
    <row r="14563" spans="4:5" x14ac:dyDescent="0.25">
      <c r="D14563" s="6">
        <v>704.62189999999998</v>
      </c>
      <c r="E14563" s="6">
        <v>572.2867</v>
      </c>
    </row>
    <row r="14564" spans="4:5" x14ac:dyDescent="0.25">
      <c r="D14564" s="6">
        <v>1633.537</v>
      </c>
      <c r="E14564" s="6">
        <v>972.34979999999996</v>
      </c>
    </row>
    <row r="14565" spans="4:5" x14ac:dyDescent="0.25">
      <c r="D14565" s="6">
        <v>1612.375</v>
      </c>
      <c r="E14565" s="6">
        <v>835.62540000000001</v>
      </c>
    </row>
    <row r="14566" spans="4:5" x14ac:dyDescent="0.25">
      <c r="D14566" s="6">
        <v>524.3877</v>
      </c>
      <c r="E14566" s="6">
        <v>706.06550000000004</v>
      </c>
    </row>
    <row r="14567" spans="4:5" x14ac:dyDescent="0.25">
      <c r="D14567" s="6">
        <v>647.16669999999999</v>
      </c>
      <c r="E14567" s="6">
        <v>6766.3530000000001</v>
      </c>
    </row>
    <row r="14568" spans="4:5" x14ac:dyDescent="0.25">
      <c r="D14568" s="6">
        <v>4448.5709999999999</v>
      </c>
      <c r="E14568" s="6">
        <v>586.75739999999996</v>
      </c>
    </row>
    <row r="14569" spans="4:5" x14ac:dyDescent="0.25">
      <c r="D14569" s="6">
        <v>404.59179999999998</v>
      </c>
      <c r="E14569" s="6">
        <v>747.80700000000002</v>
      </c>
    </row>
    <row r="14570" spans="4:5" x14ac:dyDescent="0.25">
      <c r="D14570" s="6">
        <v>875.30939999999998</v>
      </c>
      <c r="E14570" s="6">
        <v>714.53219999999999</v>
      </c>
    </row>
    <row r="14571" spans="4:5" x14ac:dyDescent="0.25">
      <c r="D14571" s="6">
        <v>472.61309999999997</v>
      </c>
      <c r="E14571" s="6">
        <v>6231.2290000000003</v>
      </c>
    </row>
    <row r="14572" spans="4:5" x14ac:dyDescent="0.25">
      <c r="D14572" s="6">
        <v>1965.056</v>
      </c>
      <c r="E14572" s="6">
        <v>815.75340000000006</v>
      </c>
    </row>
    <row r="14573" spans="4:5" x14ac:dyDescent="0.25">
      <c r="D14573" s="6">
        <v>557.10360000000003</v>
      </c>
      <c r="E14573" s="6">
        <v>913.76499999999999</v>
      </c>
    </row>
    <row r="14574" spans="4:5" x14ac:dyDescent="0.25">
      <c r="D14574" s="6">
        <v>546.73590000000002</v>
      </c>
      <c r="E14574" s="6">
        <v>660.35969999999998</v>
      </c>
    </row>
    <row r="14575" spans="4:5" x14ac:dyDescent="0.25">
      <c r="D14575" s="6">
        <v>3978.2020000000002</v>
      </c>
      <c r="E14575" s="6">
        <v>691.99</v>
      </c>
    </row>
    <row r="14576" spans="4:5" x14ac:dyDescent="0.25">
      <c r="D14576" s="6">
        <v>651.35320000000002</v>
      </c>
      <c r="E14576" s="6">
        <v>7403.9539999999997</v>
      </c>
    </row>
    <row r="14577" spans="4:5" x14ac:dyDescent="0.25">
      <c r="D14577" s="6">
        <v>562.22760000000005</v>
      </c>
      <c r="E14577" s="6">
        <v>6938.6989999999996</v>
      </c>
    </row>
    <row r="14578" spans="4:5" x14ac:dyDescent="0.25">
      <c r="D14578" s="6">
        <v>598.18389999999999</v>
      </c>
      <c r="E14578" s="6">
        <v>6372.8729999999996</v>
      </c>
    </row>
    <row r="14579" spans="4:5" x14ac:dyDescent="0.25">
      <c r="D14579" s="6">
        <v>853</v>
      </c>
      <c r="E14579" s="6">
        <v>599.43979999999999</v>
      </c>
    </row>
    <row r="14580" spans="4:5" x14ac:dyDescent="0.25">
      <c r="D14580" s="6">
        <v>642.13160000000005</v>
      </c>
      <c r="E14580" s="6">
        <v>891.9588</v>
      </c>
    </row>
    <row r="14581" spans="4:5" x14ac:dyDescent="0.25">
      <c r="D14581" s="6">
        <v>1321.0889999999999</v>
      </c>
      <c r="E14581" s="6">
        <v>7513.433</v>
      </c>
    </row>
    <row r="14582" spans="4:5" x14ac:dyDescent="0.25">
      <c r="D14582" s="6">
        <v>571.49090000000001</v>
      </c>
      <c r="E14582" s="6">
        <v>893.99760000000003</v>
      </c>
    </row>
    <row r="14583" spans="4:5" x14ac:dyDescent="0.25">
      <c r="D14583" s="6">
        <v>540.09780000000001</v>
      </c>
      <c r="E14583" s="6">
        <v>676.03989999999999</v>
      </c>
    </row>
    <row r="14584" spans="4:5" x14ac:dyDescent="0.25">
      <c r="D14584" s="6">
        <v>3506.5</v>
      </c>
      <c r="E14584" s="6">
        <v>939.9008</v>
      </c>
    </row>
    <row r="14585" spans="4:5" x14ac:dyDescent="0.25">
      <c r="D14585" s="6">
        <v>615.69309999999996</v>
      </c>
      <c r="E14585" s="6">
        <v>698.54219999999998</v>
      </c>
    </row>
    <row r="14586" spans="4:5" x14ac:dyDescent="0.25">
      <c r="D14586" s="6">
        <v>6224.8720000000003</v>
      </c>
      <c r="E14586" s="6">
        <v>3755.4070000000002</v>
      </c>
    </row>
    <row r="14587" spans="4:5" x14ac:dyDescent="0.25">
      <c r="D14587" s="6">
        <v>570.06979999999999</v>
      </c>
      <c r="E14587" s="6">
        <v>702.46630000000005</v>
      </c>
    </row>
    <row r="14588" spans="4:5" x14ac:dyDescent="0.25">
      <c r="D14588" s="6">
        <v>487.57819999999998</v>
      </c>
      <c r="E14588" s="6">
        <v>656.54840000000002</v>
      </c>
    </row>
    <row r="14589" spans="4:5" x14ac:dyDescent="0.25">
      <c r="D14589" s="6">
        <v>794.48990000000003</v>
      </c>
      <c r="E14589" s="6">
        <v>2881.489</v>
      </c>
    </row>
    <row r="14590" spans="4:5" x14ac:dyDescent="0.25">
      <c r="D14590" s="6">
        <v>550.31169999999997</v>
      </c>
      <c r="E14590" s="6">
        <v>703.57510000000002</v>
      </c>
    </row>
    <row r="14591" spans="4:5" x14ac:dyDescent="0.25">
      <c r="D14591" s="6">
        <v>788.0847</v>
      </c>
      <c r="E14591" s="6">
        <v>612.10640000000001</v>
      </c>
    </row>
    <row r="14592" spans="4:5" x14ac:dyDescent="0.25">
      <c r="D14592" s="6">
        <v>497.01080000000002</v>
      </c>
      <c r="E14592" s="6">
        <v>662.61969999999997</v>
      </c>
    </row>
    <row r="14593" spans="4:5" x14ac:dyDescent="0.25">
      <c r="D14593" s="6">
        <v>840.17650000000003</v>
      </c>
      <c r="E14593" s="6">
        <v>696.09450000000004</v>
      </c>
    </row>
    <row r="14594" spans="4:5" x14ac:dyDescent="0.25">
      <c r="D14594" s="6">
        <v>666.17420000000004</v>
      </c>
      <c r="E14594" s="6">
        <v>795.07050000000004</v>
      </c>
    </row>
    <row r="14595" spans="4:5" x14ac:dyDescent="0.25">
      <c r="D14595" s="6">
        <v>4590.9920000000002</v>
      </c>
      <c r="E14595" s="6">
        <v>1745.327</v>
      </c>
    </row>
    <row r="14596" spans="4:5" x14ac:dyDescent="0.25">
      <c r="D14596" s="6">
        <v>581.37959999999998</v>
      </c>
      <c r="E14596" s="6">
        <v>2061.2510000000002</v>
      </c>
    </row>
    <row r="14597" spans="4:5" x14ac:dyDescent="0.25">
      <c r="D14597" s="6">
        <v>4972.4309999999996</v>
      </c>
      <c r="E14597" s="6">
        <v>855.11469999999997</v>
      </c>
    </row>
    <row r="14598" spans="4:5" x14ac:dyDescent="0.25">
      <c r="D14598" s="6">
        <v>1574.585</v>
      </c>
      <c r="E14598" s="6">
        <v>1029.2719999999999</v>
      </c>
    </row>
    <row r="14599" spans="4:5" x14ac:dyDescent="0.25">
      <c r="D14599" s="6">
        <v>901.33399999999995</v>
      </c>
      <c r="E14599" s="6">
        <v>776.21709999999996</v>
      </c>
    </row>
    <row r="14600" spans="4:5" x14ac:dyDescent="0.25">
      <c r="D14600" s="6">
        <v>599.31439999999998</v>
      </c>
      <c r="E14600" s="6">
        <v>618.6114</v>
      </c>
    </row>
    <row r="14601" spans="4:5" x14ac:dyDescent="0.25">
      <c r="D14601" s="6">
        <v>664.01850000000002</v>
      </c>
      <c r="E14601" s="6">
        <v>2358.1460000000002</v>
      </c>
    </row>
    <row r="14602" spans="4:5" x14ac:dyDescent="0.25">
      <c r="D14602" s="6">
        <v>711.42010000000005</v>
      </c>
      <c r="E14602" s="6">
        <v>5822.74</v>
      </c>
    </row>
    <row r="14603" spans="4:5" x14ac:dyDescent="0.25">
      <c r="D14603" s="6">
        <v>737.66089999999997</v>
      </c>
      <c r="E14603" s="6">
        <v>590.89059999999995</v>
      </c>
    </row>
    <row r="14604" spans="4:5" x14ac:dyDescent="0.25">
      <c r="D14604" s="6">
        <v>891.89530000000002</v>
      </c>
      <c r="E14604" s="6">
        <v>787.54409999999996</v>
      </c>
    </row>
    <row r="14605" spans="4:5" x14ac:dyDescent="0.25">
      <c r="D14605" s="6">
        <v>569.09379999999999</v>
      </c>
      <c r="E14605" s="6">
        <v>928.81809999999996</v>
      </c>
    </row>
    <row r="14606" spans="4:5" x14ac:dyDescent="0.25">
      <c r="D14606" s="6">
        <v>639.16669999999999</v>
      </c>
      <c r="E14606" s="6">
        <v>764.19709999999998</v>
      </c>
    </row>
    <row r="14607" spans="4:5" x14ac:dyDescent="0.25">
      <c r="D14607" s="6">
        <v>576.13310000000001</v>
      </c>
      <c r="E14607" s="6">
        <v>650.48040000000003</v>
      </c>
    </row>
    <row r="14608" spans="4:5" x14ac:dyDescent="0.25">
      <c r="D14608" s="6">
        <v>582.46579999999994</v>
      </c>
      <c r="E14608" s="6">
        <v>10362.52</v>
      </c>
    </row>
    <row r="14609" spans="4:5" x14ac:dyDescent="0.25">
      <c r="D14609" s="6">
        <v>999.29079999999999</v>
      </c>
      <c r="E14609" s="6">
        <v>7204.4229999999998</v>
      </c>
    </row>
    <row r="14610" spans="4:5" x14ac:dyDescent="0.25">
      <c r="D14610" s="6">
        <v>477.87360000000001</v>
      </c>
      <c r="E14610" s="6">
        <v>649.85069999999996</v>
      </c>
    </row>
    <row r="14611" spans="4:5" x14ac:dyDescent="0.25">
      <c r="D14611" s="6">
        <v>552.32129999999995</v>
      </c>
      <c r="E14611" s="6">
        <v>996.89769999999999</v>
      </c>
    </row>
    <row r="14612" spans="4:5" x14ac:dyDescent="0.25">
      <c r="D14612" s="6">
        <v>489.14550000000003</v>
      </c>
      <c r="E14612" s="6">
        <v>653.85709999999995</v>
      </c>
    </row>
    <row r="14613" spans="4:5" x14ac:dyDescent="0.25">
      <c r="D14613" s="6">
        <v>801.51769999999999</v>
      </c>
      <c r="E14613" s="6">
        <v>1365.489</v>
      </c>
    </row>
    <row r="14614" spans="4:5" x14ac:dyDescent="0.25">
      <c r="D14614" s="6">
        <v>476.31220000000002</v>
      </c>
      <c r="E14614" s="6">
        <v>1135.123</v>
      </c>
    </row>
    <row r="14615" spans="4:5" x14ac:dyDescent="0.25">
      <c r="D14615" s="6">
        <v>456.01350000000002</v>
      </c>
      <c r="E14615" s="6">
        <v>1438.251</v>
      </c>
    </row>
    <row r="14616" spans="4:5" x14ac:dyDescent="0.25">
      <c r="D14616" s="6">
        <v>3177.415</v>
      </c>
      <c r="E14616" s="6">
        <v>1735.6120000000001</v>
      </c>
    </row>
    <row r="14617" spans="4:5" x14ac:dyDescent="0.25">
      <c r="D14617" s="6">
        <v>4971.5739999999996</v>
      </c>
      <c r="E14617" s="6">
        <v>532.35339999999997</v>
      </c>
    </row>
    <row r="14618" spans="4:5" x14ac:dyDescent="0.25">
      <c r="D14618" s="6">
        <v>6215.1090000000004</v>
      </c>
      <c r="E14618" s="6">
        <v>1081.587</v>
      </c>
    </row>
    <row r="14619" spans="4:5" x14ac:dyDescent="0.25">
      <c r="D14619" s="6">
        <v>643.92330000000004</v>
      </c>
      <c r="E14619" s="6">
        <v>915.9221</v>
      </c>
    </row>
    <row r="14620" spans="4:5" x14ac:dyDescent="0.25">
      <c r="D14620" s="6">
        <v>504.80840000000001</v>
      </c>
      <c r="E14620" s="6">
        <v>2225.7289999999998</v>
      </c>
    </row>
    <row r="14621" spans="4:5" x14ac:dyDescent="0.25">
      <c r="D14621" s="6">
        <v>548.60699999999997</v>
      </c>
      <c r="E14621" s="6">
        <v>640.88620000000003</v>
      </c>
    </row>
    <row r="14622" spans="4:5" x14ac:dyDescent="0.25">
      <c r="D14622" s="6">
        <v>555.73710000000005</v>
      </c>
      <c r="E14622" s="6">
        <v>2296.951</v>
      </c>
    </row>
    <row r="14623" spans="4:5" x14ac:dyDescent="0.25">
      <c r="D14623" s="6">
        <v>537.91909999999996</v>
      </c>
      <c r="E14623" s="6">
        <v>902.68520000000001</v>
      </c>
    </row>
    <row r="14624" spans="4:5" x14ac:dyDescent="0.25">
      <c r="D14624" s="6">
        <v>1088.847</v>
      </c>
      <c r="E14624" s="6">
        <v>739.94140000000004</v>
      </c>
    </row>
    <row r="14625" spans="4:5" x14ac:dyDescent="0.25">
      <c r="D14625" s="6">
        <v>615.08550000000002</v>
      </c>
      <c r="E14625" s="6">
        <v>5579.6610000000001</v>
      </c>
    </row>
    <row r="14626" spans="4:5" x14ac:dyDescent="0.25">
      <c r="D14626" s="6">
        <v>572.63019999999995</v>
      </c>
      <c r="E14626" s="6">
        <v>1085.412</v>
      </c>
    </row>
    <row r="14627" spans="4:5" x14ac:dyDescent="0.25">
      <c r="D14627" s="6">
        <v>656.89649999999995</v>
      </c>
      <c r="E14627" s="6">
        <v>1036.5429999999999</v>
      </c>
    </row>
    <row r="14628" spans="4:5" x14ac:dyDescent="0.25">
      <c r="D14628" s="6">
        <v>695.07039999999995</v>
      </c>
      <c r="E14628" s="6">
        <v>722.61080000000004</v>
      </c>
    </row>
    <row r="14629" spans="4:5" x14ac:dyDescent="0.25">
      <c r="D14629" s="6">
        <v>582.20680000000004</v>
      </c>
      <c r="E14629" s="6">
        <v>681.0951</v>
      </c>
    </row>
    <row r="14630" spans="4:5" x14ac:dyDescent="0.25">
      <c r="D14630" s="6">
        <v>765.90650000000005</v>
      </c>
      <c r="E14630" s="6">
        <v>7986.0069999999996</v>
      </c>
    </row>
    <row r="14631" spans="4:5" x14ac:dyDescent="0.25">
      <c r="D14631" s="6">
        <v>1156.595</v>
      </c>
      <c r="E14631" s="6">
        <v>902.10069999999996</v>
      </c>
    </row>
    <row r="14632" spans="4:5" x14ac:dyDescent="0.25">
      <c r="D14632" s="6">
        <v>2659.3180000000002</v>
      </c>
      <c r="E14632" s="6">
        <v>877.88019999999995</v>
      </c>
    </row>
    <row r="14633" spans="4:5" x14ac:dyDescent="0.25">
      <c r="D14633" s="6">
        <v>701.18060000000003</v>
      </c>
      <c r="E14633" s="6">
        <v>722.28499999999997</v>
      </c>
    </row>
    <row r="14634" spans="4:5" x14ac:dyDescent="0.25">
      <c r="D14634" s="6">
        <v>533.54989999999998</v>
      </c>
      <c r="E14634" s="6">
        <v>1108.366</v>
      </c>
    </row>
    <row r="14635" spans="4:5" x14ac:dyDescent="0.25">
      <c r="D14635" s="6">
        <v>550.85500000000002</v>
      </c>
      <c r="E14635" s="6">
        <v>753.68449999999996</v>
      </c>
    </row>
    <row r="14636" spans="4:5" x14ac:dyDescent="0.25">
      <c r="D14636" s="6">
        <v>628.13660000000004</v>
      </c>
      <c r="E14636" s="6">
        <v>4245.0039999999999</v>
      </c>
    </row>
    <row r="14637" spans="4:5" x14ac:dyDescent="0.25">
      <c r="D14637" s="6">
        <v>656.65009999999995</v>
      </c>
      <c r="E14637" s="6">
        <v>848.67259999999999</v>
      </c>
    </row>
    <row r="14638" spans="4:5" x14ac:dyDescent="0.25">
      <c r="D14638" s="6">
        <v>679.64509999999996</v>
      </c>
      <c r="E14638" s="6">
        <v>548.47180000000003</v>
      </c>
    </row>
    <row r="14639" spans="4:5" x14ac:dyDescent="0.25">
      <c r="D14639" s="6">
        <v>611.92190000000005</v>
      </c>
      <c r="E14639" s="6">
        <v>671.51670000000001</v>
      </c>
    </row>
    <row r="14640" spans="4:5" x14ac:dyDescent="0.25">
      <c r="D14640" s="6">
        <v>433.94439999999997</v>
      </c>
      <c r="E14640" s="6">
        <v>619.4556</v>
      </c>
    </row>
    <row r="14641" spans="4:5" x14ac:dyDescent="0.25">
      <c r="D14641" s="6">
        <v>585.60709999999995</v>
      </c>
      <c r="E14641" s="6">
        <v>560.5</v>
      </c>
    </row>
    <row r="14642" spans="4:5" x14ac:dyDescent="0.25">
      <c r="D14642" s="6">
        <v>478.18380000000002</v>
      </c>
      <c r="E14642" s="6">
        <v>422.5111</v>
      </c>
    </row>
    <row r="14643" spans="4:5" x14ac:dyDescent="0.25">
      <c r="D14643" s="6">
        <v>646.9194</v>
      </c>
      <c r="E14643" s="6">
        <v>656.20889999999997</v>
      </c>
    </row>
    <row r="14644" spans="4:5" x14ac:dyDescent="0.25">
      <c r="D14644" s="6">
        <v>558.86270000000002</v>
      </c>
      <c r="E14644" s="6">
        <v>6937.9650000000001</v>
      </c>
    </row>
    <row r="14645" spans="4:5" x14ac:dyDescent="0.25">
      <c r="D14645" s="6">
        <v>529.84879999999998</v>
      </c>
      <c r="E14645" s="6">
        <v>2346.7429999999999</v>
      </c>
    </row>
    <row r="14646" spans="4:5" x14ac:dyDescent="0.25">
      <c r="D14646" s="6">
        <v>539.05060000000003</v>
      </c>
      <c r="E14646" s="6">
        <v>958.553</v>
      </c>
    </row>
    <row r="14647" spans="4:5" x14ac:dyDescent="0.25">
      <c r="D14647" s="6">
        <v>481.1429</v>
      </c>
      <c r="E14647" s="6">
        <v>729.77189999999996</v>
      </c>
    </row>
    <row r="14648" spans="4:5" x14ac:dyDescent="0.25">
      <c r="D14648" s="6">
        <v>1063.2449999999999</v>
      </c>
      <c r="E14648" s="6">
        <v>3713.498</v>
      </c>
    </row>
    <row r="14649" spans="4:5" x14ac:dyDescent="0.25">
      <c r="D14649" s="6">
        <v>492.90960000000001</v>
      </c>
      <c r="E14649" s="6">
        <v>991.11919999999998</v>
      </c>
    </row>
    <row r="14650" spans="4:5" x14ac:dyDescent="0.25">
      <c r="D14650" s="6">
        <v>448.28199999999998</v>
      </c>
      <c r="E14650" s="6">
        <v>953.68200000000002</v>
      </c>
    </row>
    <row r="14651" spans="4:5" x14ac:dyDescent="0.25">
      <c r="D14651" s="6">
        <v>511.84710000000001</v>
      </c>
      <c r="E14651" s="6">
        <v>3439.1979999999999</v>
      </c>
    </row>
    <row r="14652" spans="4:5" x14ac:dyDescent="0.25">
      <c r="D14652" s="6">
        <v>706.44640000000004</v>
      </c>
      <c r="E14652" s="6">
        <v>6859.4669999999996</v>
      </c>
    </row>
    <row r="14653" spans="4:5" x14ac:dyDescent="0.25">
      <c r="D14653" s="6">
        <v>500.54</v>
      </c>
      <c r="E14653" s="6">
        <v>938.6431</v>
      </c>
    </row>
    <row r="14654" spans="4:5" x14ac:dyDescent="0.25">
      <c r="D14654" s="6">
        <v>926.74069999999995</v>
      </c>
      <c r="E14654" s="6">
        <v>1695.556</v>
      </c>
    </row>
    <row r="14655" spans="4:5" x14ac:dyDescent="0.25">
      <c r="D14655" s="6">
        <v>728.48680000000002</v>
      </c>
      <c r="E14655" s="6">
        <v>735.34960000000001</v>
      </c>
    </row>
    <row r="14656" spans="4:5" x14ac:dyDescent="0.25">
      <c r="D14656" s="6">
        <v>467.61239999999998</v>
      </c>
      <c r="E14656" s="6">
        <v>828.12890000000004</v>
      </c>
    </row>
    <row r="14657" spans="4:5" x14ac:dyDescent="0.25">
      <c r="D14657" s="6">
        <v>600.69090000000006</v>
      </c>
      <c r="E14657" s="6">
        <v>1188.0050000000001</v>
      </c>
    </row>
    <row r="14658" spans="4:5" x14ac:dyDescent="0.25">
      <c r="D14658" s="6">
        <v>1127.6130000000001</v>
      </c>
      <c r="E14658" s="6">
        <v>672.17560000000003</v>
      </c>
    </row>
    <row r="14659" spans="4:5" x14ac:dyDescent="0.25">
      <c r="D14659" s="6">
        <v>485.84370000000001</v>
      </c>
      <c r="E14659" s="6">
        <v>6118.3209999999999</v>
      </c>
    </row>
    <row r="14660" spans="4:5" x14ac:dyDescent="0.25">
      <c r="D14660" s="6">
        <v>482.05930000000001</v>
      </c>
      <c r="E14660" s="6">
        <v>737.85209999999995</v>
      </c>
    </row>
    <row r="14661" spans="4:5" x14ac:dyDescent="0.25">
      <c r="D14661" s="6">
        <v>436.65140000000002</v>
      </c>
      <c r="E14661" s="6">
        <v>812.52660000000003</v>
      </c>
    </row>
    <row r="14662" spans="4:5" x14ac:dyDescent="0.25">
      <c r="D14662" s="6">
        <v>475.82139999999998</v>
      </c>
      <c r="E14662" s="6">
        <v>4272.6059999999998</v>
      </c>
    </row>
    <row r="14663" spans="4:5" x14ac:dyDescent="0.25">
      <c r="D14663" s="6">
        <v>538.30200000000002</v>
      </c>
      <c r="E14663" s="6">
        <v>814.44949999999994</v>
      </c>
    </row>
    <row r="14664" spans="4:5" x14ac:dyDescent="0.25">
      <c r="D14664" s="6">
        <v>526.14859999999999</v>
      </c>
      <c r="E14664" s="6">
        <v>570.63689999999997</v>
      </c>
    </row>
    <row r="14665" spans="4:5" x14ac:dyDescent="0.25">
      <c r="D14665" s="6">
        <v>1012.157</v>
      </c>
      <c r="E14665" s="6">
        <v>1001.941</v>
      </c>
    </row>
    <row r="14666" spans="4:5" x14ac:dyDescent="0.25">
      <c r="D14666" s="6">
        <v>590.24069999999995</v>
      </c>
      <c r="E14666" s="6">
        <v>736.79639999999995</v>
      </c>
    </row>
    <row r="14667" spans="4:5" x14ac:dyDescent="0.25">
      <c r="D14667" s="6">
        <v>483</v>
      </c>
      <c r="E14667" s="6">
        <v>728.13030000000003</v>
      </c>
    </row>
    <row r="14668" spans="4:5" x14ac:dyDescent="0.25">
      <c r="D14668" s="6">
        <v>10343.200000000001</v>
      </c>
      <c r="E14668" s="6">
        <v>7826.5770000000002</v>
      </c>
    </row>
    <row r="14669" spans="4:5" x14ac:dyDescent="0.25">
      <c r="D14669" s="6">
        <v>488.35059999999999</v>
      </c>
      <c r="E14669" s="6">
        <v>865.01589999999999</v>
      </c>
    </row>
    <row r="14670" spans="4:5" x14ac:dyDescent="0.25">
      <c r="D14670" s="6">
        <v>402.81920000000002</v>
      </c>
      <c r="E14670" s="6">
        <v>880.31269999999995</v>
      </c>
    </row>
    <row r="14671" spans="4:5" x14ac:dyDescent="0.25">
      <c r="D14671" s="6">
        <v>606.28120000000001</v>
      </c>
      <c r="E14671" s="6">
        <v>707.2586</v>
      </c>
    </row>
    <row r="14672" spans="4:5" x14ac:dyDescent="0.25">
      <c r="D14672" s="6">
        <v>1814.0250000000001</v>
      </c>
      <c r="E14672" s="6">
        <v>2229.8629999999998</v>
      </c>
    </row>
    <row r="14673" spans="4:5" x14ac:dyDescent="0.25">
      <c r="D14673" s="6">
        <v>793.96720000000005</v>
      </c>
      <c r="E14673" s="6">
        <v>714.34860000000003</v>
      </c>
    </row>
    <row r="14674" spans="4:5" x14ac:dyDescent="0.25">
      <c r="D14674" s="6">
        <v>566.57240000000002</v>
      </c>
      <c r="E14674" s="6">
        <v>682.47609999999997</v>
      </c>
    </row>
    <row r="14675" spans="4:5" x14ac:dyDescent="0.25">
      <c r="D14675" s="6">
        <v>462.74470000000002</v>
      </c>
      <c r="E14675" s="6">
        <v>888.86379999999997</v>
      </c>
    </row>
    <row r="14676" spans="4:5" x14ac:dyDescent="0.25">
      <c r="D14676" s="6">
        <v>621.54380000000003</v>
      </c>
      <c r="E14676" s="6">
        <v>782.91020000000003</v>
      </c>
    </row>
    <row r="14677" spans="4:5" x14ac:dyDescent="0.25">
      <c r="D14677" s="6">
        <v>6636.5860000000002</v>
      </c>
      <c r="E14677" s="6">
        <v>698.47050000000002</v>
      </c>
    </row>
    <row r="14678" spans="4:5" x14ac:dyDescent="0.25">
      <c r="D14678" s="6">
        <v>430.548</v>
      </c>
      <c r="E14678" s="6">
        <v>464.94529999999997</v>
      </c>
    </row>
    <row r="14679" spans="4:5" x14ac:dyDescent="0.25">
      <c r="D14679" s="6">
        <v>1199.7139999999999</v>
      </c>
      <c r="E14679" s="6">
        <v>806.67309999999998</v>
      </c>
    </row>
    <row r="14680" spans="4:5" x14ac:dyDescent="0.25">
      <c r="D14680" s="6">
        <v>1123.095</v>
      </c>
      <c r="E14680" s="6">
        <v>854.42439999999999</v>
      </c>
    </row>
    <row r="14681" spans="4:5" x14ac:dyDescent="0.25">
      <c r="D14681" s="6">
        <v>898.34820000000002</v>
      </c>
      <c r="E14681" s="6">
        <v>7001.4179999999997</v>
      </c>
    </row>
    <row r="14682" spans="4:5" x14ac:dyDescent="0.25">
      <c r="D14682" s="6">
        <v>490.97320000000002</v>
      </c>
      <c r="E14682" s="6">
        <v>6568.0780000000004</v>
      </c>
    </row>
    <row r="14683" spans="4:5" x14ac:dyDescent="0.25">
      <c r="D14683" s="6">
        <v>1250.3589999999999</v>
      </c>
      <c r="E14683" s="6">
        <v>975.10440000000006</v>
      </c>
    </row>
    <row r="14684" spans="4:5" x14ac:dyDescent="0.25">
      <c r="D14684" s="6">
        <v>464.33370000000002</v>
      </c>
      <c r="E14684" s="6">
        <v>1257.807</v>
      </c>
    </row>
    <row r="14685" spans="4:5" x14ac:dyDescent="0.25">
      <c r="D14685" s="6">
        <v>1961.461</v>
      </c>
      <c r="E14685" s="6">
        <v>3522.431</v>
      </c>
    </row>
    <row r="14686" spans="4:5" x14ac:dyDescent="0.25">
      <c r="D14686" s="6">
        <v>572.33979999999997</v>
      </c>
      <c r="E14686" s="6">
        <v>7410.38</v>
      </c>
    </row>
    <row r="14687" spans="4:5" x14ac:dyDescent="0.25">
      <c r="D14687" s="6">
        <v>2869.3870000000002</v>
      </c>
      <c r="E14687" s="6">
        <v>5269.2950000000001</v>
      </c>
    </row>
    <row r="14688" spans="4:5" x14ac:dyDescent="0.25">
      <c r="D14688" s="6">
        <v>1313.451</v>
      </c>
      <c r="E14688" s="6">
        <v>728.46389999999997</v>
      </c>
    </row>
    <row r="14689" spans="4:5" x14ac:dyDescent="0.25">
      <c r="D14689" s="6">
        <v>600.67619999999999</v>
      </c>
      <c r="E14689" s="6">
        <v>865.62199999999996</v>
      </c>
    </row>
    <row r="14690" spans="4:5" x14ac:dyDescent="0.25">
      <c r="D14690" s="6">
        <v>504.67079999999999</v>
      </c>
      <c r="E14690" s="6">
        <v>587.6925</v>
      </c>
    </row>
    <row r="14691" spans="4:5" x14ac:dyDescent="0.25">
      <c r="D14691" s="6">
        <v>469.40249999999997</v>
      </c>
      <c r="E14691" s="6">
        <v>638.11890000000005</v>
      </c>
    </row>
    <row r="14692" spans="4:5" x14ac:dyDescent="0.25">
      <c r="D14692" s="6">
        <v>6797.4219999999996</v>
      </c>
      <c r="E14692" s="6">
        <v>3833.9859999999999</v>
      </c>
    </row>
    <row r="14693" spans="4:5" x14ac:dyDescent="0.25">
      <c r="D14693" s="6">
        <v>2127.1460000000002</v>
      </c>
      <c r="E14693" s="6">
        <v>648.62099999999998</v>
      </c>
    </row>
    <row r="14694" spans="4:5" x14ac:dyDescent="0.25">
      <c r="D14694" s="6">
        <v>609.46389999999997</v>
      </c>
      <c r="E14694" s="6">
        <v>959.14599999999996</v>
      </c>
    </row>
    <row r="14695" spans="4:5" x14ac:dyDescent="0.25">
      <c r="D14695" s="6">
        <v>522.58759999999995</v>
      </c>
      <c r="E14695" s="6">
        <v>4489.03</v>
      </c>
    </row>
    <row r="14696" spans="4:5" x14ac:dyDescent="0.25">
      <c r="D14696" s="6">
        <v>640.98050000000001</v>
      </c>
      <c r="E14696" s="6">
        <v>687.50369999999998</v>
      </c>
    </row>
    <row r="14697" spans="4:5" x14ac:dyDescent="0.25">
      <c r="D14697" s="6">
        <v>716.00819999999999</v>
      </c>
      <c r="E14697" s="6">
        <v>964.20389999999998</v>
      </c>
    </row>
    <row r="14698" spans="4:5" x14ac:dyDescent="0.25">
      <c r="D14698" s="6">
        <v>400.30119999999999</v>
      </c>
      <c r="E14698" s="6">
        <v>662.95929999999998</v>
      </c>
    </row>
    <row r="14699" spans="4:5" x14ac:dyDescent="0.25">
      <c r="D14699" s="6">
        <v>637.26549999999997</v>
      </c>
      <c r="E14699" s="6">
        <v>810.22789999999998</v>
      </c>
    </row>
    <row r="14700" spans="4:5" x14ac:dyDescent="0.25">
      <c r="D14700" s="6">
        <v>5017.6949999999997</v>
      </c>
      <c r="E14700" s="6">
        <v>1468.922</v>
      </c>
    </row>
    <row r="14701" spans="4:5" x14ac:dyDescent="0.25">
      <c r="D14701" s="6">
        <v>846.48329999999999</v>
      </c>
      <c r="E14701" s="6">
        <v>686.49919999999997</v>
      </c>
    </row>
    <row r="14702" spans="4:5" x14ac:dyDescent="0.25">
      <c r="D14702" s="6">
        <v>634.48609999999996</v>
      </c>
      <c r="E14702" s="6">
        <v>738.49189999999999</v>
      </c>
    </row>
    <row r="14703" spans="4:5" x14ac:dyDescent="0.25">
      <c r="D14703" s="6">
        <v>2006.1379999999999</v>
      </c>
      <c r="E14703" s="6">
        <v>7077.5129999999999</v>
      </c>
    </row>
    <row r="14704" spans="4:5" x14ac:dyDescent="0.25">
      <c r="D14704" s="6">
        <v>1322.914</v>
      </c>
      <c r="E14704" s="6">
        <v>594.67169999999999</v>
      </c>
    </row>
    <row r="14705" spans="4:5" x14ac:dyDescent="0.25">
      <c r="D14705" s="6">
        <v>740.90329999999994</v>
      </c>
      <c r="E14705" s="6">
        <v>3993.009</v>
      </c>
    </row>
    <row r="14706" spans="4:5" x14ac:dyDescent="0.25">
      <c r="D14706" s="6">
        <v>1369.3530000000001</v>
      </c>
      <c r="E14706" s="6">
        <v>771.50400000000002</v>
      </c>
    </row>
    <row r="14707" spans="4:5" x14ac:dyDescent="0.25">
      <c r="D14707" s="6">
        <v>9184.2330000000002</v>
      </c>
      <c r="E14707" s="6">
        <v>763.60889999999995</v>
      </c>
    </row>
    <row r="14708" spans="4:5" x14ac:dyDescent="0.25">
      <c r="D14708" s="6">
        <v>1654.7840000000001</v>
      </c>
      <c r="E14708" s="6">
        <v>1655.123</v>
      </c>
    </row>
    <row r="14709" spans="4:5" x14ac:dyDescent="0.25">
      <c r="D14709" s="6">
        <v>562.02319999999997</v>
      </c>
      <c r="E14709" s="6">
        <v>6078.2510000000002</v>
      </c>
    </row>
    <row r="14710" spans="4:5" x14ac:dyDescent="0.25">
      <c r="D14710" s="6">
        <v>514.50480000000005</v>
      </c>
      <c r="E14710" s="6">
        <v>959.48339999999996</v>
      </c>
    </row>
    <row r="14711" spans="4:5" x14ac:dyDescent="0.25">
      <c r="D14711" s="6">
        <v>544.48580000000004</v>
      </c>
      <c r="E14711" s="6">
        <v>632.13480000000004</v>
      </c>
    </row>
    <row r="14712" spans="4:5" x14ac:dyDescent="0.25">
      <c r="D14712" s="6">
        <v>5412.2160000000003</v>
      </c>
      <c r="E14712" s="6">
        <v>725.65229999999997</v>
      </c>
    </row>
    <row r="14713" spans="4:5" x14ac:dyDescent="0.25">
      <c r="D14713" s="6">
        <v>817.78219999999999</v>
      </c>
      <c r="E14713" s="6">
        <v>573.21990000000005</v>
      </c>
    </row>
    <row r="14714" spans="4:5" x14ac:dyDescent="0.25">
      <c r="D14714" s="6">
        <v>433.30250000000001</v>
      </c>
      <c r="E14714" s="6">
        <v>612.40819999999997</v>
      </c>
    </row>
    <row r="14715" spans="4:5" x14ac:dyDescent="0.25">
      <c r="D14715" s="6">
        <v>930.26239999999996</v>
      </c>
      <c r="E14715" s="6">
        <v>739.17049999999995</v>
      </c>
    </row>
    <row r="14716" spans="4:5" x14ac:dyDescent="0.25">
      <c r="D14716" s="6">
        <v>617.44309999999996</v>
      </c>
      <c r="E14716" s="6">
        <v>730.74249999999995</v>
      </c>
    </row>
    <row r="14717" spans="4:5" x14ac:dyDescent="0.25">
      <c r="D14717" s="6">
        <v>514.11800000000005</v>
      </c>
      <c r="E14717" s="6">
        <v>574.60320000000002</v>
      </c>
    </row>
    <row r="14718" spans="4:5" x14ac:dyDescent="0.25">
      <c r="D14718" s="6">
        <v>781.22640000000001</v>
      </c>
      <c r="E14718" s="6">
        <v>802.79579999999999</v>
      </c>
    </row>
    <row r="14719" spans="4:5" x14ac:dyDescent="0.25">
      <c r="D14719" s="6">
        <v>481.72899999999998</v>
      </c>
      <c r="E14719" s="6">
        <v>891.17859999999996</v>
      </c>
    </row>
    <row r="14720" spans="4:5" x14ac:dyDescent="0.25">
      <c r="D14720" s="6">
        <v>5541.0569999999998</v>
      </c>
      <c r="E14720" s="6">
        <v>720.89710000000002</v>
      </c>
    </row>
    <row r="14721" spans="4:5" x14ac:dyDescent="0.25">
      <c r="D14721" s="6">
        <v>923.39020000000005</v>
      </c>
      <c r="E14721" s="6">
        <v>2601.2719999999999</v>
      </c>
    </row>
    <row r="14722" spans="4:5" x14ac:dyDescent="0.25">
      <c r="D14722" s="6">
        <v>802.11829999999998</v>
      </c>
      <c r="E14722" s="6">
        <v>1811.739</v>
      </c>
    </row>
    <row r="14723" spans="4:5" x14ac:dyDescent="0.25">
      <c r="D14723" s="6">
        <v>502.72640000000001</v>
      </c>
      <c r="E14723" s="6">
        <v>7542.7669999999998</v>
      </c>
    </row>
    <row r="14724" spans="4:5" x14ac:dyDescent="0.25">
      <c r="D14724" s="6">
        <v>649.55550000000005</v>
      </c>
      <c r="E14724" s="6">
        <v>1176.0360000000001</v>
      </c>
    </row>
    <row r="14725" spans="4:5" x14ac:dyDescent="0.25">
      <c r="D14725" s="6">
        <v>482.14440000000002</v>
      </c>
      <c r="E14725" s="6">
        <v>5882.7179999999998</v>
      </c>
    </row>
    <row r="14726" spans="4:5" x14ac:dyDescent="0.25">
      <c r="D14726" s="6">
        <v>749.29610000000002</v>
      </c>
      <c r="E14726" s="6">
        <v>863.60979999999995</v>
      </c>
    </row>
    <row r="14727" spans="4:5" x14ac:dyDescent="0.25">
      <c r="D14727" s="6">
        <v>648.46500000000003</v>
      </c>
      <c r="E14727" s="6">
        <v>1183.3240000000001</v>
      </c>
    </row>
    <row r="14728" spans="4:5" x14ac:dyDescent="0.25">
      <c r="D14728" s="6">
        <v>839.78189999999995</v>
      </c>
      <c r="E14728" s="6">
        <v>3277.116</v>
      </c>
    </row>
    <row r="14729" spans="4:5" x14ac:dyDescent="0.25">
      <c r="D14729" s="6">
        <v>472.22620000000001</v>
      </c>
      <c r="E14729" s="6">
        <v>684.32470000000001</v>
      </c>
    </row>
    <row r="14730" spans="4:5" x14ac:dyDescent="0.25">
      <c r="D14730" s="6">
        <v>5322.9539999999997</v>
      </c>
      <c r="E14730" s="6">
        <v>845.73329999999999</v>
      </c>
    </row>
    <row r="14731" spans="4:5" x14ac:dyDescent="0.25">
      <c r="D14731" s="6">
        <v>464.78629999999998</v>
      </c>
      <c r="E14731" s="6">
        <v>7708.2430000000004</v>
      </c>
    </row>
    <row r="14732" spans="4:5" x14ac:dyDescent="0.25">
      <c r="D14732" s="6">
        <v>7033.2449999999999</v>
      </c>
      <c r="E14732" s="6">
        <v>1049.4010000000001</v>
      </c>
    </row>
    <row r="14733" spans="4:5" x14ac:dyDescent="0.25">
      <c r="D14733" s="6">
        <v>572.34829999999999</v>
      </c>
      <c r="E14733" s="6">
        <v>807.50710000000004</v>
      </c>
    </row>
    <row r="14734" spans="4:5" x14ac:dyDescent="0.25">
      <c r="D14734" s="6">
        <v>488.59809999999999</v>
      </c>
      <c r="E14734" s="6">
        <v>1366.202</v>
      </c>
    </row>
    <row r="14735" spans="4:5" x14ac:dyDescent="0.25">
      <c r="D14735" s="6">
        <v>672.58839999999998</v>
      </c>
      <c r="E14735" s="6">
        <v>953.18830000000003</v>
      </c>
    </row>
    <row r="14736" spans="4:5" x14ac:dyDescent="0.25">
      <c r="D14736" s="6">
        <v>586.80619999999999</v>
      </c>
      <c r="E14736" s="6">
        <v>725.28340000000003</v>
      </c>
    </row>
    <row r="14737" spans="4:5" x14ac:dyDescent="0.25">
      <c r="D14737" s="6">
        <v>600.30119999999999</v>
      </c>
      <c r="E14737" s="6">
        <v>4337.0010000000002</v>
      </c>
    </row>
    <row r="14738" spans="4:5" x14ac:dyDescent="0.25">
      <c r="D14738" s="6">
        <v>488.58859999999999</v>
      </c>
      <c r="E14738" s="6">
        <v>530.13509999999997</v>
      </c>
    </row>
    <row r="14739" spans="4:5" x14ac:dyDescent="0.25">
      <c r="D14739" s="6">
        <v>793.06870000000004</v>
      </c>
      <c r="E14739" s="6">
        <v>895.18629999999996</v>
      </c>
    </row>
    <row r="14740" spans="4:5" x14ac:dyDescent="0.25">
      <c r="D14740" s="6">
        <v>557.32470000000001</v>
      </c>
      <c r="E14740" s="6">
        <v>594.24580000000003</v>
      </c>
    </row>
    <row r="14741" spans="4:5" x14ac:dyDescent="0.25">
      <c r="D14741" s="6">
        <v>1559.7840000000001</v>
      </c>
      <c r="E14741" s="6">
        <v>7351.7330000000002</v>
      </c>
    </row>
    <row r="14742" spans="4:5" x14ac:dyDescent="0.25">
      <c r="D14742" s="6">
        <v>642.21590000000003</v>
      </c>
      <c r="E14742" s="6">
        <v>8474.8559999999998</v>
      </c>
    </row>
    <row r="14743" spans="4:5" x14ac:dyDescent="0.25">
      <c r="D14743" s="6">
        <v>437.74950000000001</v>
      </c>
      <c r="E14743" s="6">
        <v>645.00890000000004</v>
      </c>
    </row>
    <row r="14744" spans="4:5" x14ac:dyDescent="0.25">
      <c r="D14744" s="6">
        <v>4767.5</v>
      </c>
      <c r="E14744" s="6">
        <v>612.33600000000001</v>
      </c>
    </row>
    <row r="14745" spans="4:5" x14ac:dyDescent="0.25">
      <c r="D14745" s="6">
        <v>1310.173</v>
      </c>
      <c r="E14745" s="6">
        <v>1278.3879999999999</v>
      </c>
    </row>
    <row r="14746" spans="4:5" x14ac:dyDescent="0.25">
      <c r="D14746" s="6">
        <v>670.10680000000002</v>
      </c>
      <c r="E14746" s="6">
        <v>1246.194</v>
      </c>
    </row>
    <row r="14747" spans="4:5" x14ac:dyDescent="0.25">
      <c r="D14747" s="6">
        <v>512.30759999999998</v>
      </c>
      <c r="E14747" s="6">
        <v>3498.9270000000001</v>
      </c>
    </row>
    <row r="14748" spans="4:5" x14ac:dyDescent="0.25">
      <c r="D14748" s="6">
        <v>615.35109999999997</v>
      </c>
      <c r="E14748" s="6">
        <v>6506.4859999999999</v>
      </c>
    </row>
    <row r="14749" spans="4:5" x14ac:dyDescent="0.25">
      <c r="D14749" s="6">
        <v>4695.3329999999996</v>
      </c>
      <c r="E14749" s="6">
        <v>979.66909999999996</v>
      </c>
    </row>
    <row r="14750" spans="4:5" x14ac:dyDescent="0.25">
      <c r="D14750" s="6">
        <v>551.38120000000004</v>
      </c>
      <c r="E14750" s="6">
        <v>753.17449999999997</v>
      </c>
    </row>
    <row r="14751" spans="4:5" x14ac:dyDescent="0.25">
      <c r="D14751" s="6">
        <v>496.50470000000001</v>
      </c>
      <c r="E14751" s="6">
        <v>831.61040000000003</v>
      </c>
    </row>
    <row r="14752" spans="4:5" x14ac:dyDescent="0.25">
      <c r="D14752" s="6">
        <v>720.49329999999998</v>
      </c>
      <c r="E14752" s="6">
        <v>681.92370000000005</v>
      </c>
    </row>
    <row r="14753" spans="4:5" x14ac:dyDescent="0.25">
      <c r="D14753" s="6">
        <v>574.8175</v>
      </c>
      <c r="E14753" s="6">
        <v>4630.4660000000003</v>
      </c>
    </row>
    <row r="14754" spans="4:5" x14ac:dyDescent="0.25">
      <c r="D14754" s="6">
        <v>549.37210000000005</v>
      </c>
      <c r="E14754" s="6">
        <v>895.04499999999996</v>
      </c>
    </row>
    <row r="14755" spans="4:5" x14ac:dyDescent="0.25">
      <c r="D14755" s="6">
        <v>5416.5659999999998</v>
      </c>
      <c r="E14755" s="6">
        <v>2269.6120000000001</v>
      </c>
    </row>
    <row r="14756" spans="4:5" x14ac:dyDescent="0.25">
      <c r="D14756" s="6">
        <v>1160.404</v>
      </c>
      <c r="E14756" s="6">
        <v>654.12490000000003</v>
      </c>
    </row>
    <row r="14757" spans="4:5" x14ac:dyDescent="0.25">
      <c r="D14757" s="6">
        <v>608.10479999999995</v>
      </c>
      <c r="E14757" s="6">
        <v>5226.7340000000004</v>
      </c>
    </row>
    <row r="14758" spans="4:5" x14ac:dyDescent="0.25">
      <c r="D14758" s="6">
        <v>565.57669999999996</v>
      </c>
      <c r="E14758" s="6">
        <v>829.50689999999997</v>
      </c>
    </row>
    <row r="14759" spans="4:5" x14ac:dyDescent="0.25">
      <c r="D14759" s="6">
        <v>455.99220000000003</v>
      </c>
      <c r="E14759" s="6">
        <v>744.45830000000001</v>
      </c>
    </row>
    <row r="14760" spans="4:5" x14ac:dyDescent="0.25">
      <c r="D14760" s="6">
        <v>532.27520000000004</v>
      </c>
      <c r="E14760" s="6">
        <v>740</v>
      </c>
    </row>
    <row r="14761" spans="4:5" x14ac:dyDescent="0.25">
      <c r="D14761" s="6">
        <v>531.13789999999995</v>
      </c>
      <c r="E14761" s="6">
        <v>741.78629999999998</v>
      </c>
    </row>
    <row r="14762" spans="4:5" x14ac:dyDescent="0.25">
      <c r="D14762" s="6">
        <v>601.59159999999997</v>
      </c>
      <c r="E14762" s="6">
        <v>6580.4189999999999</v>
      </c>
    </row>
    <row r="14763" spans="4:5" x14ac:dyDescent="0.25">
      <c r="D14763" s="6">
        <v>721.34519999999998</v>
      </c>
      <c r="E14763" s="6">
        <v>995.79740000000004</v>
      </c>
    </row>
    <row r="14764" spans="4:5" x14ac:dyDescent="0.25">
      <c r="D14764" s="6">
        <v>408.07080000000002</v>
      </c>
      <c r="E14764" s="6">
        <v>635.53240000000005</v>
      </c>
    </row>
    <row r="14765" spans="4:5" x14ac:dyDescent="0.25">
      <c r="D14765" s="6">
        <v>878.4615</v>
      </c>
      <c r="E14765" s="6">
        <v>934.15629999999999</v>
      </c>
    </row>
    <row r="14766" spans="4:5" x14ac:dyDescent="0.25">
      <c r="D14766" s="6">
        <v>576.32320000000004</v>
      </c>
      <c r="E14766" s="6">
        <v>876.2328</v>
      </c>
    </row>
    <row r="14767" spans="4:5" x14ac:dyDescent="0.25">
      <c r="D14767" s="6">
        <v>567.53610000000003</v>
      </c>
      <c r="E14767" s="6">
        <v>672.42359999999996</v>
      </c>
    </row>
    <row r="14768" spans="4:5" x14ac:dyDescent="0.25">
      <c r="D14768" s="6">
        <v>5828.48</v>
      </c>
      <c r="E14768" s="6">
        <v>2245.5169999999998</v>
      </c>
    </row>
    <row r="14769" spans="4:5" x14ac:dyDescent="0.25">
      <c r="D14769" s="6">
        <v>8227.5529999999999</v>
      </c>
      <c r="E14769" s="6">
        <v>625.33190000000002</v>
      </c>
    </row>
    <row r="14770" spans="4:5" x14ac:dyDescent="0.25">
      <c r="D14770" s="6">
        <v>558.18290000000002</v>
      </c>
      <c r="E14770" s="6">
        <v>612.6508</v>
      </c>
    </row>
    <row r="14771" spans="4:5" x14ac:dyDescent="0.25">
      <c r="D14771" s="6">
        <v>896.375</v>
      </c>
      <c r="E14771" s="6">
        <v>624.13340000000005</v>
      </c>
    </row>
    <row r="14772" spans="4:5" x14ac:dyDescent="0.25">
      <c r="D14772" s="6">
        <v>6678.433</v>
      </c>
      <c r="E14772" s="6">
        <v>1189.7049999999999</v>
      </c>
    </row>
    <row r="14773" spans="4:5" x14ac:dyDescent="0.25">
      <c r="D14773" s="6">
        <v>443.33330000000001</v>
      </c>
      <c r="E14773" s="6">
        <v>8057.2730000000001</v>
      </c>
    </row>
    <row r="14774" spans="4:5" x14ac:dyDescent="0.25">
      <c r="D14774" s="6">
        <v>642.88689999999997</v>
      </c>
      <c r="E14774" s="6">
        <v>749.11400000000003</v>
      </c>
    </row>
    <row r="14775" spans="4:5" x14ac:dyDescent="0.25">
      <c r="D14775" s="6">
        <v>473.26580000000001</v>
      </c>
      <c r="E14775" s="6">
        <v>6692.4080000000004</v>
      </c>
    </row>
    <row r="14776" spans="4:5" x14ac:dyDescent="0.25">
      <c r="D14776" s="6">
        <v>403.72309999999999</v>
      </c>
      <c r="E14776" s="6">
        <v>558.27890000000002</v>
      </c>
    </row>
    <row r="14777" spans="4:5" x14ac:dyDescent="0.25">
      <c r="D14777" s="6">
        <v>578.40359999999998</v>
      </c>
      <c r="E14777" s="6">
        <v>505.69600000000003</v>
      </c>
    </row>
    <row r="14778" spans="4:5" x14ac:dyDescent="0.25">
      <c r="D14778" s="6">
        <v>490.66669999999999</v>
      </c>
      <c r="E14778" s="6">
        <v>764.91380000000004</v>
      </c>
    </row>
    <row r="14779" spans="4:5" x14ac:dyDescent="0.25">
      <c r="D14779" s="6">
        <v>506.0822</v>
      </c>
      <c r="E14779" s="6">
        <v>6249.5559999999996</v>
      </c>
    </row>
    <row r="14780" spans="4:5" x14ac:dyDescent="0.25">
      <c r="D14780" s="6">
        <v>433.9101</v>
      </c>
      <c r="E14780" s="6">
        <v>727.22540000000004</v>
      </c>
    </row>
    <row r="14781" spans="4:5" x14ac:dyDescent="0.25">
      <c r="D14781" s="6">
        <v>494.97500000000002</v>
      </c>
      <c r="E14781" s="6">
        <v>839.69449999999995</v>
      </c>
    </row>
    <row r="14782" spans="4:5" x14ac:dyDescent="0.25">
      <c r="D14782" s="6">
        <v>553.46439999999996</v>
      </c>
      <c r="E14782" s="6">
        <v>671.65509999999995</v>
      </c>
    </row>
    <row r="14783" spans="4:5" x14ac:dyDescent="0.25">
      <c r="D14783" s="6">
        <v>533.20600000000002</v>
      </c>
      <c r="E14783" s="6">
        <v>1396.9649999999999</v>
      </c>
    </row>
    <row r="14784" spans="4:5" x14ac:dyDescent="0.25">
      <c r="D14784" s="6">
        <v>5206.4120000000003</v>
      </c>
      <c r="E14784" s="6">
        <v>887.96950000000004</v>
      </c>
    </row>
    <row r="14785" spans="4:5" x14ac:dyDescent="0.25">
      <c r="D14785" s="6">
        <v>923.49720000000002</v>
      </c>
      <c r="E14785" s="6">
        <v>3839.998</v>
      </c>
    </row>
    <row r="14786" spans="4:5" x14ac:dyDescent="0.25">
      <c r="D14786" s="6">
        <v>6357.7420000000002</v>
      </c>
      <c r="E14786" s="6">
        <v>850.08860000000004</v>
      </c>
    </row>
    <row r="14787" spans="4:5" x14ac:dyDescent="0.25">
      <c r="D14787" s="6">
        <v>1085.3530000000001</v>
      </c>
      <c r="E14787" s="6">
        <v>1605.2170000000001</v>
      </c>
    </row>
    <row r="14788" spans="4:5" x14ac:dyDescent="0.25">
      <c r="D14788" s="6">
        <v>461.57119999999998</v>
      </c>
      <c r="E14788" s="6">
        <v>940.94579999999996</v>
      </c>
    </row>
    <row r="14789" spans="4:5" x14ac:dyDescent="0.25">
      <c r="D14789" s="6">
        <v>571.42280000000005</v>
      </c>
      <c r="E14789" s="6">
        <v>501.05</v>
      </c>
    </row>
    <row r="14790" spans="4:5" x14ac:dyDescent="0.25">
      <c r="D14790" s="6">
        <v>580.45249999999999</v>
      </c>
      <c r="E14790" s="6">
        <v>1583.5509999999999</v>
      </c>
    </row>
    <row r="14791" spans="4:5" x14ac:dyDescent="0.25">
      <c r="D14791" s="6">
        <v>516</v>
      </c>
      <c r="E14791" s="6">
        <v>496.06240000000003</v>
      </c>
    </row>
    <row r="14792" spans="4:5" x14ac:dyDescent="0.25">
      <c r="D14792" s="6">
        <v>6299.3760000000002</v>
      </c>
      <c r="E14792" s="6">
        <v>1126.9570000000001</v>
      </c>
    </row>
    <row r="14793" spans="4:5" x14ac:dyDescent="0.25">
      <c r="D14793" s="6">
        <v>5124.4120000000003</v>
      </c>
      <c r="E14793" s="6">
        <v>580.78340000000003</v>
      </c>
    </row>
    <row r="14794" spans="4:5" x14ac:dyDescent="0.25">
      <c r="D14794" s="6">
        <v>587.76</v>
      </c>
      <c r="E14794" s="6">
        <v>1246.502</v>
      </c>
    </row>
    <row r="14795" spans="4:5" x14ac:dyDescent="0.25">
      <c r="D14795" s="6">
        <v>442.25</v>
      </c>
      <c r="E14795" s="6">
        <v>711.11919999999998</v>
      </c>
    </row>
    <row r="14796" spans="4:5" x14ac:dyDescent="0.25">
      <c r="D14796" s="6">
        <v>1171.2829999999999</v>
      </c>
      <c r="E14796" s="6">
        <v>646.35329999999999</v>
      </c>
    </row>
    <row r="14797" spans="4:5" x14ac:dyDescent="0.25">
      <c r="D14797" s="6">
        <v>8297.1949999999997</v>
      </c>
      <c r="E14797" s="6">
        <v>825.12469999999996</v>
      </c>
    </row>
    <row r="14798" spans="4:5" x14ac:dyDescent="0.25">
      <c r="D14798" s="6">
        <v>438.5</v>
      </c>
      <c r="E14798" s="6">
        <v>782.3777</v>
      </c>
    </row>
    <row r="14799" spans="4:5" x14ac:dyDescent="0.25">
      <c r="D14799" s="6">
        <v>1184.8409999999999</v>
      </c>
      <c r="E14799" s="6">
        <v>785.3229</v>
      </c>
    </row>
    <row r="14800" spans="4:5" x14ac:dyDescent="0.25">
      <c r="D14800" s="6">
        <v>602.49649999999997</v>
      </c>
      <c r="E14800" s="6">
        <v>837.56640000000004</v>
      </c>
    </row>
    <row r="14801" spans="4:5" x14ac:dyDescent="0.25">
      <c r="D14801" s="6">
        <v>587.18520000000001</v>
      </c>
      <c r="E14801" s="6">
        <v>6507.2380000000003</v>
      </c>
    </row>
    <row r="14802" spans="4:5" x14ac:dyDescent="0.25">
      <c r="D14802" s="6">
        <v>2542.0509999999999</v>
      </c>
      <c r="E14802" s="6">
        <v>718.75969999999995</v>
      </c>
    </row>
    <row r="14803" spans="4:5" x14ac:dyDescent="0.25">
      <c r="D14803" s="6">
        <v>503.50529999999998</v>
      </c>
      <c r="E14803" s="6">
        <v>1159.3679999999999</v>
      </c>
    </row>
    <row r="14804" spans="4:5" x14ac:dyDescent="0.25">
      <c r="D14804" s="6">
        <v>3822.8490000000002</v>
      </c>
      <c r="E14804" s="6">
        <v>615.01480000000004</v>
      </c>
    </row>
    <row r="14805" spans="4:5" x14ac:dyDescent="0.25">
      <c r="D14805" s="6">
        <v>464.26940000000002</v>
      </c>
      <c r="E14805" s="6">
        <v>5784.2860000000001</v>
      </c>
    </row>
    <row r="14806" spans="4:5" x14ac:dyDescent="0.25">
      <c r="D14806" s="6">
        <v>584.4914</v>
      </c>
      <c r="E14806" s="6">
        <v>637.57399999999996</v>
      </c>
    </row>
    <row r="14807" spans="4:5" x14ac:dyDescent="0.25">
      <c r="D14807" s="6">
        <v>1483.316</v>
      </c>
      <c r="E14807" s="6">
        <v>923.29520000000002</v>
      </c>
    </row>
    <row r="14808" spans="4:5" x14ac:dyDescent="0.25">
      <c r="D14808" s="6">
        <v>556.70389999999998</v>
      </c>
      <c r="E14808" s="6">
        <v>700.59820000000002</v>
      </c>
    </row>
    <row r="14809" spans="4:5" x14ac:dyDescent="0.25">
      <c r="D14809" s="6">
        <v>612.45510000000002</v>
      </c>
      <c r="E14809" s="6">
        <v>752.56830000000002</v>
      </c>
    </row>
    <row r="14810" spans="4:5" x14ac:dyDescent="0.25">
      <c r="D14810" s="6">
        <v>570.25840000000005</v>
      </c>
      <c r="E14810" s="6">
        <v>1724.6020000000001</v>
      </c>
    </row>
    <row r="14811" spans="4:5" x14ac:dyDescent="0.25">
      <c r="D14811" s="6">
        <v>619.68320000000006</v>
      </c>
      <c r="E14811" s="6">
        <v>690.36189999999999</v>
      </c>
    </row>
    <row r="14812" spans="4:5" x14ac:dyDescent="0.25">
      <c r="D14812" s="6">
        <v>756.69830000000002</v>
      </c>
      <c r="E14812" s="6">
        <v>1444.002</v>
      </c>
    </row>
    <row r="14813" spans="4:5" x14ac:dyDescent="0.25">
      <c r="D14813" s="6">
        <v>573.16189999999995</v>
      </c>
      <c r="E14813" s="6">
        <v>747.71469999999999</v>
      </c>
    </row>
    <row r="14814" spans="4:5" x14ac:dyDescent="0.25">
      <c r="D14814" s="6">
        <v>429.26819999999998</v>
      </c>
      <c r="E14814" s="6">
        <v>796.83749999999998</v>
      </c>
    </row>
    <row r="14815" spans="4:5" x14ac:dyDescent="0.25">
      <c r="D14815" s="6">
        <v>515.73090000000002</v>
      </c>
      <c r="E14815" s="6">
        <v>884.03219999999999</v>
      </c>
    </row>
    <row r="14816" spans="4:5" x14ac:dyDescent="0.25">
      <c r="D14816" s="6">
        <v>4865.107</v>
      </c>
      <c r="E14816" s="6">
        <v>758.76760000000002</v>
      </c>
    </row>
    <row r="14817" spans="4:5" x14ac:dyDescent="0.25">
      <c r="D14817" s="6">
        <v>988.69039999999995</v>
      </c>
      <c r="E14817" s="6">
        <v>506.2679</v>
      </c>
    </row>
    <row r="14818" spans="4:5" x14ac:dyDescent="0.25">
      <c r="D14818" s="6">
        <v>463.72820000000002</v>
      </c>
      <c r="E14818" s="6">
        <v>2541.42</v>
      </c>
    </row>
    <row r="14819" spans="4:5" x14ac:dyDescent="0.25">
      <c r="D14819" s="6">
        <v>515.56759999999997</v>
      </c>
      <c r="E14819" s="6">
        <v>1076.644</v>
      </c>
    </row>
    <row r="14820" spans="4:5" x14ac:dyDescent="0.25">
      <c r="D14820" s="6">
        <v>4340.4409999999998</v>
      </c>
      <c r="E14820" s="6">
        <v>898.81679999999994</v>
      </c>
    </row>
    <row r="14821" spans="4:5" x14ac:dyDescent="0.25">
      <c r="D14821" s="6">
        <v>575.64570000000003</v>
      </c>
      <c r="E14821" s="6">
        <v>845.13729999999998</v>
      </c>
    </row>
    <row r="14822" spans="4:5" x14ac:dyDescent="0.25">
      <c r="D14822" s="6">
        <v>761.32360000000006</v>
      </c>
      <c r="E14822" s="6">
        <v>869.75930000000005</v>
      </c>
    </row>
    <row r="14823" spans="4:5" x14ac:dyDescent="0.25">
      <c r="D14823" s="6">
        <v>565.91560000000004</v>
      </c>
      <c r="E14823" s="6">
        <v>819.16869999999994</v>
      </c>
    </row>
    <row r="14824" spans="4:5" x14ac:dyDescent="0.25">
      <c r="D14824" s="6">
        <v>521.91959999999995</v>
      </c>
      <c r="E14824" s="6">
        <v>854.78689999999995</v>
      </c>
    </row>
    <row r="14825" spans="4:5" x14ac:dyDescent="0.25">
      <c r="D14825" s="6">
        <v>664.41420000000005</v>
      </c>
      <c r="E14825" s="6">
        <v>858.65750000000003</v>
      </c>
    </row>
    <row r="14826" spans="4:5" x14ac:dyDescent="0.25">
      <c r="D14826" s="6">
        <v>1967.579</v>
      </c>
      <c r="E14826" s="6">
        <v>756.5</v>
      </c>
    </row>
    <row r="14827" spans="4:5" x14ac:dyDescent="0.25">
      <c r="D14827" s="6">
        <v>540.70640000000003</v>
      </c>
      <c r="E14827" s="6">
        <v>7956.3530000000001</v>
      </c>
    </row>
    <row r="14828" spans="4:5" x14ac:dyDescent="0.25">
      <c r="D14828" s="6">
        <v>590.07339999999999</v>
      </c>
      <c r="E14828" s="6">
        <v>7986.5510000000004</v>
      </c>
    </row>
    <row r="14829" spans="4:5" x14ac:dyDescent="0.25">
      <c r="D14829" s="6">
        <v>842.20050000000003</v>
      </c>
      <c r="E14829" s="6">
        <v>606.5059</v>
      </c>
    </row>
    <row r="14830" spans="4:5" x14ac:dyDescent="0.25">
      <c r="D14830" s="6">
        <v>389.78519999999997</v>
      </c>
      <c r="E14830" s="6">
        <v>1912.3789999999999</v>
      </c>
    </row>
    <row r="14831" spans="4:5" x14ac:dyDescent="0.25">
      <c r="D14831" s="6">
        <v>523.59320000000002</v>
      </c>
      <c r="E14831" s="6">
        <v>596.97349999999994</v>
      </c>
    </row>
    <row r="14832" spans="4:5" x14ac:dyDescent="0.25">
      <c r="D14832" s="6">
        <v>476.08049999999997</v>
      </c>
      <c r="E14832" s="6">
        <v>836.35019999999997</v>
      </c>
    </row>
    <row r="14833" spans="4:5" x14ac:dyDescent="0.25">
      <c r="D14833" s="6">
        <v>516.84609999999998</v>
      </c>
      <c r="E14833" s="6">
        <v>992.69079999999997</v>
      </c>
    </row>
    <row r="14834" spans="4:5" x14ac:dyDescent="0.25">
      <c r="D14834" s="6">
        <v>609.11649999999997</v>
      </c>
      <c r="E14834" s="6">
        <v>855.88620000000003</v>
      </c>
    </row>
    <row r="14835" spans="4:5" x14ac:dyDescent="0.25">
      <c r="D14835" s="6">
        <v>573.46900000000005</v>
      </c>
      <c r="E14835" s="6">
        <v>677.51250000000005</v>
      </c>
    </row>
    <row r="14836" spans="4:5" x14ac:dyDescent="0.25">
      <c r="D14836" s="6">
        <v>583.82889999999998</v>
      </c>
      <c r="E14836" s="6">
        <v>763.88099999999997</v>
      </c>
    </row>
    <row r="14837" spans="4:5" x14ac:dyDescent="0.25">
      <c r="D14837" s="6">
        <v>398.72340000000003</v>
      </c>
      <c r="E14837" s="6">
        <v>7914.125</v>
      </c>
    </row>
    <row r="14838" spans="4:5" x14ac:dyDescent="0.25">
      <c r="D14838" s="6">
        <v>580.38319999999999</v>
      </c>
      <c r="E14838" s="6">
        <v>3889.0549999999998</v>
      </c>
    </row>
    <row r="14839" spans="4:5" x14ac:dyDescent="0.25">
      <c r="D14839" s="6">
        <v>486.2629</v>
      </c>
      <c r="E14839" s="6">
        <v>6448.0910000000003</v>
      </c>
    </row>
    <row r="14840" spans="4:5" x14ac:dyDescent="0.25">
      <c r="D14840" s="6">
        <v>602.87159999999994</v>
      </c>
      <c r="E14840" s="6">
        <v>670.71370000000002</v>
      </c>
    </row>
    <row r="14841" spans="4:5" x14ac:dyDescent="0.25">
      <c r="D14841" s="6">
        <v>5003.8490000000002</v>
      </c>
      <c r="E14841" s="6">
        <v>613.72190000000001</v>
      </c>
    </row>
    <row r="14842" spans="4:5" x14ac:dyDescent="0.25">
      <c r="D14842" s="6">
        <v>514.66980000000001</v>
      </c>
      <c r="E14842" s="6">
        <v>8427.35</v>
      </c>
    </row>
    <row r="14843" spans="4:5" x14ac:dyDescent="0.25">
      <c r="D14843" s="6">
        <v>5065.5519999999997</v>
      </c>
      <c r="E14843" s="6">
        <v>748.94029999999998</v>
      </c>
    </row>
    <row r="14844" spans="4:5" x14ac:dyDescent="0.25">
      <c r="D14844" s="6">
        <v>550.79909999999995</v>
      </c>
      <c r="E14844" s="6">
        <v>837.49459999999999</v>
      </c>
    </row>
    <row r="14845" spans="4:5" x14ac:dyDescent="0.25">
      <c r="D14845" s="6">
        <v>561.81650000000002</v>
      </c>
      <c r="E14845" s="6">
        <v>1011.227</v>
      </c>
    </row>
    <row r="14846" spans="4:5" x14ac:dyDescent="0.25">
      <c r="D14846" s="6">
        <v>1499.0920000000001</v>
      </c>
      <c r="E14846" s="6">
        <v>5293.5569999999998</v>
      </c>
    </row>
    <row r="14847" spans="4:5" x14ac:dyDescent="0.25">
      <c r="D14847" s="6">
        <v>664.36320000000001</v>
      </c>
      <c r="E14847" s="6">
        <v>617.23599999999999</v>
      </c>
    </row>
    <row r="14848" spans="4:5" x14ac:dyDescent="0.25">
      <c r="D14848" s="6">
        <v>645.90970000000004</v>
      </c>
      <c r="E14848" s="6">
        <v>819.40660000000003</v>
      </c>
    </row>
    <row r="14849" spans="4:5" x14ac:dyDescent="0.25">
      <c r="D14849" s="6">
        <v>541.91809999999998</v>
      </c>
      <c r="E14849" s="6">
        <v>761.63620000000003</v>
      </c>
    </row>
    <row r="14850" spans="4:5" x14ac:dyDescent="0.25">
      <c r="D14850" s="6">
        <v>1296.566</v>
      </c>
      <c r="E14850" s="6">
        <v>824.36699999999996</v>
      </c>
    </row>
    <row r="14851" spans="4:5" x14ac:dyDescent="0.25">
      <c r="D14851" s="6">
        <v>555.86779999999999</v>
      </c>
      <c r="E14851" s="6">
        <v>1617.5989999999999</v>
      </c>
    </row>
    <row r="14852" spans="4:5" x14ac:dyDescent="0.25">
      <c r="D14852" s="6">
        <v>4663.2650000000003</v>
      </c>
      <c r="E14852" s="6">
        <v>868</v>
      </c>
    </row>
    <row r="14853" spans="4:5" x14ac:dyDescent="0.25">
      <c r="D14853" s="6">
        <v>3414</v>
      </c>
      <c r="E14853" s="6">
        <v>911.40740000000005</v>
      </c>
    </row>
    <row r="14854" spans="4:5" x14ac:dyDescent="0.25">
      <c r="D14854" s="6">
        <v>595.45180000000005</v>
      </c>
      <c r="E14854" s="6">
        <v>770.15719999999999</v>
      </c>
    </row>
    <row r="14855" spans="4:5" x14ac:dyDescent="0.25">
      <c r="D14855" s="6">
        <v>832.36959999999999</v>
      </c>
      <c r="E14855" s="6">
        <v>754.88900000000001</v>
      </c>
    </row>
    <row r="14856" spans="4:5" x14ac:dyDescent="0.25">
      <c r="D14856" s="6">
        <v>890.25</v>
      </c>
      <c r="E14856" s="6">
        <v>6901.4520000000002</v>
      </c>
    </row>
    <row r="14857" spans="4:5" x14ac:dyDescent="0.25">
      <c r="D14857" s="6">
        <v>418.59739999999999</v>
      </c>
      <c r="E14857" s="6">
        <v>713.43079999999998</v>
      </c>
    </row>
    <row r="14858" spans="4:5" x14ac:dyDescent="0.25">
      <c r="D14858" s="6">
        <v>7297</v>
      </c>
      <c r="E14858" s="6">
        <v>929.38279999999997</v>
      </c>
    </row>
    <row r="14859" spans="4:5" x14ac:dyDescent="0.25">
      <c r="D14859" s="6">
        <v>588.36940000000004</v>
      </c>
      <c r="E14859" s="6">
        <v>1819.4359999999999</v>
      </c>
    </row>
    <row r="14860" spans="4:5" x14ac:dyDescent="0.25">
      <c r="D14860" s="6">
        <v>539.13630000000001</v>
      </c>
      <c r="E14860" s="6">
        <v>8013.0330000000004</v>
      </c>
    </row>
    <row r="14861" spans="4:5" x14ac:dyDescent="0.25">
      <c r="D14861" s="6">
        <v>485.64940000000001</v>
      </c>
      <c r="E14861" s="6">
        <v>889.6019</v>
      </c>
    </row>
    <row r="14862" spans="4:5" x14ac:dyDescent="0.25">
      <c r="D14862" s="6">
        <v>645.15350000000001</v>
      </c>
      <c r="E14862" s="6">
        <v>2598.547</v>
      </c>
    </row>
    <row r="14863" spans="4:5" x14ac:dyDescent="0.25">
      <c r="D14863" s="6">
        <v>620.00120000000004</v>
      </c>
      <c r="E14863" s="6">
        <v>597.01089999999999</v>
      </c>
    </row>
    <row r="14864" spans="4:5" x14ac:dyDescent="0.25">
      <c r="D14864" s="6">
        <v>551.04870000000005</v>
      </c>
      <c r="E14864" s="6">
        <v>927.19730000000004</v>
      </c>
    </row>
    <row r="14865" spans="4:5" x14ac:dyDescent="0.25">
      <c r="D14865" s="6">
        <v>705.63019999999995</v>
      </c>
      <c r="E14865" s="6">
        <v>682.06619999999998</v>
      </c>
    </row>
    <row r="14866" spans="4:5" x14ac:dyDescent="0.25">
      <c r="D14866" s="6">
        <v>548.42139999999995</v>
      </c>
      <c r="E14866" s="6">
        <v>702.67679999999996</v>
      </c>
    </row>
    <row r="14867" spans="4:5" x14ac:dyDescent="0.25">
      <c r="D14867" s="6">
        <v>555.9443</v>
      </c>
      <c r="E14867" s="6">
        <v>778.47739999999999</v>
      </c>
    </row>
    <row r="14868" spans="4:5" x14ac:dyDescent="0.25">
      <c r="D14868" s="6">
        <v>520.36030000000005</v>
      </c>
      <c r="E14868" s="6">
        <v>690.09469999999999</v>
      </c>
    </row>
    <row r="14869" spans="4:5" x14ac:dyDescent="0.25">
      <c r="D14869" s="6">
        <v>515.60209999999995</v>
      </c>
      <c r="E14869" s="6">
        <v>967.42420000000004</v>
      </c>
    </row>
    <row r="14870" spans="4:5" x14ac:dyDescent="0.25">
      <c r="D14870" s="6">
        <v>513.25879999999995</v>
      </c>
      <c r="E14870" s="6">
        <v>786.29219999999998</v>
      </c>
    </row>
    <row r="14871" spans="4:5" x14ac:dyDescent="0.25">
      <c r="D14871" s="6">
        <v>594.44929999999999</v>
      </c>
      <c r="E14871" s="6">
        <v>814.9864</v>
      </c>
    </row>
    <row r="14872" spans="4:5" x14ac:dyDescent="0.25">
      <c r="D14872" s="6">
        <v>624.53660000000002</v>
      </c>
      <c r="E14872" s="6">
        <v>680.49950000000001</v>
      </c>
    </row>
    <row r="14873" spans="4:5" x14ac:dyDescent="0.25">
      <c r="D14873" s="6">
        <v>5953.45</v>
      </c>
      <c r="E14873" s="6">
        <v>774.428</v>
      </c>
    </row>
    <row r="14874" spans="4:5" x14ac:dyDescent="0.25">
      <c r="D14874" s="6">
        <v>742.21190000000001</v>
      </c>
      <c r="E14874" s="6">
        <v>599.09619999999995</v>
      </c>
    </row>
    <row r="14875" spans="4:5" x14ac:dyDescent="0.25">
      <c r="D14875" s="6">
        <v>431.15159999999997</v>
      </c>
      <c r="E14875" s="6">
        <v>5541.2889999999998</v>
      </c>
    </row>
    <row r="14876" spans="4:5" x14ac:dyDescent="0.25">
      <c r="D14876" s="6">
        <v>566.47519999999997</v>
      </c>
      <c r="E14876" s="6">
        <v>698.66830000000004</v>
      </c>
    </row>
    <row r="14877" spans="4:5" x14ac:dyDescent="0.25">
      <c r="D14877" s="6">
        <v>573.09370000000001</v>
      </c>
      <c r="E14877" s="6">
        <v>844.68780000000004</v>
      </c>
    </row>
    <row r="14878" spans="4:5" x14ac:dyDescent="0.25">
      <c r="D14878" s="6">
        <v>537.77710000000002</v>
      </c>
      <c r="E14878" s="6">
        <v>6900.8010000000004</v>
      </c>
    </row>
    <row r="14879" spans="4:5" x14ac:dyDescent="0.25">
      <c r="D14879" s="6">
        <v>599.38350000000003</v>
      </c>
      <c r="E14879" s="6">
        <v>7599.9740000000002</v>
      </c>
    </row>
    <row r="14880" spans="4:5" x14ac:dyDescent="0.25">
      <c r="D14880" s="6">
        <v>2842.59</v>
      </c>
      <c r="E14880" s="6">
        <v>608.91359999999997</v>
      </c>
    </row>
    <row r="14881" spans="4:5" x14ac:dyDescent="0.25">
      <c r="D14881" s="6">
        <v>745.03959999999995</v>
      </c>
      <c r="E14881" s="6">
        <v>3741.7959999999998</v>
      </c>
    </row>
    <row r="14882" spans="4:5" x14ac:dyDescent="0.25">
      <c r="D14882" s="6">
        <v>574.26850000000002</v>
      </c>
      <c r="E14882" s="6">
        <v>681.72850000000005</v>
      </c>
    </row>
    <row r="14883" spans="4:5" x14ac:dyDescent="0.25">
      <c r="D14883" s="6">
        <v>500.59210000000002</v>
      </c>
      <c r="E14883" s="6">
        <v>6470.5649999999996</v>
      </c>
    </row>
    <row r="14884" spans="4:5" x14ac:dyDescent="0.25">
      <c r="D14884" s="6">
        <v>532.42510000000004</v>
      </c>
      <c r="E14884" s="6">
        <v>717.22569999999996</v>
      </c>
    </row>
    <row r="14885" spans="4:5" x14ac:dyDescent="0.25">
      <c r="D14885" s="6">
        <v>747.4375</v>
      </c>
      <c r="E14885" s="6">
        <v>697.14509999999996</v>
      </c>
    </row>
    <row r="14886" spans="4:5" x14ac:dyDescent="0.25">
      <c r="D14886" s="6">
        <v>700.02729999999997</v>
      </c>
      <c r="E14886" s="6">
        <v>658.14070000000004</v>
      </c>
    </row>
    <row r="14887" spans="4:5" x14ac:dyDescent="0.25">
      <c r="D14887" s="6">
        <v>661.03539999999998</v>
      </c>
      <c r="E14887" s="6">
        <v>833.14469999999994</v>
      </c>
    </row>
    <row r="14888" spans="4:5" x14ac:dyDescent="0.25">
      <c r="D14888" s="6">
        <v>510.54649999999998</v>
      </c>
      <c r="E14888" s="6">
        <v>3638.5070000000001</v>
      </c>
    </row>
    <row r="14889" spans="4:5" x14ac:dyDescent="0.25">
      <c r="D14889" s="6">
        <v>351</v>
      </c>
      <c r="E14889" s="6">
        <v>718.2509</v>
      </c>
    </row>
    <row r="14890" spans="4:5" x14ac:dyDescent="0.25">
      <c r="D14890" s="6">
        <v>405.84339999999997</v>
      </c>
      <c r="E14890" s="6">
        <v>635.95460000000003</v>
      </c>
    </row>
    <row r="14891" spans="4:5" x14ac:dyDescent="0.25">
      <c r="D14891" s="6">
        <v>452.16059999999999</v>
      </c>
      <c r="E14891" s="6">
        <v>2976.2440000000001</v>
      </c>
    </row>
    <row r="14892" spans="4:5" x14ac:dyDescent="0.25">
      <c r="D14892" s="6">
        <v>417.74509999999998</v>
      </c>
      <c r="E14892" s="6">
        <v>619.76440000000002</v>
      </c>
    </row>
    <row r="14893" spans="4:5" x14ac:dyDescent="0.25">
      <c r="D14893" s="6">
        <v>3424.5070000000001</v>
      </c>
      <c r="E14893" s="6">
        <v>1443.7139999999999</v>
      </c>
    </row>
    <row r="14894" spans="4:5" x14ac:dyDescent="0.25">
      <c r="D14894" s="6">
        <v>370.75</v>
      </c>
      <c r="E14894" s="6">
        <v>751.26580000000001</v>
      </c>
    </row>
    <row r="14895" spans="4:5" x14ac:dyDescent="0.25">
      <c r="D14895" s="6">
        <v>609.75760000000002</v>
      </c>
      <c r="E14895" s="6">
        <v>704.18619999999999</v>
      </c>
    </row>
    <row r="14896" spans="4:5" x14ac:dyDescent="0.25">
      <c r="D14896" s="6">
        <v>453.2799</v>
      </c>
      <c r="E14896" s="6">
        <v>3760.52</v>
      </c>
    </row>
    <row r="14897" spans="4:5" x14ac:dyDescent="0.25">
      <c r="D14897" s="6">
        <v>564.25</v>
      </c>
      <c r="E14897" s="6">
        <v>756.88630000000001</v>
      </c>
    </row>
    <row r="14898" spans="4:5" x14ac:dyDescent="0.25">
      <c r="D14898" s="6">
        <v>508.9735</v>
      </c>
      <c r="E14898" s="6">
        <v>1124.5</v>
      </c>
    </row>
    <row r="14899" spans="4:5" x14ac:dyDescent="0.25">
      <c r="D14899" s="6">
        <v>420.79300000000001</v>
      </c>
      <c r="E14899" s="6">
        <v>1824.8030000000001</v>
      </c>
    </row>
    <row r="14900" spans="4:5" x14ac:dyDescent="0.25">
      <c r="D14900" s="6">
        <v>622.80640000000005</v>
      </c>
      <c r="E14900" s="6">
        <v>7082.0630000000001</v>
      </c>
    </row>
    <row r="14901" spans="4:5" x14ac:dyDescent="0.25">
      <c r="D14901" s="6">
        <v>797.50720000000001</v>
      </c>
      <c r="E14901" s="6">
        <v>1783.376</v>
      </c>
    </row>
    <row r="14902" spans="4:5" x14ac:dyDescent="0.25">
      <c r="D14902" s="6">
        <v>494.14800000000002</v>
      </c>
      <c r="E14902" s="6">
        <v>2062.0949999999998</v>
      </c>
    </row>
    <row r="14903" spans="4:5" x14ac:dyDescent="0.25">
      <c r="D14903" s="6">
        <v>3968.99</v>
      </c>
      <c r="E14903" s="6">
        <v>7466.5</v>
      </c>
    </row>
    <row r="14904" spans="4:5" x14ac:dyDescent="0.25">
      <c r="D14904" s="6">
        <v>944.31870000000004</v>
      </c>
      <c r="E14904" s="6">
        <v>717.81820000000005</v>
      </c>
    </row>
    <row r="14905" spans="4:5" x14ac:dyDescent="0.25">
      <c r="D14905" s="6">
        <v>565.75800000000004</v>
      </c>
      <c r="E14905" s="6">
        <v>1056.8499999999999</v>
      </c>
    </row>
    <row r="14906" spans="4:5" x14ac:dyDescent="0.25">
      <c r="D14906" s="6">
        <v>6483.393</v>
      </c>
      <c r="E14906" s="6">
        <v>6589.2640000000001</v>
      </c>
    </row>
    <row r="14907" spans="4:5" x14ac:dyDescent="0.25">
      <c r="D14907" s="6">
        <v>410.13709999999998</v>
      </c>
      <c r="E14907" s="6">
        <v>9683.4</v>
      </c>
    </row>
    <row r="14908" spans="4:5" x14ac:dyDescent="0.25">
      <c r="D14908" s="6">
        <v>527.11540000000002</v>
      </c>
      <c r="E14908" s="6">
        <v>6870.6260000000002</v>
      </c>
    </row>
    <row r="14909" spans="4:5" x14ac:dyDescent="0.25">
      <c r="D14909" s="6">
        <v>6142.0209999999997</v>
      </c>
      <c r="E14909" s="6">
        <v>3875.0590000000002</v>
      </c>
    </row>
    <row r="14910" spans="4:5" x14ac:dyDescent="0.25">
      <c r="D14910" s="6">
        <v>588.74069999999995</v>
      </c>
      <c r="E14910" s="6">
        <v>6071.4260000000004</v>
      </c>
    </row>
    <row r="14911" spans="4:5" x14ac:dyDescent="0.25">
      <c r="D14911" s="6">
        <v>2036.0609999999999</v>
      </c>
      <c r="E14911" s="6">
        <v>746.71469999999999</v>
      </c>
    </row>
    <row r="14912" spans="4:5" x14ac:dyDescent="0.25">
      <c r="D14912" s="6">
        <v>599.36839999999995</v>
      </c>
      <c r="E14912" s="6">
        <v>700.16520000000003</v>
      </c>
    </row>
    <row r="14913" spans="4:5" x14ac:dyDescent="0.25">
      <c r="D14913" s="6">
        <v>531.49390000000005</v>
      </c>
      <c r="E14913" s="6">
        <v>1592.4949999999999</v>
      </c>
    </row>
    <row r="14914" spans="4:5" x14ac:dyDescent="0.25">
      <c r="D14914" s="6">
        <v>536.73869999999999</v>
      </c>
      <c r="E14914" s="6">
        <v>795.70169999999996</v>
      </c>
    </row>
    <row r="14915" spans="4:5" x14ac:dyDescent="0.25">
      <c r="D14915" s="6">
        <v>577.16740000000004</v>
      </c>
      <c r="E14915" s="6">
        <v>693.84860000000003</v>
      </c>
    </row>
    <row r="14916" spans="4:5" x14ac:dyDescent="0.25">
      <c r="D14916" s="6">
        <v>5698.2330000000002</v>
      </c>
      <c r="E14916" s="6">
        <v>583.57090000000005</v>
      </c>
    </row>
    <row r="14917" spans="4:5" x14ac:dyDescent="0.25">
      <c r="D14917" s="6">
        <v>449.43389999999999</v>
      </c>
      <c r="E14917" s="6">
        <v>983.09670000000006</v>
      </c>
    </row>
    <row r="14918" spans="4:5" x14ac:dyDescent="0.25">
      <c r="D14918" s="6">
        <v>604.42359999999996</v>
      </c>
      <c r="E14918" s="6">
        <v>714.56539999999995</v>
      </c>
    </row>
    <row r="14919" spans="4:5" x14ac:dyDescent="0.25">
      <c r="D14919" s="6">
        <v>689.92830000000004</v>
      </c>
      <c r="E14919" s="6">
        <v>2319.848</v>
      </c>
    </row>
    <row r="14920" spans="4:5" x14ac:dyDescent="0.25">
      <c r="D14920" s="6">
        <v>5853.3140000000003</v>
      </c>
      <c r="E14920" s="6">
        <v>557.88710000000003</v>
      </c>
    </row>
    <row r="14921" spans="4:5" x14ac:dyDescent="0.25">
      <c r="D14921" s="6">
        <v>667.94799999999998</v>
      </c>
      <c r="E14921" s="6">
        <v>7398.1859999999997</v>
      </c>
    </row>
    <row r="14922" spans="4:5" x14ac:dyDescent="0.25">
      <c r="D14922" s="6">
        <v>489.41410000000002</v>
      </c>
      <c r="E14922" s="6">
        <v>1164.6020000000001</v>
      </c>
    </row>
    <row r="14923" spans="4:5" x14ac:dyDescent="0.25">
      <c r="D14923" s="6">
        <v>1211.646</v>
      </c>
      <c r="E14923" s="6">
        <v>2925.395</v>
      </c>
    </row>
    <row r="14924" spans="4:5" x14ac:dyDescent="0.25">
      <c r="D14924" s="6">
        <v>1991.6110000000001</v>
      </c>
      <c r="E14924" s="6">
        <v>839.30240000000003</v>
      </c>
    </row>
    <row r="14925" spans="4:5" x14ac:dyDescent="0.25">
      <c r="D14925" s="6">
        <v>490.10039999999998</v>
      </c>
      <c r="E14925" s="6">
        <v>2030.885</v>
      </c>
    </row>
    <row r="14926" spans="4:5" x14ac:dyDescent="0.25">
      <c r="D14926" s="6">
        <v>2473.8510000000001</v>
      </c>
      <c r="E14926" s="6">
        <v>463.66669999999999</v>
      </c>
    </row>
    <row r="14927" spans="4:5" x14ac:dyDescent="0.25">
      <c r="D14927" s="6">
        <v>567.56920000000002</v>
      </c>
      <c r="E14927" s="6">
        <v>1040.1959999999999</v>
      </c>
    </row>
    <row r="14928" spans="4:5" x14ac:dyDescent="0.25">
      <c r="D14928" s="6">
        <v>4354.75</v>
      </c>
      <c r="E14928" s="6">
        <v>535.28300000000002</v>
      </c>
    </row>
    <row r="14929" spans="4:5" x14ac:dyDescent="0.25">
      <c r="D14929" s="6">
        <v>816.6</v>
      </c>
      <c r="E14929" s="6">
        <v>983.78599999999994</v>
      </c>
    </row>
    <row r="14930" spans="4:5" x14ac:dyDescent="0.25">
      <c r="D14930" s="6">
        <v>4758.6809999999996</v>
      </c>
      <c r="E14930" s="6">
        <v>683.70489999999995</v>
      </c>
    </row>
    <row r="14931" spans="4:5" x14ac:dyDescent="0.25">
      <c r="D14931" s="6">
        <v>430.4151</v>
      </c>
      <c r="E14931" s="6">
        <v>6121.933</v>
      </c>
    </row>
    <row r="14932" spans="4:5" x14ac:dyDescent="0.25">
      <c r="D14932" s="6">
        <v>575.30259999999998</v>
      </c>
      <c r="E14932" s="6">
        <v>929.38969999999995</v>
      </c>
    </row>
    <row r="14933" spans="4:5" x14ac:dyDescent="0.25">
      <c r="D14933" s="6">
        <v>2646.875</v>
      </c>
      <c r="E14933" s="6">
        <v>606.34439999999995</v>
      </c>
    </row>
    <row r="14934" spans="4:5" x14ac:dyDescent="0.25">
      <c r="D14934" s="6">
        <v>5269.2280000000001</v>
      </c>
      <c r="E14934" s="6">
        <v>604.76289999999995</v>
      </c>
    </row>
    <row r="14935" spans="4:5" x14ac:dyDescent="0.25">
      <c r="D14935" s="6">
        <v>487.09280000000001</v>
      </c>
      <c r="E14935" s="6">
        <v>587.59119999999996</v>
      </c>
    </row>
    <row r="14936" spans="4:5" x14ac:dyDescent="0.25">
      <c r="D14936" s="6">
        <v>1034.7370000000001</v>
      </c>
      <c r="E14936" s="6">
        <v>800.30420000000004</v>
      </c>
    </row>
    <row r="14937" spans="4:5" x14ac:dyDescent="0.25">
      <c r="D14937" s="6">
        <v>3570</v>
      </c>
      <c r="E14937" s="6">
        <v>7031.78</v>
      </c>
    </row>
    <row r="14938" spans="4:5" x14ac:dyDescent="0.25">
      <c r="D14938" s="6">
        <v>617.41830000000004</v>
      </c>
      <c r="E14938" s="6">
        <v>963.08320000000003</v>
      </c>
    </row>
    <row r="14939" spans="4:5" x14ac:dyDescent="0.25">
      <c r="D14939" s="6">
        <v>8468.8690000000006</v>
      </c>
      <c r="E14939" s="6">
        <v>797.82749999999999</v>
      </c>
    </row>
    <row r="14940" spans="4:5" x14ac:dyDescent="0.25">
      <c r="D14940" s="6">
        <v>615.80719999999997</v>
      </c>
      <c r="E14940" s="6">
        <v>1638.5889999999999</v>
      </c>
    </row>
    <row r="14941" spans="4:5" x14ac:dyDescent="0.25">
      <c r="D14941" s="6">
        <v>541.10310000000004</v>
      </c>
      <c r="E14941" s="6">
        <v>661.24980000000005</v>
      </c>
    </row>
    <row r="14942" spans="4:5" x14ac:dyDescent="0.25">
      <c r="D14942" s="6">
        <v>2724.5</v>
      </c>
      <c r="E14942" s="6">
        <v>620.92849999999999</v>
      </c>
    </row>
    <row r="14943" spans="4:5" x14ac:dyDescent="0.25">
      <c r="D14943" s="6">
        <v>579.92129999999997</v>
      </c>
      <c r="E14943" s="6">
        <v>869.11270000000002</v>
      </c>
    </row>
    <row r="14944" spans="4:5" x14ac:dyDescent="0.25">
      <c r="D14944" s="6">
        <v>752.6318</v>
      </c>
      <c r="E14944" s="6">
        <v>746.86300000000006</v>
      </c>
    </row>
    <row r="14945" spans="4:5" x14ac:dyDescent="0.25">
      <c r="D14945" s="6">
        <v>1220.4280000000001</v>
      </c>
      <c r="E14945" s="6">
        <v>1005.133</v>
      </c>
    </row>
    <row r="14946" spans="4:5" x14ac:dyDescent="0.25">
      <c r="D14946" s="6">
        <v>5158</v>
      </c>
      <c r="E14946" s="6">
        <v>5275.6130000000003</v>
      </c>
    </row>
    <row r="14947" spans="4:5" x14ac:dyDescent="0.25">
      <c r="D14947" s="6">
        <v>514.99</v>
      </c>
      <c r="E14947" s="6">
        <v>618.50300000000004</v>
      </c>
    </row>
    <row r="14948" spans="4:5" x14ac:dyDescent="0.25">
      <c r="D14948" s="6">
        <v>626.97199999999998</v>
      </c>
      <c r="E14948" s="6">
        <v>827.16240000000005</v>
      </c>
    </row>
    <row r="14949" spans="4:5" x14ac:dyDescent="0.25">
      <c r="D14949" s="6">
        <v>683.85339999999997</v>
      </c>
      <c r="E14949" s="6">
        <v>615.08349999999996</v>
      </c>
    </row>
    <row r="14950" spans="4:5" x14ac:dyDescent="0.25">
      <c r="D14950" s="6">
        <v>3171.2139999999999</v>
      </c>
      <c r="E14950" s="6">
        <v>632.29930000000002</v>
      </c>
    </row>
    <row r="14951" spans="4:5" x14ac:dyDescent="0.25">
      <c r="D14951" s="6">
        <v>550.66560000000004</v>
      </c>
      <c r="E14951" s="6">
        <v>783.68910000000005</v>
      </c>
    </row>
    <row r="14952" spans="4:5" x14ac:dyDescent="0.25">
      <c r="D14952" s="6">
        <v>5699.0119999999997</v>
      </c>
      <c r="E14952" s="6">
        <v>10175.469999999999</v>
      </c>
    </row>
    <row r="14953" spans="4:5" x14ac:dyDescent="0.25">
      <c r="D14953" s="6">
        <v>537.56989999999996</v>
      </c>
      <c r="E14953" s="6">
        <v>6563.8130000000001</v>
      </c>
    </row>
    <row r="14954" spans="4:5" x14ac:dyDescent="0.25">
      <c r="D14954" s="6">
        <v>504.4828</v>
      </c>
      <c r="E14954" s="6">
        <v>6162.3720000000003</v>
      </c>
    </row>
    <row r="14955" spans="4:5" x14ac:dyDescent="0.25">
      <c r="D14955" s="6">
        <v>5689.6170000000002</v>
      </c>
      <c r="E14955" s="6">
        <v>6465.6639999999998</v>
      </c>
    </row>
    <row r="14956" spans="4:5" x14ac:dyDescent="0.25">
      <c r="D14956" s="6">
        <v>591.01800000000003</v>
      </c>
      <c r="E14956" s="6">
        <v>781.08389999999997</v>
      </c>
    </row>
    <row r="14957" spans="4:5" x14ac:dyDescent="0.25">
      <c r="D14957" s="6">
        <v>4812.5690000000004</v>
      </c>
      <c r="E14957" s="6">
        <v>969.46209999999996</v>
      </c>
    </row>
    <row r="14958" spans="4:5" x14ac:dyDescent="0.25">
      <c r="D14958" s="6">
        <v>4290.2120000000004</v>
      </c>
      <c r="E14958" s="6">
        <v>1851.0119999999999</v>
      </c>
    </row>
    <row r="14959" spans="4:5" x14ac:dyDescent="0.25">
      <c r="D14959" s="6">
        <v>537.53489999999999</v>
      </c>
      <c r="E14959" s="6">
        <v>4132.1769999999997</v>
      </c>
    </row>
    <row r="14960" spans="4:5" x14ac:dyDescent="0.25">
      <c r="D14960" s="6">
        <v>467.80329999999998</v>
      </c>
      <c r="E14960" s="6">
        <v>910.21259999999995</v>
      </c>
    </row>
    <row r="14961" spans="4:5" x14ac:dyDescent="0.25">
      <c r="D14961" s="6">
        <v>2522.35</v>
      </c>
      <c r="E14961" s="6">
        <v>2775.0050000000001</v>
      </c>
    </row>
    <row r="14962" spans="4:5" x14ac:dyDescent="0.25">
      <c r="D14962" s="6">
        <v>544.68700000000001</v>
      </c>
      <c r="E14962" s="6">
        <v>558.09990000000005</v>
      </c>
    </row>
    <row r="14963" spans="4:5" x14ac:dyDescent="0.25">
      <c r="D14963" s="6">
        <v>827.43460000000005</v>
      </c>
      <c r="E14963" s="6">
        <v>947.63040000000001</v>
      </c>
    </row>
    <row r="14964" spans="4:5" x14ac:dyDescent="0.25">
      <c r="D14964" s="6">
        <v>588.65620000000001</v>
      </c>
      <c r="E14964" s="6">
        <v>6318.5659999999998</v>
      </c>
    </row>
    <row r="14965" spans="4:5" x14ac:dyDescent="0.25">
      <c r="D14965" s="6">
        <v>491.83170000000001</v>
      </c>
      <c r="E14965" s="6">
        <v>806.85029999999995</v>
      </c>
    </row>
    <row r="14966" spans="4:5" x14ac:dyDescent="0.25">
      <c r="D14966" s="6">
        <v>562.1508</v>
      </c>
      <c r="E14966" s="6">
        <v>2432.9549999999999</v>
      </c>
    </row>
    <row r="14967" spans="4:5" x14ac:dyDescent="0.25">
      <c r="D14967" s="6">
        <v>488.8732</v>
      </c>
      <c r="E14967" s="6">
        <v>798.72550000000001</v>
      </c>
    </row>
    <row r="14968" spans="4:5" x14ac:dyDescent="0.25">
      <c r="D14968" s="6">
        <v>650.5</v>
      </c>
      <c r="E14968" s="6">
        <v>713.38419999999996</v>
      </c>
    </row>
    <row r="14969" spans="4:5" x14ac:dyDescent="0.25">
      <c r="D14969" s="6">
        <v>535.05930000000001</v>
      </c>
      <c r="E14969" s="6">
        <v>806.29729999999995</v>
      </c>
    </row>
    <row r="14970" spans="4:5" x14ac:dyDescent="0.25">
      <c r="D14970" s="6">
        <v>506.91860000000003</v>
      </c>
      <c r="E14970" s="6">
        <v>818.2559</v>
      </c>
    </row>
    <row r="14971" spans="4:5" x14ac:dyDescent="0.25">
      <c r="D14971" s="6">
        <v>4373.6840000000002</v>
      </c>
      <c r="E14971" s="6">
        <v>864.67600000000004</v>
      </c>
    </row>
    <row r="14972" spans="4:5" x14ac:dyDescent="0.25">
      <c r="D14972" s="6">
        <v>678.15269999999998</v>
      </c>
      <c r="E14972" s="6">
        <v>920.28909999999996</v>
      </c>
    </row>
    <row r="14973" spans="4:5" x14ac:dyDescent="0.25">
      <c r="D14973" s="6">
        <v>1323</v>
      </c>
      <c r="E14973" s="6">
        <v>800.59720000000004</v>
      </c>
    </row>
    <row r="14974" spans="4:5" x14ac:dyDescent="0.25">
      <c r="D14974" s="6">
        <v>562.62049999999999</v>
      </c>
      <c r="E14974" s="6">
        <v>1409.7449999999999</v>
      </c>
    </row>
    <row r="14975" spans="4:5" x14ac:dyDescent="0.25">
      <c r="D14975" s="6">
        <v>4432</v>
      </c>
      <c r="E14975" s="6">
        <v>923.95399999999995</v>
      </c>
    </row>
    <row r="14976" spans="4:5" x14ac:dyDescent="0.25">
      <c r="D14976" s="6">
        <v>2225.165</v>
      </c>
      <c r="E14976" s="6">
        <v>696.01049999999998</v>
      </c>
    </row>
    <row r="14977" spans="4:5" x14ac:dyDescent="0.25">
      <c r="D14977" s="6">
        <v>479.44929999999999</v>
      </c>
      <c r="E14977" s="6">
        <v>724.03949999999998</v>
      </c>
    </row>
    <row r="14978" spans="4:5" x14ac:dyDescent="0.25">
      <c r="D14978" s="6">
        <v>581.0883</v>
      </c>
      <c r="E14978" s="6">
        <v>2280.3110000000001</v>
      </c>
    </row>
    <row r="14979" spans="4:5" x14ac:dyDescent="0.25">
      <c r="D14979" s="6">
        <v>832.47270000000003</v>
      </c>
      <c r="E14979" s="6">
        <v>989.74850000000004</v>
      </c>
    </row>
    <row r="14980" spans="4:5" x14ac:dyDescent="0.25">
      <c r="D14980" s="6">
        <v>486.9074</v>
      </c>
      <c r="E14980" s="6">
        <v>857.61839999999995</v>
      </c>
    </row>
    <row r="14981" spans="4:5" x14ac:dyDescent="0.25">
      <c r="D14981" s="6">
        <v>531.18709999999999</v>
      </c>
      <c r="E14981" s="6">
        <v>516.75</v>
      </c>
    </row>
    <row r="14982" spans="4:5" x14ac:dyDescent="0.25">
      <c r="D14982" s="6">
        <v>6705.8029999999999</v>
      </c>
      <c r="E14982" s="6">
        <v>659.51829999999995</v>
      </c>
    </row>
    <row r="14983" spans="4:5" x14ac:dyDescent="0.25">
      <c r="D14983" s="6">
        <v>426.9504</v>
      </c>
      <c r="E14983" s="6">
        <v>912.43820000000005</v>
      </c>
    </row>
    <row r="14984" spans="4:5" x14ac:dyDescent="0.25">
      <c r="D14984" s="6">
        <v>429.6</v>
      </c>
      <c r="E14984" s="6">
        <v>1408.366</v>
      </c>
    </row>
    <row r="14985" spans="4:5" x14ac:dyDescent="0.25">
      <c r="D14985" s="6">
        <v>2005.0650000000001</v>
      </c>
      <c r="E14985" s="6">
        <v>747.69449999999995</v>
      </c>
    </row>
    <row r="14986" spans="4:5" x14ac:dyDescent="0.25">
      <c r="D14986" s="6">
        <v>795.76700000000005</v>
      </c>
      <c r="E14986" s="6">
        <v>607.0154</v>
      </c>
    </row>
    <row r="14987" spans="4:5" x14ac:dyDescent="0.25">
      <c r="D14987" s="6">
        <v>670.55939999999998</v>
      </c>
      <c r="E14987" s="6">
        <v>592.65160000000003</v>
      </c>
    </row>
    <row r="14988" spans="4:5" x14ac:dyDescent="0.25">
      <c r="D14988" s="6">
        <v>660.88819999999998</v>
      </c>
      <c r="E14988" s="6">
        <v>1016.4690000000001</v>
      </c>
    </row>
    <row r="14989" spans="4:5" x14ac:dyDescent="0.25">
      <c r="D14989" s="6">
        <v>1041.864</v>
      </c>
      <c r="E14989" s="6">
        <v>816.50409999999999</v>
      </c>
    </row>
    <row r="14990" spans="4:5" x14ac:dyDescent="0.25">
      <c r="D14990" s="6">
        <v>568.33420000000001</v>
      </c>
      <c r="E14990" s="6">
        <v>910.87890000000004</v>
      </c>
    </row>
    <row r="14991" spans="4:5" x14ac:dyDescent="0.25">
      <c r="D14991" s="6">
        <v>570.84590000000003</v>
      </c>
      <c r="E14991" s="6">
        <v>5342.5649999999996</v>
      </c>
    </row>
    <row r="14992" spans="4:5" x14ac:dyDescent="0.25">
      <c r="D14992" s="6">
        <v>510.92309999999998</v>
      </c>
      <c r="E14992" s="6">
        <v>806.33</v>
      </c>
    </row>
    <row r="14993" spans="4:5" x14ac:dyDescent="0.25">
      <c r="D14993" s="6">
        <v>641.52980000000002</v>
      </c>
      <c r="E14993" s="6">
        <v>705.04819999999995</v>
      </c>
    </row>
    <row r="14994" spans="4:5" x14ac:dyDescent="0.25">
      <c r="D14994" s="6">
        <v>551.75840000000005</v>
      </c>
      <c r="E14994" s="6">
        <v>653.38210000000004</v>
      </c>
    </row>
    <row r="14995" spans="4:5" x14ac:dyDescent="0.25">
      <c r="D14995" s="6">
        <v>464.52</v>
      </c>
      <c r="E14995" s="6">
        <v>776.6703</v>
      </c>
    </row>
    <row r="14996" spans="4:5" x14ac:dyDescent="0.25">
      <c r="D14996" s="6">
        <v>432.59719999999999</v>
      </c>
      <c r="E14996" s="6">
        <v>651.71429999999998</v>
      </c>
    </row>
    <row r="14997" spans="4:5" x14ac:dyDescent="0.25">
      <c r="D14997" s="6">
        <v>587.94860000000006</v>
      </c>
      <c r="E14997" s="6">
        <v>6107.1409999999996</v>
      </c>
    </row>
    <row r="14998" spans="4:5" x14ac:dyDescent="0.25">
      <c r="D14998" s="6">
        <v>540.81949999999995</v>
      </c>
      <c r="E14998" s="6">
        <v>682.18870000000004</v>
      </c>
    </row>
    <row r="14999" spans="4:5" x14ac:dyDescent="0.25">
      <c r="D14999" s="6">
        <v>531.51289999999995</v>
      </c>
      <c r="E14999" s="6">
        <v>598.3098</v>
      </c>
    </row>
    <row r="15000" spans="4:5" x14ac:dyDescent="0.25">
      <c r="D15000" s="6">
        <v>639.52290000000005</v>
      </c>
      <c r="E15000" s="6">
        <v>685.5566</v>
      </c>
    </row>
    <row r="15001" spans="4:5" x14ac:dyDescent="0.25">
      <c r="D15001" s="6">
        <v>2473.7869999999998</v>
      </c>
      <c r="E15001" s="6">
        <v>709.87630000000001</v>
      </c>
    </row>
    <row r="15002" spans="4:5" x14ac:dyDescent="0.25">
      <c r="D15002" s="6">
        <v>5146.25</v>
      </c>
      <c r="E15002" s="6">
        <v>731.22400000000005</v>
      </c>
    </row>
    <row r="15003" spans="4:5" x14ac:dyDescent="0.25">
      <c r="D15003" s="6">
        <v>5033.5020000000004</v>
      </c>
      <c r="E15003" s="6">
        <v>7371.3609999999999</v>
      </c>
    </row>
    <row r="15004" spans="4:5" x14ac:dyDescent="0.25">
      <c r="D15004" s="6">
        <v>431.74270000000001</v>
      </c>
      <c r="E15004" s="6">
        <v>581.99990000000003</v>
      </c>
    </row>
    <row r="15005" spans="4:5" x14ac:dyDescent="0.25">
      <c r="D15005" s="6">
        <v>470.7389</v>
      </c>
      <c r="E15005" s="6">
        <v>501.35539999999997</v>
      </c>
    </row>
    <row r="15006" spans="4:5" x14ac:dyDescent="0.25">
      <c r="D15006" s="6">
        <v>905.55799999999999</v>
      </c>
      <c r="E15006" s="6">
        <v>3621.7069999999999</v>
      </c>
    </row>
    <row r="15007" spans="4:5" x14ac:dyDescent="0.25">
      <c r="D15007" s="6">
        <v>583.39059999999995</v>
      </c>
      <c r="E15007" s="6">
        <v>2844.5590000000002</v>
      </c>
    </row>
    <row r="15008" spans="4:5" x14ac:dyDescent="0.25">
      <c r="D15008" s="6">
        <v>484.54300000000001</v>
      </c>
      <c r="E15008" s="6">
        <v>5495.8879999999999</v>
      </c>
    </row>
    <row r="15009" spans="4:5" x14ac:dyDescent="0.25">
      <c r="D15009" s="6">
        <v>5873.817</v>
      </c>
      <c r="E15009" s="6">
        <v>773.71820000000002</v>
      </c>
    </row>
    <row r="15010" spans="4:5" x14ac:dyDescent="0.25">
      <c r="D15010" s="6">
        <v>548.02430000000004</v>
      </c>
      <c r="E15010" s="6">
        <v>507.5437</v>
      </c>
    </row>
    <row r="15011" spans="4:5" x14ac:dyDescent="0.25">
      <c r="D15011" s="6">
        <v>530.43859999999995</v>
      </c>
      <c r="E15011" s="6">
        <v>1483.5</v>
      </c>
    </row>
    <row r="15012" spans="4:5" x14ac:dyDescent="0.25">
      <c r="D15012" s="6">
        <v>800.28949999999998</v>
      </c>
      <c r="E15012" s="6">
        <v>698.14179999999999</v>
      </c>
    </row>
    <row r="15013" spans="4:5" x14ac:dyDescent="0.25">
      <c r="D15013" s="6">
        <v>967.62279999999998</v>
      </c>
      <c r="E15013" s="6">
        <v>5401.1930000000002</v>
      </c>
    </row>
    <row r="15014" spans="4:5" x14ac:dyDescent="0.25">
      <c r="D15014" s="6">
        <v>516.548</v>
      </c>
      <c r="E15014" s="6">
        <v>954.92660000000001</v>
      </c>
    </row>
    <row r="15015" spans="4:5" x14ac:dyDescent="0.25">
      <c r="D15015" s="6">
        <v>611.21159999999998</v>
      </c>
      <c r="E15015" s="6">
        <v>7349.6350000000002</v>
      </c>
    </row>
    <row r="15016" spans="4:5" x14ac:dyDescent="0.25">
      <c r="D15016" s="6">
        <v>2553.4659999999999</v>
      </c>
      <c r="E15016" s="6">
        <v>528.38</v>
      </c>
    </row>
    <row r="15017" spans="4:5" x14ac:dyDescent="0.25">
      <c r="D15017" s="6">
        <v>573.4316</v>
      </c>
      <c r="E15017" s="6">
        <v>2590.5610000000001</v>
      </c>
    </row>
    <row r="15018" spans="4:5" x14ac:dyDescent="0.25">
      <c r="D15018" s="6">
        <v>543.30579999999998</v>
      </c>
      <c r="E15018" s="6">
        <v>6089.5940000000001</v>
      </c>
    </row>
    <row r="15019" spans="4:5" x14ac:dyDescent="0.25">
      <c r="D15019" s="6">
        <v>525.72659999999996</v>
      </c>
      <c r="E15019" s="6">
        <v>666.38660000000004</v>
      </c>
    </row>
    <row r="15020" spans="4:5" x14ac:dyDescent="0.25">
      <c r="D15020" s="6">
        <v>587.31910000000005</v>
      </c>
      <c r="E15020" s="6">
        <v>6615.9160000000002</v>
      </c>
    </row>
    <row r="15021" spans="4:5" x14ac:dyDescent="0.25">
      <c r="D15021" s="6">
        <v>596.75819999999999</v>
      </c>
      <c r="E15021" s="6">
        <v>655.72810000000004</v>
      </c>
    </row>
    <row r="15022" spans="4:5" x14ac:dyDescent="0.25">
      <c r="D15022" s="6">
        <v>5564.7640000000001</v>
      </c>
      <c r="E15022" s="6">
        <v>7095.2730000000001</v>
      </c>
    </row>
    <row r="15023" spans="4:5" x14ac:dyDescent="0.25">
      <c r="D15023" s="6">
        <v>590.54729999999995</v>
      </c>
      <c r="E15023" s="6">
        <v>666.04489999999998</v>
      </c>
    </row>
    <row r="15024" spans="4:5" x14ac:dyDescent="0.25">
      <c r="D15024" s="6">
        <v>499.875</v>
      </c>
      <c r="E15024" s="6">
        <v>669.06579999999997</v>
      </c>
    </row>
    <row r="15025" spans="4:5" x14ac:dyDescent="0.25">
      <c r="D15025" s="6">
        <v>521.9683</v>
      </c>
      <c r="E15025" s="6">
        <v>6171.3109999999997</v>
      </c>
    </row>
    <row r="15026" spans="4:5" x14ac:dyDescent="0.25">
      <c r="D15026" s="6">
        <v>626.43200000000002</v>
      </c>
      <c r="E15026" s="6">
        <v>1300.7260000000001</v>
      </c>
    </row>
    <row r="15027" spans="4:5" x14ac:dyDescent="0.25">
      <c r="D15027" s="6">
        <v>1558.903</v>
      </c>
      <c r="E15027" s="6">
        <v>740.1078</v>
      </c>
    </row>
    <row r="15028" spans="4:5" x14ac:dyDescent="0.25">
      <c r="D15028" s="6">
        <v>473.02460000000002</v>
      </c>
      <c r="E15028" s="6">
        <v>1969.8879999999999</v>
      </c>
    </row>
    <row r="15029" spans="4:5" x14ac:dyDescent="0.25">
      <c r="D15029" s="6">
        <v>978.30139999999994</v>
      </c>
      <c r="E15029" s="6">
        <v>734.53229999999996</v>
      </c>
    </row>
    <row r="15030" spans="4:5" x14ac:dyDescent="0.25">
      <c r="D15030" s="6">
        <v>4506.3289999999997</v>
      </c>
      <c r="E15030" s="6">
        <v>2051.299</v>
      </c>
    </row>
    <row r="15031" spans="4:5" x14ac:dyDescent="0.25">
      <c r="D15031" s="6">
        <v>698.57209999999998</v>
      </c>
      <c r="E15031" s="6">
        <v>802.10130000000004</v>
      </c>
    </row>
    <row r="15032" spans="4:5" x14ac:dyDescent="0.25">
      <c r="D15032" s="6">
        <v>495.55459999999999</v>
      </c>
      <c r="E15032" s="6">
        <v>6501.777</v>
      </c>
    </row>
    <row r="15033" spans="4:5" x14ac:dyDescent="0.25">
      <c r="D15033" s="6">
        <v>612.45010000000002</v>
      </c>
      <c r="E15033" s="6">
        <v>737.97220000000004</v>
      </c>
    </row>
    <row r="15034" spans="4:5" x14ac:dyDescent="0.25">
      <c r="D15034" s="6">
        <v>3179.0619999999999</v>
      </c>
      <c r="E15034" s="6">
        <v>843.89269999999999</v>
      </c>
    </row>
    <row r="15035" spans="4:5" x14ac:dyDescent="0.25">
      <c r="D15035" s="6">
        <v>513.88559999999995</v>
      </c>
      <c r="E15035" s="6">
        <v>805.95129999999995</v>
      </c>
    </row>
    <row r="15036" spans="4:5" x14ac:dyDescent="0.25">
      <c r="D15036" s="6">
        <v>553.15089999999998</v>
      </c>
      <c r="E15036" s="6">
        <v>585.44000000000005</v>
      </c>
    </row>
    <row r="15037" spans="4:5" x14ac:dyDescent="0.25">
      <c r="D15037" s="6">
        <v>499.25119999999998</v>
      </c>
      <c r="E15037" s="6">
        <v>1706.82</v>
      </c>
    </row>
    <row r="15038" spans="4:5" x14ac:dyDescent="0.25">
      <c r="D15038" s="6">
        <v>669.18359999999996</v>
      </c>
      <c r="E15038" s="6">
        <v>4968.6629999999996</v>
      </c>
    </row>
    <row r="15039" spans="4:5" x14ac:dyDescent="0.25">
      <c r="D15039" s="6">
        <v>768.62139999999999</v>
      </c>
      <c r="E15039" s="6">
        <v>7336.3649999999998</v>
      </c>
    </row>
    <row r="15040" spans="4:5" x14ac:dyDescent="0.25">
      <c r="D15040" s="6">
        <v>475.8</v>
      </c>
      <c r="E15040" s="6">
        <v>6817.5119999999997</v>
      </c>
    </row>
    <row r="15041" spans="4:5" x14ac:dyDescent="0.25">
      <c r="D15041" s="6">
        <v>484.70679999999999</v>
      </c>
      <c r="E15041" s="6">
        <v>2791.4740000000002</v>
      </c>
    </row>
    <row r="15042" spans="4:5" x14ac:dyDescent="0.25">
      <c r="D15042" s="6">
        <v>2146.2379999999998</v>
      </c>
      <c r="E15042" s="6">
        <v>942.42970000000003</v>
      </c>
    </row>
    <row r="15043" spans="4:5" x14ac:dyDescent="0.25">
      <c r="D15043" s="6">
        <v>644.05880000000002</v>
      </c>
      <c r="E15043" s="6">
        <v>567.49689999999998</v>
      </c>
    </row>
    <row r="15044" spans="4:5" x14ac:dyDescent="0.25">
      <c r="D15044" s="6">
        <v>561.1771</v>
      </c>
      <c r="E15044" s="6">
        <v>623.40570000000002</v>
      </c>
    </row>
    <row r="15045" spans="4:5" x14ac:dyDescent="0.25">
      <c r="D15045" s="6">
        <v>526.18330000000003</v>
      </c>
      <c r="E15045" s="6">
        <v>767.03240000000005</v>
      </c>
    </row>
    <row r="15046" spans="4:5" x14ac:dyDescent="0.25">
      <c r="D15046" s="6">
        <v>611.50779999999997</v>
      </c>
      <c r="E15046" s="6">
        <v>722.10599999999999</v>
      </c>
    </row>
    <row r="15047" spans="4:5" x14ac:dyDescent="0.25">
      <c r="D15047" s="6">
        <v>556.94150000000002</v>
      </c>
      <c r="E15047" s="6">
        <v>734.00670000000002</v>
      </c>
    </row>
    <row r="15048" spans="4:5" x14ac:dyDescent="0.25">
      <c r="D15048" s="6">
        <v>593.87620000000004</v>
      </c>
      <c r="E15048" s="6">
        <v>9764.2749999999996</v>
      </c>
    </row>
    <row r="15049" spans="4:5" x14ac:dyDescent="0.25">
      <c r="D15049" s="6">
        <v>653.28779999999995</v>
      </c>
      <c r="E15049" s="6">
        <v>628</v>
      </c>
    </row>
    <row r="15050" spans="4:5" x14ac:dyDescent="0.25">
      <c r="D15050" s="6">
        <v>606.22860000000003</v>
      </c>
      <c r="E15050" s="6">
        <v>685.33579999999995</v>
      </c>
    </row>
    <row r="15051" spans="4:5" x14ac:dyDescent="0.25">
      <c r="D15051" s="6">
        <v>663.53110000000004</v>
      </c>
      <c r="E15051" s="6">
        <v>601.08150000000001</v>
      </c>
    </row>
    <row r="15052" spans="4:5" x14ac:dyDescent="0.25">
      <c r="D15052" s="6">
        <v>531.92240000000004</v>
      </c>
      <c r="E15052" s="6">
        <v>749.92859999999996</v>
      </c>
    </row>
    <row r="15053" spans="4:5" x14ac:dyDescent="0.25">
      <c r="D15053" s="6">
        <v>645.20420000000001</v>
      </c>
      <c r="E15053" s="6">
        <v>788.12639999999999</v>
      </c>
    </row>
    <row r="15054" spans="4:5" x14ac:dyDescent="0.25">
      <c r="D15054" s="6">
        <v>676.11149999999998</v>
      </c>
      <c r="E15054" s="6">
        <v>6439.0479999999998</v>
      </c>
    </row>
    <row r="15055" spans="4:5" x14ac:dyDescent="0.25">
      <c r="D15055" s="6">
        <v>4873.835</v>
      </c>
      <c r="E15055" s="6">
        <v>742.79909999999995</v>
      </c>
    </row>
    <row r="15056" spans="4:5" x14ac:dyDescent="0.25">
      <c r="D15056" s="6">
        <v>622.30880000000002</v>
      </c>
      <c r="E15056" s="6">
        <v>2337.6669999999999</v>
      </c>
    </row>
    <row r="15057" spans="4:5" x14ac:dyDescent="0.25">
      <c r="D15057" s="6">
        <v>359.1234</v>
      </c>
      <c r="E15057" s="6">
        <v>690.68169999999998</v>
      </c>
    </row>
    <row r="15058" spans="4:5" x14ac:dyDescent="0.25">
      <c r="D15058" s="6">
        <v>4683.8090000000002</v>
      </c>
      <c r="E15058" s="6">
        <v>2592.0419999999999</v>
      </c>
    </row>
    <row r="15059" spans="4:5" x14ac:dyDescent="0.25">
      <c r="D15059" s="6">
        <v>594.78560000000004</v>
      </c>
      <c r="E15059" s="6">
        <v>604.54510000000005</v>
      </c>
    </row>
    <row r="15060" spans="4:5" x14ac:dyDescent="0.25">
      <c r="D15060" s="6">
        <v>509.00459999999998</v>
      </c>
      <c r="E15060" s="6">
        <v>5072.9380000000001</v>
      </c>
    </row>
    <row r="15061" spans="4:5" x14ac:dyDescent="0.25">
      <c r="D15061" s="6">
        <v>638.15819999999997</v>
      </c>
      <c r="E15061" s="6">
        <v>713.7817</v>
      </c>
    </row>
    <row r="15062" spans="4:5" x14ac:dyDescent="0.25">
      <c r="D15062" s="6">
        <v>446.05779999999999</v>
      </c>
      <c r="E15062" s="6">
        <v>484.81720000000001</v>
      </c>
    </row>
    <row r="15063" spans="4:5" x14ac:dyDescent="0.25">
      <c r="D15063" s="6">
        <v>530.91179999999997</v>
      </c>
      <c r="E15063" s="6">
        <v>1257.1369999999999</v>
      </c>
    </row>
    <row r="15064" spans="4:5" x14ac:dyDescent="0.25">
      <c r="D15064" s="6">
        <v>500.04770000000002</v>
      </c>
      <c r="E15064" s="6">
        <v>7118.5240000000003</v>
      </c>
    </row>
    <row r="15065" spans="4:5" x14ac:dyDescent="0.25">
      <c r="D15065" s="6">
        <v>453.29090000000002</v>
      </c>
      <c r="E15065" s="6">
        <v>2758.6959999999999</v>
      </c>
    </row>
    <row r="15066" spans="4:5" x14ac:dyDescent="0.25">
      <c r="D15066" s="6">
        <v>3885.498</v>
      </c>
      <c r="E15066" s="6">
        <v>790.50120000000004</v>
      </c>
    </row>
    <row r="15067" spans="4:5" x14ac:dyDescent="0.25">
      <c r="D15067" s="6">
        <v>838.8</v>
      </c>
      <c r="E15067" s="6">
        <v>2080.7759999999998</v>
      </c>
    </row>
    <row r="15068" spans="4:5" x14ac:dyDescent="0.25">
      <c r="D15068" s="6">
        <v>554.79650000000004</v>
      </c>
      <c r="E15068" s="6">
        <v>1797.6980000000001</v>
      </c>
    </row>
    <row r="15069" spans="4:5" x14ac:dyDescent="0.25">
      <c r="D15069" s="6">
        <v>632</v>
      </c>
      <c r="E15069" s="6">
        <v>3608.625</v>
      </c>
    </row>
    <row r="15070" spans="4:5" x14ac:dyDescent="0.25">
      <c r="D15070" s="6">
        <v>535.93190000000004</v>
      </c>
      <c r="E15070" s="6">
        <v>859.27670000000001</v>
      </c>
    </row>
    <row r="15071" spans="4:5" x14ac:dyDescent="0.25">
      <c r="D15071" s="6">
        <v>493.67469999999997</v>
      </c>
      <c r="E15071" s="6">
        <v>738.45439999999996</v>
      </c>
    </row>
    <row r="15072" spans="4:5" x14ac:dyDescent="0.25">
      <c r="D15072" s="6">
        <v>5254.0150000000003</v>
      </c>
      <c r="E15072" s="6">
        <v>744.64549999999997</v>
      </c>
    </row>
    <row r="15073" spans="4:5" x14ac:dyDescent="0.25">
      <c r="D15073" s="6">
        <v>6337.4269999999997</v>
      </c>
      <c r="E15073" s="6">
        <v>6880.9629999999997</v>
      </c>
    </row>
    <row r="15074" spans="4:5" x14ac:dyDescent="0.25">
      <c r="D15074" s="6">
        <v>557.15229999999997</v>
      </c>
      <c r="E15074" s="6">
        <v>7765.6610000000001</v>
      </c>
    </row>
    <row r="15075" spans="4:5" x14ac:dyDescent="0.25">
      <c r="D15075" s="6">
        <v>5410.1769999999997</v>
      </c>
      <c r="E15075" s="6">
        <v>884.26890000000003</v>
      </c>
    </row>
    <row r="15076" spans="4:5" x14ac:dyDescent="0.25">
      <c r="D15076" s="6">
        <v>609.68219999999997</v>
      </c>
      <c r="E15076" s="6">
        <v>1355.5650000000001</v>
      </c>
    </row>
    <row r="15077" spans="4:5" x14ac:dyDescent="0.25">
      <c r="D15077" s="6">
        <v>628.15189999999996</v>
      </c>
      <c r="E15077" s="6">
        <v>745.04650000000004</v>
      </c>
    </row>
    <row r="15078" spans="4:5" x14ac:dyDescent="0.25">
      <c r="D15078" s="6">
        <v>682.21839999999997</v>
      </c>
      <c r="E15078" s="6">
        <v>833.72190000000001</v>
      </c>
    </row>
    <row r="15079" spans="4:5" x14ac:dyDescent="0.25">
      <c r="D15079" s="6">
        <v>649.95460000000003</v>
      </c>
      <c r="E15079" s="6">
        <v>1073.9739999999999</v>
      </c>
    </row>
    <row r="15080" spans="4:5" x14ac:dyDescent="0.25">
      <c r="D15080" s="6">
        <v>474.88150000000002</v>
      </c>
      <c r="E15080" s="6">
        <v>1014.112</v>
      </c>
    </row>
    <row r="15081" spans="4:5" x14ac:dyDescent="0.25">
      <c r="D15081" s="6">
        <v>637.33000000000004</v>
      </c>
      <c r="E15081" s="6">
        <v>575.34649999999999</v>
      </c>
    </row>
    <row r="15082" spans="4:5" x14ac:dyDescent="0.25">
      <c r="D15082" s="6">
        <v>465.9787</v>
      </c>
      <c r="E15082" s="6">
        <v>605.55610000000001</v>
      </c>
    </row>
    <row r="15083" spans="4:5" x14ac:dyDescent="0.25">
      <c r="D15083" s="6">
        <v>600.57680000000005</v>
      </c>
      <c r="E15083" s="6">
        <v>976.1902</v>
      </c>
    </row>
    <row r="15084" spans="4:5" x14ac:dyDescent="0.25">
      <c r="D15084" s="6">
        <v>1473.15</v>
      </c>
      <c r="E15084" s="6">
        <v>849.43039999999996</v>
      </c>
    </row>
    <row r="15085" spans="4:5" x14ac:dyDescent="0.25">
      <c r="D15085" s="6">
        <v>762.61540000000002</v>
      </c>
      <c r="E15085" s="6">
        <v>971.92200000000003</v>
      </c>
    </row>
    <row r="15086" spans="4:5" x14ac:dyDescent="0.25">
      <c r="D15086" s="6">
        <v>588.41790000000003</v>
      </c>
      <c r="E15086" s="6">
        <v>701.82960000000003</v>
      </c>
    </row>
    <row r="15087" spans="4:5" x14ac:dyDescent="0.25">
      <c r="D15087" s="6">
        <v>498.98160000000001</v>
      </c>
      <c r="E15087" s="6">
        <v>1946.5940000000001</v>
      </c>
    </row>
    <row r="15088" spans="4:5" x14ac:dyDescent="0.25">
      <c r="D15088" s="6">
        <v>553.19949999999994</v>
      </c>
      <c r="E15088" s="6">
        <v>615.75189999999998</v>
      </c>
    </row>
    <row r="15089" spans="4:5" x14ac:dyDescent="0.25">
      <c r="D15089" s="6">
        <v>802.19309999999996</v>
      </c>
      <c r="E15089" s="6">
        <v>1290.492</v>
      </c>
    </row>
    <row r="15090" spans="4:5" x14ac:dyDescent="0.25">
      <c r="D15090" s="6">
        <v>519.79999999999995</v>
      </c>
      <c r="E15090" s="6">
        <v>631.7287</v>
      </c>
    </row>
    <row r="15091" spans="4:5" x14ac:dyDescent="0.25">
      <c r="D15091" s="6">
        <v>489.00670000000002</v>
      </c>
      <c r="E15091" s="6">
        <v>1235.4169999999999</v>
      </c>
    </row>
    <row r="15092" spans="4:5" x14ac:dyDescent="0.25">
      <c r="D15092" s="6">
        <v>419.38010000000003</v>
      </c>
      <c r="E15092" s="6">
        <v>1738.367</v>
      </c>
    </row>
    <row r="15093" spans="4:5" x14ac:dyDescent="0.25">
      <c r="D15093" s="6">
        <v>1418.538</v>
      </c>
      <c r="E15093" s="6">
        <v>587.67470000000003</v>
      </c>
    </row>
    <row r="15094" spans="4:5" x14ac:dyDescent="0.25">
      <c r="D15094" s="6">
        <v>494.34019999999998</v>
      </c>
      <c r="E15094" s="6">
        <v>665.88080000000002</v>
      </c>
    </row>
    <row r="15095" spans="4:5" x14ac:dyDescent="0.25">
      <c r="D15095" s="6">
        <v>582.97320000000002</v>
      </c>
      <c r="E15095" s="6">
        <v>873.84299999999996</v>
      </c>
    </row>
    <row r="15096" spans="4:5" x14ac:dyDescent="0.25">
      <c r="D15096" s="6">
        <v>496.37490000000003</v>
      </c>
      <c r="E15096" s="6">
        <v>776.27890000000002</v>
      </c>
    </row>
    <row r="15097" spans="4:5" x14ac:dyDescent="0.25">
      <c r="D15097" s="6">
        <v>522.87379999999996</v>
      </c>
      <c r="E15097" s="6">
        <v>2792.837</v>
      </c>
    </row>
    <row r="15098" spans="4:5" x14ac:dyDescent="0.25">
      <c r="D15098" s="6">
        <v>594.92370000000005</v>
      </c>
      <c r="E15098" s="6">
        <v>590.80229999999995</v>
      </c>
    </row>
    <row r="15099" spans="4:5" x14ac:dyDescent="0.25">
      <c r="D15099" s="6">
        <v>6640.4840000000004</v>
      </c>
      <c r="E15099" s="6">
        <v>627.74300000000005</v>
      </c>
    </row>
    <row r="15100" spans="4:5" x14ac:dyDescent="0.25">
      <c r="D15100" s="6">
        <v>698.1472</v>
      </c>
      <c r="E15100" s="6">
        <v>578.47029999999995</v>
      </c>
    </row>
    <row r="15101" spans="4:5" x14ac:dyDescent="0.25">
      <c r="D15101" s="6">
        <v>2222.4470000000001</v>
      </c>
      <c r="E15101" s="6">
        <v>782.29240000000004</v>
      </c>
    </row>
    <row r="15102" spans="4:5" x14ac:dyDescent="0.25">
      <c r="D15102" s="6">
        <v>4830.7690000000002</v>
      </c>
      <c r="E15102" s="6">
        <v>694.36779999999999</v>
      </c>
    </row>
    <row r="15103" spans="4:5" x14ac:dyDescent="0.25">
      <c r="D15103" s="6">
        <v>571.29179999999997</v>
      </c>
      <c r="E15103" s="6">
        <v>6894.54</v>
      </c>
    </row>
    <row r="15104" spans="4:5" x14ac:dyDescent="0.25">
      <c r="D15104" s="6">
        <v>5149.5069999999996</v>
      </c>
      <c r="E15104" s="6">
        <v>892.99749999999995</v>
      </c>
    </row>
    <row r="15105" spans="4:5" x14ac:dyDescent="0.25">
      <c r="D15105" s="6">
        <v>4701.9780000000001</v>
      </c>
      <c r="E15105" s="6">
        <v>667.0992</v>
      </c>
    </row>
    <row r="15106" spans="4:5" x14ac:dyDescent="0.25">
      <c r="D15106" s="6">
        <v>1634.752</v>
      </c>
      <c r="E15106" s="6">
        <v>1542.1030000000001</v>
      </c>
    </row>
    <row r="15107" spans="4:5" x14ac:dyDescent="0.25">
      <c r="D15107" s="6">
        <v>564.20540000000005</v>
      </c>
      <c r="E15107" s="6">
        <v>929.96519999999998</v>
      </c>
    </row>
    <row r="15108" spans="4:5" x14ac:dyDescent="0.25">
      <c r="D15108" s="6">
        <v>634.52949999999998</v>
      </c>
      <c r="E15108" s="6">
        <v>2288.8159999999998</v>
      </c>
    </row>
    <row r="15109" spans="4:5" x14ac:dyDescent="0.25">
      <c r="D15109" s="6">
        <v>609.42229999999995</v>
      </c>
      <c r="E15109" s="6">
        <v>2329.748</v>
      </c>
    </row>
    <row r="15110" spans="4:5" x14ac:dyDescent="0.25">
      <c r="D15110" s="6">
        <v>4771.4380000000001</v>
      </c>
      <c r="E15110" s="6">
        <v>579.8347</v>
      </c>
    </row>
    <row r="15111" spans="4:5" x14ac:dyDescent="0.25">
      <c r="D15111" s="6">
        <v>603.81960000000004</v>
      </c>
      <c r="E15111" s="6">
        <v>917.40959999999995</v>
      </c>
    </row>
    <row r="15112" spans="4:5" x14ac:dyDescent="0.25">
      <c r="D15112" s="6">
        <v>3799.8040000000001</v>
      </c>
      <c r="E15112" s="6">
        <v>1366.595</v>
      </c>
    </row>
    <row r="15113" spans="4:5" x14ac:dyDescent="0.25">
      <c r="D15113" s="6">
        <v>491.11320000000001</v>
      </c>
      <c r="E15113" s="6">
        <v>866.87660000000005</v>
      </c>
    </row>
    <row r="15114" spans="4:5" x14ac:dyDescent="0.25">
      <c r="D15114" s="6">
        <v>4804.2089999999998</v>
      </c>
      <c r="E15114" s="6">
        <v>6294.8919999999998</v>
      </c>
    </row>
    <row r="15115" spans="4:5" x14ac:dyDescent="0.25">
      <c r="D15115" s="6">
        <v>415.35359999999997</v>
      </c>
      <c r="E15115" s="6">
        <v>804.14290000000005</v>
      </c>
    </row>
    <row r="15116" spans="4:5" x14ac:dyDescent="0.25">
      <c r="D15116" s="6">
        <v>730.14980000000003</v>
      </c>
      <c r="E15116" s="6">
        <v>4672.38</v>
      </c>
    </row>
    <row r="15117" spans="4:5" x14ac:dyDescent="0.25">
      <c r="D15117" s="6">
        <v>474.36</v>
      </c>
      <c r="E15117" s="6">
        <v>5950.6540000000005</v>
      </c>
    </row>
    <row r="15118" spans="4:5" x14ac:dyDescent="0.25">
      <c r="D15118" s="6">
        <v>5615.9070000000002</v>
      </c>
      <c r="E15118" s="6">
        <v>680.9325</v>
      </c>
    </row>
    <row r="15119" spans="4:5" x14ac:dyDescent="0.25">
      <c r="D15119" s="6">
        <v>5280</v>
      </c>
      <c r="E15119" s="6">
        <v>855.72860000000003</v>
      </c>
    </row>
    <row r="15120" spans="4:5" x14ac:dyDescent="0.25">
      <c r="D15120" s="6">
        <v>1647.5</v>
      </c>
      <c r="E15120" s="6">
        <v>2468.0160000000001</v>
      </c>
    </row>
    <row r="15121" spans="4:5" x14ac:dyDescent="0.25">
      <c r="D15121" s="6">
        <v>588.12450000000001</v>
      </c>
      <c r="E15121" s="6">
        <v>6370.866</v>
      </c>
    </row>
    <row r="15122" spans="4:5" x14ac:dyDescent="0.25">
      <c r="D15122" s="6">
        <v>867.61680000000001</v>
      </c>
      <c r="E15122" s="6">
        <v>696.18060000000003</v>
      </c>
    </row>
    <row r="15123" spans="4:5" x14ac:dyDescent="0.25">
      <c r="D15123" s="6">
        <v>468.61059999999998</v>
      </c>
      <c r="E15123" s="6">
        <v>6605.2330000000002</v>
      </c>
    </row>
    <row r="15124" spans="4:5" x14ac:dyDescent="0.25">
      <c r="D15124" s="6">
        <v>2309.7660000000001</v>
      </c>
      <c r="E15124" s="6">
        <v>818.06569999999999</v>
      </c>
    </row>
    <row r="15125" spans="4:5" x14ac:dyDescent="0.25">
      <c r="D15125" s="6">
        <v>499.55</v>
      </c>
      <c r="E15125" s="6">
        <v>3282.1129999999998</v>
      </c>
    </row>
    <row r="15126" spans="4:5" x14ac:dyDescent="0.25">
      <c r="D15126" s="6">
        <v>552.34990000000005</v>
      </c>
      <c r="E15126" s="6">
        <v>2209.1109999999999</v>
      </c>
    </row>
    <row r="15127" spans="4:5" x14ac:dyDescent="0.25">
      <c r="D15127" s="6">
        <v>456.7647</v>
      </c>
      <c r="E15127" s="6">
        <v>709.70960000000002</v>
      </c>
    </row>
    <row r="15128" spans="4:5" x14ac:dyDescent="0.25">
      <c r="D15128" s="6">
        <v>489.29199999999997</v>
      </c>
      <c r="E15128" s="6">
        <v>629.28459999999995</v>
      </c>
    </row>
    <row r="15129" spans="4:5" x14ac:dyDescent="0.25">
      <c r="D15129" s="6">
        <v>445.7672</v>
      </c>
      <c r="E15129" s="6">
        <v>697.53989999999999</v>
      </c>
    </row>
    <row r="15130" spans="4:5" x14ac:dyDescent="0.25">
      <c r="D15130" s="6">
        <v>4359.848</v>
      </c>
      <c r="E15130" s="6">
        <v>766.45650000000001</v>
      </c>
    </row>
    <row r="15131" spans="4:5" x14ac:dyDescent="0.25">
      <c r="D15131" s="6">
        <v>500.50630000000001</v>
      </c>
      <c r="E15131" s="6">
        <v>1035.155</v>
      </c>
    </row>
    <row r="15132" spans="4:5" x14ac:dyDescent="0.25">
      <c r="D15132" s="6">
        <v>534.71839999999997</v>
      </c>
      <c r="E15132" s="6">
        <v>596.48149999999998</v>
      </c>
    </row>
    <row r="15133" spans="4:5" x14ac:dyDescent="0.25">
      <c r="D15133" s="6">
        <v>1120.4449999999999</v>
      </c>
      <c r="E15133" s="6">
        <v>4849.9549999999999</v>
      </c>
    </row>
    <row r="15134" spans="4:5" x14ac:dyDescent="0.25">
      <c r="D15134" s="6">
        <v>413.95679999999999</v>
      </c>
      <c r="E15134" s="6">
        <v>1076.5999999999999</v>
      </c>
    </row>
    <row r="15135" spans="4:5" x14ac:dyDescent="0.25">
      <c r="D15135" s="6">
        <v>644.2518</v>
      </c>
      <c r="E15135" s="6">
        <v>825.09799999999996</v>
      </c>
    </row>
    <row r="15136" spans="4:5" x14ac:dyDescent="0.25">
      <c r="D15136" s="6">
        <v>619.19039999999995</v>
      </c>
      <c r="E15136" s="6">
        <v>574.16369999999995</v>
      </c>
    </row>
    <row r="15137" spans="4:5" x14ac:dyDescent="0.25">
      <c r="D15137" s="6">
        <v>559.62869999999998</v>
      </c>
      <c r="E15137" s="6">
        <v>572.88139999999999</v>
      </c>
    </row>
    <row r="15138" spans="4:5" x14ac:dyDescent="0.25">
      <c r="D15138" s="6">
        <v>4271.1139999999996</v>
      </c>
      <c r="E15138" s="6">
        <v>3273.5729999999999</v>
      </c>
    </row>
    <row r="15139" spans="4:5" x14ac:dyDescent="0.25">
      <c r="D15139" s="6">
        <v>545.69179999999994</v>
      </c>
      <c r="E15139" s="6">
        <v>1118.692</v>
      </c>
    </row>
    <row r="15140" spans="4:5" x14ac:dyDescent="0.25">
      <c r="D15140" s="6">
        <v>450.23680000000002</v>
      </c>
      <c r="E15140" s="6">
        <v>6573.2150000000001</v>
      </c>
    </row>
    <row r="15141" spans="4:5" x14ac:dyDescent="0.25">
      <c r="D15141" s="6">
        <v>475.94439999999997</v>
      </c>
      <c r="E15141" s="6">
        <v>776.2432</v>
      </c>
    </row>
    <row r="15142" spans="4:5" x14ac:dyDescent="0.25">
      <c r="D15142" s="6">
        <v>487.41570000000002</v>
      </c>
      <c r="E15142" s="6">
        <v>1888.46</v>
      </c>
    </row>
    <row r="15143" spans="4:5" x14ac:dyDescent="0.25">
      <c r="D15143" s="6">
        <v>1339</v>
      </c>
      <c r="E15143" s="6">
        <v>2550.2669999999998</v>
      </c>
    </row>
    <row r="15144" spans="4:5" x14ac:dyDescent="0.25">
      <c r="D15144" s="6">
        <v>421.5093</v>
      </c>
      <c r="E15144" s="6">
        <v>750.45439999999996</v>
      </c>
    </row>
    <row r="15145" spans="4:5" x14ac:dyDescent="0.25">
      <c r="D15145" s="6">
        <v>530.8261</v>
      </c>
      <c r="E15145" s="6">
        <v>716.4511</v>
      </c>
    </row>
    <row r="15146" spans="4:5" x14ac:dyDescent="0.25">
      <c r="D15146" s="6">
        <v>463.40010000000001</v>
      </c>
      <c r="E15146" s="6">
        <v>818.10389999999995</v>
      </c>
    </row>
    <row r="15147" spans="4:5" x14ac:dyDescent="0.25">
      <c r="D15147" s="6">
        <v>519.73540000000003</v>
      </c>
      <c r="E15147" s="6">
        <v>721.12900000000002</v>
      </c>
    </row>
    <row r="15148" spans="4:5" x14ac:dyDescent="0.25">
      <c r="D15148" s="6">
        <v>854.35090000000002</v>
      </c>
      <c r="E15148" s="6">
        <v>726.32150000000001</v>
      </c>
    </row>
    <row r="15149" spans="4:5" x14ac:dyDescent="0.25">
      <c r="D15149" s="6">
        <v>571.41570000000002</v>
      </c>
      <c r="E15149" s="6">
        <v>4915.7240000000002</v>
      </c>
    </row>
    <row r="15150" spans="4:5" x14ac:dyDescent="0.25">
      <c r="D15150" s="6">
        <v>511.91719999999998</v>
      </c>
      <c r="E15150" s="6">
        <v>723.38199999999995</v>
      </c>
    </row>
    <row r="15151" spans="4:5" x14ac:dyDescent="0.25">
      <c r="D15151" s="6">
        <v>647.39819999999997</v>
      </c>
      <c r="E15151" s="6">
        <v>2723.5880000000002</v>
      </c>
    </row>
    <row r="15152" spans="4:5" x14ac:dyDescent="0.25">
      <c r="D15152" s="6">
        <v>1592.623</v>
      </c>
      <c r="E15152" s="6">
        <v>5489.6970000000001</v>
      </c>
    </row>
    <row r="15153" spans="4:5" x14ac:dyDescent="0.25">
      <c r="D15153" s="6">
        <v>515.84379999999999</v>
      </c>
      <c r="E15153" s="6">
        <v>683.36890000000005</v>
      </c>
    </row>
    <row r="15154" spans="4:5" x14ac:dyDescent="0.25">
      <c r="D15154" s="6">
        <v>4855.0370000000003</v>
      </c>
      <c r="E15154" s="6">
        <v>1963.1</v>
      </c>
    </row>
    <row r="15155" spans="4:5" x14ac:dyDescent="0.25">
      <c r="D15155" s="6">
        <v>763.48479999999995</v>
      </c>
      <c r="E15155" s="6">
        <v>879.07680000000005</v>
      </c>
    </row>
    <row r="15156" spans="4:5" x14ac:dyDescent="0.25">
      <c r="D15156" s="6">
        <v>558.09519999999998</v>
      </c>
      <c r="E15156" s="6">
        <v>5593.848</v>
      </c>
    </row>
    <row r="15157" spans="4:5" x14ac:dyDescent="0.25">
      <c r="D15157" s="6">
        <v>492.57100000000003</v>
      </c>
      <c r="E15157" s="6">
        <v>816.55330000000004</v>
      </c>
    </row>
    <row r="15158" spans="4:5" x14ac:dyDescent="0.25">
      <c r="D15158" s="6">
        <v>748.83569999999997</v>
      </c>
      <c r="E15158" s="6">
        <v>623.48530000000005</v>
      </c>
    </row>
    <row r="15159" spans="4:5" x14ac:dyDescent="0.25">
      <c r="D15159" s="6">
        <v>493.42500000000001</v>
      </c>
      <c r="E15159" s="6">
        <v>4497.6940000000004</v>
      </c>
    </row>
    <row r="15160" spans="4:5" x14ac:dyDescent="0.25">
      <c r="D15160" s="6">
        <v>543.54250000000002</v>
      </c>
      <c r="E15160" s="6">
        <v>5280.098</v>
      </c>
    </row>
    <row r="15161" spans="4:5" x14ac:dyDescent="0.25">
      <c r="D15161" s="6">
        <v>503.59879999999998</v>
      </c>
      <c r="E15161" s="6">
        <v>1895.7639999999999</v>
      </c>
    </row>
    <row r="15162" spans="4:5" x14ac:dyDescent="0.25">
      <c r="D15162" s="6">
        <v>585.53510000000006</v>
      </c>
      <c r="E15162" s="6">
        <v>906.10950000000003</v>
      </c>
    </row>
    <row r="15163" spans="4:5" x14ac:dyDescent="0.25">
      <c r="D15163" s="6">
        <v>501.20420000000001</v>
      </c>
      <c r="E15163" s="6">
        <v>992.37810000000002</v>
      </c>
    </row>
    <row r="15164" spans="4:5" x14ac:dyDescent="0.25">
      <c r="D15164" s="6">
        <v>688.45159999999998</v>
      </c>
      <c r="E15164" s="6">
        <v>769.64059999999995</v>
      </c>
    </row>
    <row r="15165" spans="4:5" x14ac:dyDescent="0.25">
      <c r="D15165" s="6">
        <v>496.43779999999998</v>
      </c>
      <c r="E15165" s="6">
        <v>592.08159999999998</v>
      </c>
    </row>
    <row r="15166" spans="4:5" x14ac:dyDescent="0.25">
      <c r="D15166" s="6">
        <v>411.23410000000001</v>
      </c>
      <c r="E15166" s="6">
        <v>6456.585</v>
      </c>
    </row>
    <row r="15167" spans="4:5" x14ac:dyDescent="0.25">
      <c r="D15167" s="6">
        <v>532.00040000000001</v>
      </c>
      <c r="E15167" s="6">
        <v>7702.134</v>
      </c>
    </row>
    <row r="15168" spans="4:5" x14ac:dyDescent="0.25">
      <c r="D15168" s="6">
        <v>535.66269999999997</v>
      </c>
      <c r="E15168" s="6">
        <v>725.19349999999997</v>
      </c>
    </row>
    <row r="15169" spans="4:5" x14ac:dyDescent="0.25">
      <c r="D15169" s="6">
        <v>5562.3180000000002</v>
      </c>
      <c r="E15169" s="6">
        <v>1849.394</v>
      </c>
    </row>
    <row r="15170" spans="4:5" x14ac:dyDescent="0.25">
      <c r="D15170" s="6">
        <v>779.80050000000006</v>
      </c>
      <c r="E15170" s="6">
        <v>832.39570000000003</v>
      </c>
    </row>
    <row r="15171" spans="4:5" x14ac:dyDescent="0.25">
      <c r="D15171" s="6">
        <v>542.43809999999996</v>
      </c>
      <c r="E15171" s="6">
        <v>4829.0919999999996</v>
      </c>
    </row>
    <row r="15172" spans="4:5" x14ac:dyDescent="0.25">
      <c r="D15172" s="6">
        <v>557.53470000000004</v>
      </c>
      <c r="E15172" s="6">
        <v>968.05629999999996</v>
      </c>
    </row>
    <row r="15173" spans="4:5" x14ac:dyDescent="0.25">
      <c r="D15173" s="6">
        <v>3582.6669999999999</v>
      </c>
      <c r="E15173" s="6">
        <v>955.88699999999994</v>
      </c>
    </row>
    <row r="15174" spans="4:5" x14ac:dyDescent="0.25">
      <c r="D15174" s="6">
        <v>467.24189999999999</v>
      </c>
      <c r="E15174" s="6">
        <v>681.70339999999999</v>
      </c>
    </row>
    <row r="15175" spans="4:5" x14ac:dyDescent="0.25">
      <c r="D15175" s="6">
        <v>674.16049999999996</v>
      </c>
      <c r="E15175" s="6">
        <v>1270.761</v>
      </c>
    </row>
    <row r="15176" spans="4:5" x14ac:dyDescent="0.25">
      <c r="D15176" s="6">
        <v>754.447</v>
      </c>
      <c r="E15176" s="6">
        <v>799.21270000000004</v>
      </c>
    </row>
    <row r="15177" spans="4:5" x14ac:dyDescent="0.25">
      <c r="D15177" s="6">
        <v>497.9248</v>
      </c>
      <c r="E15177" s="6">
        <v>1697.6559999999999</v>
      </c>
    </row>
    <row r="15178" spans="4:5" x14ac:dyDescent="0.25">
      <c r="D15178" s="6">
        <v>584.84050000000002</v>
      </c>
      <c r="E15178" s="6">
        <v>1779.6780000000001</v>
      </c>
    </row>
    <row r="15179" spans="4:5" x14ac:dyDescent="0.25">
      <c r="D15179" s="6">
        <v>794.98860000000002</v>
      </c>
      <c r="E15179" s="6">
        <v>1788.288</v>
      </c>
    </row>
    <row r="15180" spans="4:5" x14ac:dyDescent="0.25">
      <c r="D15180" s="6">
        <v>450.11360000000002</v>
      </c>
      <c r="E15180" s="6">
        <v>690.5222</v>
      </c>
    </row>
    <row r="15181" spans="4:5" x14ac:dyDescent="0.25">
      <c r="D15181" s="6">
        <v>941.98230000000001</v>
      </c>
      <c r="E15181" s="6">
        <v>2865.53</v>
      </c>
    </row>
    <row r="15182" spans="4:5" x14ac:dyDescent="0.25">
      <c r="D15182" s="6">
        <v>7492.11</v>
      </c>
      <c r="E15182" s="6">
        <v>584.95780000000002</v>
      </c>
    </row>
    <row r="15183" spans="4:5" x14ac:dyDescent="0.25">
      <c r="D15183" s="6">
        <v>467.3143</v>
      </c>
      <c r="E15183" s="6">
        <v>7613.6080000000002</v>
      </c>
    </row>
    <row r="15184" spans="4:5" x14ac:dyDescent="0.25">
      <c r="D15184" s="6">
        <v>534.20630000000006</v>
      </c>
      <c r="E15184" s="6">
        <v>877.32270000000005</v>
      </c>
    </row>
    <row r="15185" spans="4:5" x14ac:dyDescent="0.25">
      <c r="D15185" s="6">
        <v>7200.74</v>
      </c>
      <c r="E15185" s="6">
        <v>783.625</v>
      </c>
    </row>
    <row r="15186" spans="4:5" x14ac:dyDescent="0.25">
      <c r="D15186" s="6">
        <v>478.61900000000003</v>
      </c>
      <c r="E15186" s="6">
        <v>6811.5039999999999</v>
      </c>
    </row>
    <row r="15187" spans="4:5" x14ac:dyDescent="0.25">
      <c r="D15187" s="6">
        <v>517.29150000000004</v>
      </c>
      <c r="E15187" s="6">
        <v>675.79629999999997</v>
      </c>
    </row>
    <row r="15188" spans="4:5" x14ac:dyDescent="0.25">
      <c r="D15188" s="6">
        <v>666.07449999999994</v>
      </c>
      <c r="E15188" s="6">
        <v>522.1309</v>
      </c>
    </row>
    <row r="15189" spans="4:5" x14ac:dyDescent="0.25">
      <c r="D15189" s="6">
        <v>902.50810000000001</v>
      </c>
      <c r="E15189" s="6">
        <v>812.69140000000004</v>
      </c>
    </row>
    <row r="15190" spans="4:5" x14ac:dyDescent="0.25">
      <c r="D15190" s="6">
        <v>483.47539999999998</v>
      </c>
      <c r="E15190" s="6">
        <v>644.12549999999999</v>
      </c>
    </row>
    <row r="15191" spans="4:5" x14ac:dyDescent="0.25">
      <c r="D15191" s="6">
        <v>614.35199999999998</v>
      </c>
      <c r="E15191" s="6">
        <v>1034.818</v>
      </c>
    </row>
    <row r="15192" spans="4:5" x14ac:dyDescent="0.25">
      <c r="D15192" s="6">
        <v>510.04169999999999</v>
      </c>
      <c r="E15192" s="6">
        <v>803.27300000000002</v>
      </c>
    </row>
    <row r="15193" spans="4:5" x14ac:dyDescent="0.25">
      <c r="D15193" s="6">
        <v>774.60910000000001</v>
      </c>
      <c r="E15193" s="6">
        <v>654.81479999999999</v>
      </c>
    </row>
    <row r="15194" spans="4:5" x14ac:dyDescent="0.25">
      <c r="D15194" s="6">
        <v>519.17160000000001</v>
      </c>
      <c r="E15194" s="6">
        <v>2832.116</v>
      </c>
    </row>
    <row r="15195" spans="4:5" x14ac:dyDescent="0.25">
      <c r="D15195" s="6">
        <v>584.0181</v>
      </c>
      <c r="E15195" s="6">
        <v>6013.1170000000002</v>
      </c>
    </row>
    <row r="15196" spans="4:5" x14ac:dyDescent="0.25">
      <c r="D15196" s="6">
        <v>9149</v>
      </c>
      <c r="E15196" s="6">
        <v>6421.9709999999995</v>
      </c>
    </row>
    <row r="15197" spans="4:5" x14ac:dyDescent="0.25">
      <c r="D15197" s="6">
        <v>5618.2979999999998</v>
      </c>
      <c r="E15197" s="6">
        <v>911.28679999999997</v>
      </c>
    </row>
    <row r="15198" spans="4:5" x14ac:dyDescent="0.25">
      <c r="D15198" s="6">
        <v>470.2045</v>
      </c>
      <c r="E15198" s="6">
        <v>932.01289999999995</v>
      </c>
    </row>
    <row r="15199" spans="4:5" x14ac:dyDescent="0.25">
      <c r="D15199" s="6">
        <v>437.70499999999998</v>
      </c>
      <c r="E15199" s="6">
        <v>498.6268</v>
      </c>
    </row>
    <row r="15200" spans="4:5" x14ac:dyDescent="0.25">
      <c r="D15200" s="6">
        <v>537</v>
      </c>
      <c r="E15200" s="6">
        <v>5640.3519999999999</v>
      </c>
    </row>
    <row r="15201" spans="4:5" x14ac:dyDescent="0.25">
      <c r="D15201" s="6">
        <v>491.41370000000001</v>
      </c>
      <c r="E15201" s="6">
        <v>883.49860000000001</v>
      </c>
    </row>
    <row r="15202" spans="4:5" x14ac:dyDescent="0.25">
      <c r="D15202" s="6">
        <v>575.77779999999996</v>
      </c>
      <c r="E15202" s="6">
        <v>7325.7250000000004</v>
      </c>
    </row>
    <row r="15203" spans="4:5" x14ac:dyDescent="0.25">
      <c r="D15203" s="6">
        <v>557.66390000000001</v>
      </c>
      <c r="E15203" s="6">
        <v>872.34040000000005</v>
      </c>
    </row>
    <row r="15204" spans="4:5" x14ac:dyDescent="0.25">
      <c r="D15204" s="6">
        <v>5187.7380000000003</v>
      </c>
      <c r="E15204" s="6">
        <v>721.78330000000005</v>
      </c>
    </row>
    <row r="15205" spans="4:5" x14ac:dyDescent="0.25">
      <c r="D15205" s="6">
        <v>756.52350000000001</v>
      </c>
      <c r="E15205" s="6">
        <v>663.58900000000006</v>
      </c>
    </row>
    <row r="15206" spans="4:5" x14ac:dyDescent="0.25">
      <c r="D15206" s="6">
        <v>462.3999</v>
      </c>
      <c r="E15206" s="6">
        <v>6672.8980000000001</v>
      </c>
    </row>
    <row r="15207" spans="4:5" x14ac:dyDescent="0.25">
      <c r="D15207" s="6">
        <v>549.7482</v>
      </c>
      <c r="E15207" s="6">
        <v>5851.9809999999998</v>
      </c>
    </row>
    <row r="15208" spans="4:5" x14ac:dyDescent="0.25">
      <c r="D15208" s="6">
        <v>589.34180000000003</v>
      </c>
      <c r="E15208" s="6">
        <v>628.74279999999999</v>
      </c>
    </row>
    <row r="15209" spans="4:5" x14ac:dyDescent="0.25">
      <c r="D15209" s="6">
        <v>456.10640000000001</v>
      </c>
      <c r="E15209" s="6">
        <v>3826.5819999999999</v>
      </c>
    </row>
    <row r="15210" spans="4:5" x14ac:dyDescent="0.25">
      <c r="D15210" s="6">
        <v>555.48699999999997</v>
      </c>
      <c r="E15210" s="6">
        <v>713.83609999999999</v>
      </c>
    </row>
    <row r="15211" spans="4:5" x14ac:dyDescent="0.25">
      <c r="D15211" s="6">
        <v>660.40139999999997</v>
      </c>
      <c r="E15211" s="6">
        <v>637.11530000000005</v>
      </c>
    </row>
    <row r="15212" spans="4:5" x14ac:dyDescent="0.25">
      <c r="D15212" s="6">
        <v>594.10339999999997</v>
      </c>
      <c r="E15212" s="6">
        <v>665.04100000000005</v>
      </c>
    </row>
    <row r="15213" spans="4:5" x14ac:dyDescent="0.25">
      <c r="D15213" s="6">
        <v>461.9726</v>
      </c>
      <c r="E15213" s="6">
        <v>842.73919999999998</v>
      </c>
    </row>
    <row r="15214" spans="4:5" x14ac:dyDescent="0.25">
      <c r="D15214" s="6">
        <v>537.14070000000004</v>
      </c>
      <c r="E15214" s="6">
        <v>1592.365</v>
      </c>
    </row>
    <row r="15215" spans="4:5" x14ac:dyDescent="0.25">
      <c r="D15215" s="6">
        <v>449.46609999999998</v>
      </c>
      <c r="E15215" s="6">
        <v>902.59109999999998</v>
      </c>
    </row>
    <row r="15216" spans="4:5" x14ac:dyDescent="0.25">
      <c r="D15216" s="6">
        <v>9976.1820000000007</v>
      </c>
      <c r="E15216" s="6">
        <v>504.76679999999999</v>
      </c>
    </row>
    <row r="15217" spans="4:5" x14ac:dyDescent="0.25">
      <c r="D15217" s="6">
        <v>610.17909999999995</v>
      </c>
      <c r="E15217" s="6">
        <v>850.74689999999998</v>
      </c>
    </row>
    <row r="15218" spans="4:5" x14ac:dyDescent="0.25">
      <c r="D15218" s="6">
        <v>4749.88</v>
      </c>
      <c r="E15218" s="6">
        <v>862.76149999999996</v>
      </c>
    </row>
    <row r="15219" spans="4:5" x14ac:dyDescent="0.25">
      <c r="D15219" s="6">
        <v>619.80250000000001</v>
      </c>
      <c r="E15219" s="6">
        <v>727.83330000000001</v>
      </c>
    </row>
    <row r="15220" spans="4:5" x14ac:dyDescent="0.25">
      <c r="D15220" s="6">
        <v>423.35199999999998</v>
      </c>
      <c r="E15220" s="6">
        <v>5329.0050000000001</v>
      </c>
    </row>
    <row r="15221" spans="4:5" x14ac:dyDescent="0.25">
      <c r="D15221" s="6">
        <v>481.06380000000001</v>
      </c>
      <c r="E15221" s="6">
        <v>861.04070000000002</v>
      </c>
    </row>
    <row r="15222" spans="4:5" x14ac:dyDescent="0.25">
      <c r="D15222" s="6">
        <v>452.01249999999999</v>
      </c>
      <c r="E15222" s="6">
        <v>4966.6499999999996</v>
      </c>
    </row>
    <row r="15223" spans="4:5" x14ac:dyDescent="0.25">
      <c r="D15223" s="6">
        <v>904</v>
      </c>
      <c r="E15223" s="6">
        <v>2516.0889999999999</v>
      </c>
    </row>
    <row r="15224" spans="4:5" x14ac:dyDescent="0.25">
      <c r="D15224" s="6">
        <v>625.90359999999998</v>
      </c>
      <c r="E15224" s="6">
        <v>2424.402</v>
      </c>
    </row>
    <row r="15225" spans="4:5" x14ac:dyDescent="0.25">
      <c r="D15225" s="6">
        <v>578.79049999999995</v>
      </c>
      <c r="E15225" s="6">
        <v>515.07709999999997</v>
      </c>
    </row>
    <row r="15226" spans="4:5" x14ac:dyDescent="0.25">
      <c r="D15226" s="6">
        <v>574.39970000000005</v>
      </c>
      <c r="E15226" s="6">
        <v>750.39449999999999</v>
      </c>
    </row>
    <row r="15227" spans="4:5" x14ac:dyDescent="0.25">
      <c r="D15227" s="6">
        <v>517.45799999999997</v>
      </c>
      <c r="E15227" s="6">
        <v>685.0326</v>
      </c>
    </row>
    <row r="15228" spans="4:5" x14ac:dyDescent="0.25">
      <c r="D15228" s="6">
        <v>9647</v>
      </c>
      <c r="E15228" s="6">
        <v>1135.4870000000001</v>
      </c>
    </row>
    <row r="15229" spans="4:5" x14ac:dyDescent="0.25">
      <c r="D15229" s="6">
        <v>472.68349999999998</v>
      </c>
      <c r="E15229" s="6">
        <v>576.03160000000003</v>
      </c>
    </row>
    <row r="15230" spans="4:5" x14ac:dyDescent="0.25">
      <c r="D15230" s="6">
        <v>669.44179999999994</v>
      </c>
      <c r="E15230" s="6">
        <v>727.14459999999997</v>
      </c>
    </row>
    <row r="15231" spans="4:5" x14ac:dyDescent="0.25">
      <c r="D15231" s="6">
        <v>517.03459999999995</v>
      </c>
      <c r="E15231" s="6">
        <v>699.44659999999999</v>
      </c>
    </row>
    <row r="15232" spans="4:5" x14ac:dyDescent="0.25">
      <c r="D15232" s="6">
        <v>3611.2069999999999</v>
      </c>
      <c r="E15232" s="6">
        <v>929.57979999999998</v>
      </c>
    </row>
    <row r="15233" spans="4:5" x14ac:dyDescent="0.25">
      <c r="D15233" s="6">
        <v>607.68330000000003</v>
      </c>
      <c r="E15233" s="6">
        <v>899.13679999999999</v>
      </c>
    </row>
    <row r="15234" spans="4:5" x14ac:dyDescent="0.25">
      <c r="D15234" s="6">
        <v>4297.3559999999998</v>
      </c>
      <c r="E15234" s="6">
        <v>1738.703</v>
      </c>
    </row>
    <row r="15235" spans="4:5" x14ac:dyDescent="0.25">
      <c r="D15235" s="6">
        <v>677</v>
      </c>
      <c r="E15235" s="6">
        <v>804.12090000000001</v>
      </c>
    </row>
    <row r="15236" spans="4:5" x14ac:dyDescent="0.25">
      <c r="D15236" s="6">
        <v>2914.8629999999998</v>
      </c>
      <c r="E15236" s="6">
        <v>3088.2539999999999</v>
      </c>
    </row>
    <row r="15237" spans="4:5" x14ac:dyDescent="0.25">
      <c r="D15237" s="6">
        <v>1243.5329999999999</v>
      </c>
      <c r="E15237" s="6">
        <v>4397.6009999999997</v>
      </c>
    </row>
    <row r="15238" spans="4:5" x14ac:dyDescent="0.25">
      <c r="D15238" s="6">
        <v>477.51589999999999</v>
      </c>
      <c r="E15238" s="6">
        <v>888.06740000000002</v>
      </c>
    </row>
    <row r="15239" spans="4:5" x14ac:dyDescent="0.25">
      <c r="D15239" s="6">
        <v>519.60749999999996</v>
      </c>
      <c r="E15239" s="6">
        <v>6674.57</v>
      </c>
    </row>
    <row r="15240" spans="4:5" x14ac:dyDescent="0.25">
      <c r="D15240" s="6">
        <v>1442.6189999999999</v>
      </c>
      <c r="E15240" s="6">
        <v>1632.442</v>
      </c>
    </row>
    <row r="15241" spans="4:5" x14ac:dyDescent="0.25">
      <c r="D15241" s="6">
        <v>1072.8789999999999</v>
      </c>
      <c r="E15241" s="6">
        <v>1660.18</v>
      </c>
    </row>
    <row r="15242" spans="4:5" x14ac:dyDescent="0.25">
      <c r="D15242" s="6">
        <v>6773.8109999999997</v>
      </c>
      <c r="E15242" s="6">
        <v>711.35299999999995</v>
      </c>
    </row>
    <row r="15243" spans="4:5" x14ac:dyDescent="0.25">
      <c r="D15243" s="6">
        <v>644.71730000000002</v>
      </c>
      <c r="E15243" s="6">
        <v>824.06780000000003</v>
      </c>
    </row>
    <row r="15244" spans="4:5" x14ac:dyDescent="0.25">
      <c r="D15244" s="6">
        <v>727.12559999999996</v>
      </c>
      <c r="E15244" s="6">
        <v>828.20510000000002</v>
      </c>
    </row>
    <row r="15245" spans="4:5" x14ac:dyDescent="0.25">
      <c r="D15245" s="6">
        <v>626.44880000000001</v>
      </c>
      <c r="E15245" s="6">
        <v>974.44079999999997</v>
      </c>
    </row>
    <row r="15246" spans="4:5" x14ac:dyDescent="0.25">
      <c r="D15246" s="6">
        <v>464.50990000000002</v>
      </c>
      <c r="E15246" s="6">
        <v>4905.41</v>
      </c>
    </row>
    <row r="15247" spans="4:5" x14ac:dyDescent="0.25">
      <c r="D15247" s="6">
        <v>5702.2460000000001</v>
      </c>
      <c r="E15247" s="6">
        <v>1382.3309999999999</v>
      </c>
    </row>
    <row r="15248" spans="4:5" x14ac:dyDescent="0.25">
      <c r="D15248" s="6">
        <v>432.72320000000002</v>
      </c>
      <c r="E15248" s="6">
        <v>739.74339999999995</v>
      </c>
    </row>
    <row r="15249" spans="4:5" x14ac:dyDescent="0.25">
      <c r="D15249" s="6">
        <v>734.25</v>
      </c>
      <c r="E15249" s="6">
        <v>638.6277</v>
      </c>
    </row>
    <row r="15250" spans="4:5" x14ac:dyDescent="0.25">
      <c r="D15250" s="6">
        <v>934.5883</v>
      </c>
      <c r="E15250" s="6">
        <v>748.43259999999998</v>
      </c>
    </row>
    <row r="15251" spans="4:5" x14ac:dyDescent="0.25">
      <c r="D15251" s="6">
        <v>5254.6270000000004</v>
      </c>
      <c r="E15251" s="6">
        <v>5676.03</v>
      </c>
    </row>
    <row r="15252" spans="4:5" x14ac:dyDescent="0.25">
      <c r="D15252" s="6">
        <v>567.88679999999999</v>
      </c>
      <c r="E15252" s="6">
        <v>3047.694</v>
      </c>
    </row>
    <row r="15253" spans="4:5" x14ac:dyDescent="0.25">
      <c r="D15253" s="6">
        <v>513.12760000000003</v>
      </c>
      <c r="E15253" s="6">
        <v>5585.39</v>
      </c>
    </row>
    <row r="15254" spans="4:5" x14ac:dyDescent="0.25">
      <c r="D15254" s="6">
        <v>5086.0569999999998</v>
      </c>
      <c r="E15254" s="6">
        <v>3405.5909999999999</v>
      </c>
    </row>
    <row r="15255" spans="4:5" x14ac:dyDescent="0.25">
      <c r="D15255" s="6">
        <v>533.17190000000005</v>
      </c>
      <c r="E15255" s="6">
        <v>1046.615</v>
      </c>
    </row>
    <row r="15256" spans="4:5" x14ac:dyDescent="0.25">
      <c r="D15256" s="6">
        <v>524.13649999999996</v>
      </c>
      <c r="E15256" s="6">
        <v>540.90909999999997</v>
      </c>
    </row>
    <row r="15257" spans="4:5" x14ac:dyDescent="0.25">
      <c r="D15257" s="6">
        <v>626.5625</v>
      </c>
      <c r="E15257" s="6">
        <v>1538.519</v>
      </c>
    </row>
    <row r="15258" spans="4:5" x14ac:dyDescent="0.25">
      <c r="D15258" s="6">
        <v>1870.41</v>
      </c>
      <c r="E15258" s="6">
        <v>887.78530000000001</v>
      </c>
    </row>
    <row r="15259" spans="4:5" x14ac:dyDescent="0.25">
      <c r="D15259" s="6">
        <v>945</v>
      </c>
      <c r="E15259" s="6">
        <v>1159.0329999999999</v>
      </c>
    </row>
    <row r="15260" spans="4:5" x14ac:dyDescent="0.25">
      <c r="D15260" s="6">
        <v>630.10220000000004</v>
      </c>
      <c r="E15260" s="6">
        <v>810.5145</v>
      </c>
    </row>
    <row r="15261" spans="4:5" x14ac:dyDescent="0.25">
      <c r="D15261" s="6">
        <v>533.29610000000002</v>
      </c>
      <c r="E15261" s="6">
        <v>670.327</v>
      </c>
    </row>
    <row r="15262" spans="4:5" x14ac:dyDescent="0.25">
      <c r="D15262" s="6">
        <v>654.16430000000003</v>
      </c>
      <c r="E15262" s="6">
        <v>681.85320000000002</v>
      </c>
    </row>
    <row r="15263" spans="4:5" x14ac:dyDescent="0.25">
      <c r="D15263" s="6">
        <v>469.02530000000002</v>
      </c>
      <c r="E15263" s="6">
        <v>4312.0889999999999</v>
      </c>
    </row>
    <row r="15264" spans="4:5" x14ac:dyDescent="0.25">
      <c r="D15264" s="6">
        <v>809.548</v>
      </c>
      <c r="E15264" s="6">
        <v>546.14350000000002</v>
      </c>
    </row>
    <row r="15265" spans="4:5" x14ac:dyDescent="0.25">
      <c r="D15265" s="6">
        <v>720.05600000000004</v>
      </c>
      <c r="E15265" s="6">
        <v>4794.7250000000004</v>
      </c>
    </row>
    <row r="15266" spans="4:5" x14ac:dyDescent="0.25">
      <c r="D15266" s="6">
        <v>520.40440000000001</v>
      </c>
      <c r="E15266" s="6">
        <v>678.56029999999998</v>
      </c>
    </row>
    <row r="15267" spans="4:5" x14ac:dyDescent="0.25">
      <c r="D15267" s="6">
        <v>512.28470000000004</v>
      </c>
      <c r="E15267" s="6">
        <v>1748.7529999999999</v>
      </c>
    </row>
    <row r="15268" spans="4:5" x14ac:dyDescent="0.25">
      <c r="D15268" s="6">
        <v>1159.298</v>
      </c>
      <c r="E15268" s="6">
        <v>782.61850000000004</v>
      </c>
    </row>
    <row r="15269" spans="4:5" x14ac:dyDescent="0.25">
      <c r="D15269" s="6">
        <v>634.75</v>
      </c>
      <c r="E15269" s="6">
        <v>1856.162</v>
      </c>
    </row>
    <row r="15270" spans="4:5" x14ac:dyDescent="0.25">
      <c r="D15270" s="6">
        <v>1464.25</v>
      </c>
      <c r="E15270" s="6">
        <v>5657.7</v>
      </c>
    </row>
    <row r="15271" spans="4:5" x14ac:dyDescent="0.25">
      <c r="D15271" s="6">
        <v>439.51560000000001</v>
      </c>
      <c r="E15271" s="6">
        <v>783.01059999999995</v>
      </c>
    </row>
    <row r="15272" spans="4:5" x14ac:dyDescent="0.25">
      <c r="D15272" s="6">
        <v>753.67179999999996</v>
      </c>
      <c r="E15272" s="6">
        <v>1036.1130000000001</v>
      </c>
    </row>
    <row r="15273" spans="4:5" x14ac:dyDescent="0.25">
      <c r="D15273" s="6">
        <v>6073.3230000000003</v>
      </c>
      <c r="E15273" s="6">
        <v>617.04700000000003</v>
      </c>
    </row>
    <row r="15274" spans="4:5" x14ac:dyDescent="0.25">
      <c r="D15274" s="6">
        <v>650.19129999999996</v>
      </c>
      <c r="E15274" s="6">
        <v>7587.6450000000004</v>
      </c>
    </row>
    <row r="15275" spans="4:5" x14ac:dyDescent="0.25">
      <c r="D15275" s="6">
        <v>853.625</v>
      </c>
      <c r="E15275" s="6">
        <v>704.45489999999995</v>
      </c>
    </row>
    <row r="15276" spans="4:5" x14ac:dyDescent="0.25">
      <c r="D15276" s="6">
        <v>656.7115</v>
      </c>
      <c r="E15276" s="6">
        <v>1911.164</v>
      </c>
    </row>
    <row r="15277" spans="4:5" x14ac:dyDescent="0.25">
      <c r="D15277" s="6">
        <v>444.4486</v>
      </c>
      <c r="E15277" s="6">
        <v>1128.1379999999999</v>
      </c>
    </row>
    <row r="15278" spans="4:5" x14ac:dyDescent="0.25">
      <c r="D15278" s="6">
        <v>428.34930000000003</v>
      </c>
      <c r="E15278" s="6">
        <v>681.94410000000005</v>
      </c>
    </row>
    <row r="15279" spans="4:5" x14ac:dyDescent="0.25">
      <c r="D15279" s="6">
        <v>557.48540000000003</v>
      </c>
      <c r="E15279" s="6">
        <v>649.36059999999998</v>
      </c>
    </row>
    <row r="15280" spans="4:5" x14ac:dyDescent="0.25">
      <c r="D15280" s="6">
        <v>5387.8980000000001</v>
      </c>
      <c r="E15280" s="6">
        <v>1674.0609999999999</v>
      </c>
    </row>
    <row r="15281" spans="4:5" x14ac:dyDescent="0.25">
      <c r="D15281" s="6">
        <v>435.86009999999999</v>
      </c>
      <c r="E15281" s="6">
        <v>667.41240000000005</v>
      </c>
    </row>
    <row r="15282" spans="4:5" x14ac:dyDescent="0.25">
      <c r="D15282" s="6">
        <v>7019.8280000000004</v>
      </c>
      <c r="E15282" s="6">
        <v>1756.1949999999999</v>
      </c>
    </row>
    <row r="15283" spans="4:5" x14ac:dyDescent="0.25">
      <c r="D15283" s="6">
        <v>691.73779999999999</v>
      </c>
      <c r="E15283" s="6">
        <v>776.9008</v>
      </c>
    </row>
    <row r="15284" spans="4:5" x14ac:dyDescent="0.25">
      <c r="D15284" s="6">
        <v>2510.6149999999998</v>
      </c>
      <c r="E15284" s="6">
        <v>669.92970000000003</v>
      </c>
    </row>
    <row r="15285" spans="4:5" x14ac:dyDescent="0.25">
      <c r="D15285" s="6">
        <v>5431.6570000000002</v>
      </c>
      <c r="E15285" s="6">
        <v>6615.2950000000001</v>
      </c>
    </row>
    <row r="15286" spans="4:5" x14ac:dyDescent="0.25">
      <c r="D15286" s="6">
        <v>5492.5429999999997</v>
      </c>
      <c r="E15286" s="6">
        <v>3924.817</v>
      </c>
    </row>
    <row r="15287" spans="4:5" x14ac:dyDescent="0.25">
      <c r="D15287" s="6">
        <v>4817.7460000000001</v>
      </c>
      <c r="E15287" s="6">
        <v>593.57259999999997</v>
      </c>
    </row>
    <row r="15288" spans="4:5" x14ac:dyDescent="0.25">
      <c r="D15288" s="6">
        <v>517.55169999999998</v>
      </c>
      <c r="E15288" s="6">
        <v>724.8451</v>
      </c>
    </row>
    <row r="15289" spans="4:5" x14ac:dyDescent="0.25">
      <c r="D15289" s="6">
        <v>5523.6859999999997</v>
      </c>
      <c r="E15289" s="6">
        <v>770.26260000000002</v>
      </c>
    </row>
    <row r="15290" spans="4:5" x14ac:dyDescent="0.25">
      <c r="D15290" s="6">
        <v>8976.6890000000003</v>
      </c>
      <c r="E15290" s="6">
        <v>724.25130000000001</v>
      </c>
    </row>
    <row r="15291" spans="4:5" x14ac:dyDescent="0.25">
      <c r="D15291" s="6">
        <v>712.78160000000003</v>
      </c>
      <c r="E15291" s="6">
        <v>7060.174</v>
      </c>
    </row>
    <row r="15292" spans="4:5" x14ac:dyDescent="0.25">
      <c r="D15292" s="6">
        <v>413.26740000000001</v>
      </c>
      <c r="E15292" s="6">
        <v>719.23159999999996</v>
      </c>
    </row>
    <row r="15293" spans="4:5" x14ac:dyDescent="0.25">
      <c r="D15293" s="6">
        <v>706.69510000000002</v>
      </c>
      <c r="E15293" s="6">
        <v>857.60310000000004</v>
      </c>
    </row>
    <row r="15294" spans="4:5" x14ac:dyDescent="0.25">
      <c r="D15294" s="6">
        <v>455.97460000000001</v>
      </c>
      <c r="E15294" s="6">
        <v>780.86620000000005</v>
      </c>
    </row>
    <row r="15295" spans="4:5" x14ac:dyDescent="0.25">
      <c r="D15295" s="6">
        <v>4847.2079999999996</v>
      </c>
      <c r="E15295" s="6">
        <v>2838.873</v>
      </c>
    </row>
    <row r="15296" spans="4:5" x14ac:dyDescent="0.25">
      <c r="D15296" s="6">
        <v>2744.1669999999999</v>
      </c>
      <c r="E15296" s="6">
        <v>1459.8209999999999</v>
      </c>
    </row>
    <row r="15297" spans="4:5" x14ac:dyDescent="0.25">
      <c r="D15297" s="6">
        <v>976.64599999999996</v>
      </c>
      <c r="E15297" s="6">
        <v>694.49369999999999</v>
      </c>
    </row>
    <row r="15298" spans="4:5" x14ac:dyDescent="0.25">
      <c r="D15298" s="6">
        <v>553.75139999999999</v>
      </c>
      <c r="E15298" s="6">
        <v>609.23590000000002</v>
      </c>
    </row>
    <row r="15299" spans="4:5" x14ac:dyDescent="0.25">
      <c r="D15299" s="6">
        <v>663.71050000000002</v>
      </c>
      <c r="E15299" s="6">
        <v>661.3125</v>
      </c>
    </row>
    <row r="15300" spans="4:5" x14ac:dyDescent="0.25">
      <c r="D15300" s="6">
        <v>458.0403</v>
      </c>
      <c r="E15300" s="6">
        <v>1235.4839999999999</v>
      </c>
    </row>
    <row r="15301" spans="4:5" x14ac:dyDescent="0.25">
      <c r="D15301" s="6">
        <v>673.61249999999995</v>
      </c>
      <c r="E15301" s="6">
        <v>753.80240000000003</v>
      </c>
    </row>
    <row r="15302" spans="4:5" x14ac:dyDescent="0.25">
      <c r="D15302" s="6">
        <v>486.37810000000002</v>
      </c>
      <c r="E15302" s="6">
        <v>828.4787</v>
      </c>
    </row>
    <row r="15303" spans="4:5" x14ac:dyDescent="0.25">
      <c r="D15303" s="6">
        <v>565.87329999999997</v>
      </c>
      <c r="E15303" s="6">
        <v>1938.0920000000001</v>
      </c>
    </row>
    <row r="15304" spans="4:5" x14ac:dyDescent="0.25">
      <c r="D15304" s="6">
        <v>665.44799999999998</v>
      </c>
      <c r="E15304" s="6">
        <v>783.96010000000001</v>
      </c>
    </row>
    <row r="15305" spans="4:5" x14ac:dyDescent="0.25">
      <c r="D15305" s="6">
        <v>1199</v>
      </c>
      <c r="E15305" s="6">
        <v>773.41809999999998</v>
      </c>
    </row>
    <row r="15306" spans="4:5" x14ac:dyDescent="0.25">
      <c r="D15306" s="6">
        <v>1356.798</v>
      </c>
      <c r="E15306" s="6">
        <v>580.79309999999998</v>
      </c>
    </row>
    <row r="15307" spans="4:5" x14ac:dyDescent="0.25">
      <c r="D15307" s="6">
        <v>9039.2029999999995</v>
      </c>
      <c r="E15307" s="6">
        <v>776.50620000000004</v>
      </c>
    </row>
    <row r="15308" spans="4:5" x14ac:dyDescent="0.25">
      <c r="D15308" s="6">
        <v>459.46879999999999</v>
      </c>
      <c r="E15308" s="6">
        <v>4262.268</v>
      </c>
    </row>
    <row r="15309" spans="4:5" x14ac:dyDescent="0.25">
      <c r="D15309" s="6">
        <v>389.35739999999998</v>
      </c>
      <c r="E15309" s="6">
        <v>699.90779999999995</v>
      </c>
    </row>
    <row r="15310" spans="4:5" x14ac:dyDescent="0.25">
      <c r="D15310" s="6">
        <v>416.64510000000001</v>
      </c>
      <c r="E15310" s="6">
        <v>987.05579999999998</v>
      </c>
    </row>
    <row r="15311" spans="4:5" x14ac:dyDescent="0.25">
      <c r="D15311" s="6">
        <v>531.78489999999999</v>
      </c>
      <c r="E15311" s="6">
        <v>770.02869999999996</v>
      </c>
    </row>
    <row r="15312" spans="4:5" x14ac:dyDescent="0.25">
      <c r="D15312" s="6">
        <v>5702.3050000000003</v>
      </c>
      <c r="E15312" s="6">
        <v>735.94619999999998</v>
      </c>
    </row>
    <row r="15313" spans="4:5" x14ac:dyDescent="0.25">
      <c r="D15313" s="6">
        <v>2612.4270000000001</v>
      </c>
      <c r="E15313" s="6">
        <v>740.79920000000004</v>
      </c>
    </row>
    <row r="15314" spans="4:5" x14ac:dyDescent="0.25">
      <c r="D15314" s="6">
        <v>449.99489999999997</v>
      </c>
      <c r="E15314" s="6">
        <v>1548.405</v>
      </c>
    </row>
    <row r="15315" spans="4:5" x14ac:dyDescent="0.25">
      <c r="D15315" s="6">
        <v>479.4239</v>
      </c>
      <c r="E15315" s="6">
        <v>1938.8520000000001</v>
      </c>
    </row>
    <row r="15316" spans="4:5" x14ac:dyDescent="0.25">
      <c r="D15316" s="6">
        <v>597.5</v>
      </c>
      <c r="E15316" s="6">
        <v>563.5</v>
      </c>
    </row>
    <row r="15317" spans="4:5" x14ac:dyDescent="0.25">
      <c r="D15317" s="6">
        <v>768.8519</v>
      </c>
      <c r="E15317" s="6">
        <v>615.38419999999996</v>
      </c>
    </row>
    <row r="15318" spans="4:5" x14ac:dyDescent="0.25">
      <c r="D15318" s="6">
        <v>507.5478</v>
      </c>
      <c r="E15318" s="6">
        <v>6598.7960000000003</v>
      </c>
    </row>
    <row r="15319" spans="4:5" x14ac:dyDescent="0.25">
      <c r="D15319" s="6">
        <v>484.71170000000001</v>
      </c>
      <c r="E15319" s="6">
        <v>6547.0069999999996</v>
      </c>
    </row>
    <row r="15320" spans="4:5" x14ac:dyDescent="0.25">
      <c r="D15320" s="6">
        <v>487.38150000000002</v>
      </c>
      <c r="E15320" s="6">
        <v>686.31820000000005</v>
      </c>
    </row>
    <row r="15321" spans="4:5" x14ac:dyDescent="0.25">
      <c r="D15321" s="6">
        <v>503.56670000000003</v>
      </c>
      <c r="E15321" s="6">
        <v>1695.1690000000001</v>
      </c>
    </row>
    <row r="15322" spans="4:5" x14ac:dyDescent="0.25">
      <c r="D15322" s="6">
        <v>495.07150000000001</v>
      </c>
      <c r="E15322" s="6">
        <v>745.53390000000002</v>
      </c>
    </row>
    <row r="15323" spans="4:5" x14ac:dyDescent="0.25">
      <c r="D15323" s="6">
        <v>609.78880000000004</v>
      </c>
      <c r="E15323" s="6">
        <v>738.03560000000004</v>
      </c>
    </row>
    <row r="15324" spans="4:5" x14ac:dyDescent="0.25">
      <c r="D15324" s="6">
        <v>564.69960000000003</v>
      </c>
      <c r="E15324" s="6">
        <v>713.7251</v>
      </c>
    </row>
    <row r="15325" spans="4:5" x14ac:dyDescent="0.25">
      <c r="D15325" s="6">
        <v>440.19729999999998</v>
      </c>
      <c r="E15325" s="6">
        <v>914.95699999999999</v>
      </c>
    </row>
    <row r="15326" spans="4:5" x14ac:dyDescent="0.25">
      <c r="D15326" s="6">
        <v>479.37130000000002</v>
      </c>
      <c r="E15326" s="6">
        <v>5838.0720000000001</v>
      </c>
    </row>
    <row r="15327" spans="4:5" x14ac:dyDescent="0.25">
      <c r="D15327" s="6">
        <v>504.2201</v>
      </c>
      <c r="E15327" s="6">
        <v>802.17499999999995</v>
      </c>
    </row>
    <row r="15328" spans="4:5" x14ac:dyDescent="0.25">
      <c r="D15328" s="6">
        <v>399.03820000000002</v>
      </c>
      <c r="E15328" s="6">
        <v>693.78380000000004</v>
      </c>
    </row>
    <row r="15329" spans="4:5" x14ac:dyDescent="0.25">
      <c r="D15329" s="6">
        <v>542.68949999999995</v>
      </c>
      <c r="E15329" s="6">
        <v>601.85019999999997</v>
      </c>
    </row>
    <row r="15330" spans="4:5" x14ac:dyDescent="0.25">
      <c r="D15330" s="6">
        <v>417.53559999999999</v>
      </c>
      <c r="E15330" s="6">
        <v>1510.6959999999999</v>
      </c>
    </row>
    <row r="15331" spans="4:5" x14ac:dyDescent="0.25">
      <c r="D15331" s="6">
        <v>2103.902</v>
      </c>
      <c r="E15331" s="6">
        <v>481.84120000000001</v>
      </c>
    </row>
    <row r="15332" spans="4:5" x14ac:dyDescent="0.25">
      <c r="D15332" s="6">
        <v>462.3032</v>
      </c>
      <c r="E15332" s="6">
        <v>600.75229999999999</v>
      </c>
    </row>
    <row r="15333" spans="4:5" x14ac:dyDescent="0.25">
      <c r="D15333" s="6">
        <v>518.18510000000003</v>
      </c>
      <c r="E15333" s="6">
        <v>1264.557</v>
      </c>
    </row>
    <row r="15334" spans="4:5" x14ac:dyDescent="0.25">
      <c r="D15334" s="6">
        <v>537.43240000000003</v>
      </c>
      <c r="E15334" s="6">
        <v>1562.088</v>
      </c>
    </row>
    <row r="15335" spans="4:5" x14ac:dyDescent="0.25">
      <c r="D15335" s="6">
        <v>574.06439999999998</v>
      </c>
      <c r="E15335" s="6">
        <v>661.4778</v>
      </c>
    </row>
    <row r="15336" spans="4:5" x14ac:dyDescent="0.25">
      <c r="D15336" s="6">
        <v>524.58759999999995</v>
      </c>
      <c r="E15336" s="6">
        <v>2121.7280000000001</v>
      </c>
    </row>
    <row r="15337" spans="4:5" x14ac:dyDescent="0.25">
      <c r="D15337" s="6">
        <v>592.86760000000004</v>
      </c>
      <c r="E15337" s="6">
        <v>6181.165</v>
      </c>
    </row>
    <row r="15338" spans="4:5" x14ac:dyDescent="0.25">
      <c r="D15338" s="6">
        <v>5378.625</v>
      </c>
      <c r="E15338" s="6">
        <v>889.13599999999997</v>
      </c>
    </row>
    <row r="15339" spans="4:5" x14ac:dyDescent="0.25">
      <c r="D15339" s="6">
        <v>4489.4070000000002</v>
      </c>
      <c r="E15339" s="6">
        <v>860</v>
      </c>
    </row>
    <row r="15340" spans="4:5" x14ac:dyDescent="0.25">
      <c r="D15340" s="6">
        <v>504.90910000000002</v>
      </c>
      <c r="E15340" s="6">
        <v>661.29449999999997</v>
      </c>
    </row>
    <row r="15341" spans="4:5" x14ac:dyDescent="0.25">
      <c r="D15341" s="6">
        <v>546.60379999999998</v>
      </c>
      <c r="E15341" s="6">
        <v>2882.1439999999998</v>
      </c>
    </row>
    <row r="15342" spans="4:5" x14ac:dyDescent="0.25">
      <c r="D15342" s="6">
        <v>460.96499999999997</v>
      </c>
      <c r="E15342" s="6">
        <v>1603.588</v>
      </c>
    </row>
    <row r="15343" spans="4:5" x14ac:dyDescent="0.25">
      <c r="D15343" s="6">
        <v>1568.5550000000001</v>
      </c>
      <c r="E15343" s="6">
        <v>1554.83</v>
      </c>
    </row>
    <row r="15344" spans="4:5" x14ac:dyDescent="0.25">
      <c r="D15344" s="6">
        <v>531.36739999999998</v>
      </c>
      <c r="E15344" s="6">
        <v>1076.1289999999999</v>
      </c>
    </row>
    <row r="15345" spans="4:5" x14ac:dyDescent="0.25">
      <c r="D15345" s="6">
        <v>513.68520000000001</v>
      </c>
      <c r="E15345" s="6">
        <v>3376.5790000000002</v>
      </c>
    </row>
    <row r="15346" spans="4:5" x14ac:dyDescent="0.25">
      <c r="D15346" s="6">
        <v>5319.3429999999998</v>
      </c>
      <c r="E15346" s="6">
        <v>791.28579999999999</v>
      </c>
    </row>
    <row r="15347" spans="4:5" x14ac:dyDescent="0.25">
      <c r="D15347" s="6">
        <v>519.86440000000005</v>
      </c>
      <c r="E15347" s="6">
        <v>792.06349999999998</v>
      </c>
    </row>
    <row r="15348" spans="4:5" x14ac:dyDescent="0.25">
      <c r="D15348" s="6">
        <v>4740.83</v>
      </c>
      <c r="E15348" s="6">
        <v>7156.1270000000004</v>
      </c>
    </row>
    <row r="15349" spans="4:5" x14ac:dyDescent="0.25">
      <c r="D15349" s="6">
        <v>449.71429999999998</v>
      </c>
      <c r="E15349" s="6">
        <v>648.12670000000003</v>
      </c>
    </row>
    <row r="15350" spans="4:5" x14ac:dyDescent="0.25">
      <c r="D15350" s="6">
        <v>1103.0029999999999</v>
      </c>
      <c r="E15350" s="6">
        <v>588.14290000000005</v>
      </c>
    </row>
    <row r="15351" spans="4:5" x14ac:dyDescent="0.25">
      <c r="D15351" s="6">
        <v>429.27030000000002</v>
      </c>
      <c r="E15351" s="6">
        <v>6809.3180000000002</v>
      </c>
    </row>
    <row r="15352" spans="4:5" x14ac:dyDescent="0.25">
      <c r="D15352" s="6">
        <v>4300.558</v>
      </c>
      <c r="E15352" s="6">
        <v>2141.1010000000001</v>
      </c>
    </row>
    <row r="15353" spans="4:5" x14ac:dyDescent="0.25">
      <c r="D15353" s="6">
        <v>556.60749999999996</v>
      </c>
      <c r="E15353" s="6">
        <v>762.76610000000005</v>
      </c>
    </row>
    <row r="15354" spans="4:5" x14ac:dyDescent="0.25">
      <c r="D15354" s="6">
        <v>387.22770000000003</v>
      </c>
      <c r="E15354" s="6">
        <v>1770.066</v>
      </c>
    </row>
    <row r="15355" spans="4:5" x14ac:dyDescent="0.25">
      <c r="D15355" s="6">
        <v>462.87619999999998</v>
      </c>
      <c r="E15355" s="6">
        <v>573.17020000000002</v>
      </c>
    </row>
    <row r="15356" spans="4:5" x14ac:dyDescent="0.25">
      <c r="D15356" s="6">
        <v>505.435</v>
      </c>
      <c r="E15356" s="6">
        <v>1424.9</v>
      </c>
    </row>
    <row r="15357" spans="4:5" x14ac:dyDescent="0.25">
      <c r="D15357" s="6">
        <v>532.20000000000005</v>
      </c>
      <c r="E15357" s="6">
        <v>5972.1239999999998</v>
      </c>
    </row>
    <row r="15358" spans="4:5" x14ac:dyDescent="0.25">
      <c r="D15358" s="6">
        <v>369.1782</v>
      </c>
      <c r="E15358" s="6">
        <v>7003.6980000000003</v>
      </c>
    </row>
    <row r="15359" spans="4:5" x14ac:dyDescent="0.25">
      <c r="D15359" s="6">
        <v>571.3279</v>
      </c>
      <c r="E15359" s="6">
        <v>2034.877</v>
      </c>
    </row>
    <row r="15360" spans="4:5" x14ac:dyDescent="0.25">
      <c r="D15360" s="6">
        <v>2372.1669999999999</v>
      </c>
      <c r="E15360" s="6">
        <v>1863.8979999999999</v>
      </c>
    </row>
    <row r="15361" spans="4:5" x14ac:dyDescent="0.25">
      <c r="D15361" s="6">
        <v>488.98579999999998</v>
      </c>
      <c r="E15361" s="6">
        <v>647.2672</v>
      </c>
    </row>
    <row r="15362" spans="4:5" x14ac:dyDescent="0.25">
      <c r="D15362" s="6">
        <v>441.53379999999999</v>
      </c>
      <c r="E15362" s="6">
        <v>628.95590000000004</v>
      </c>
    </row>
    <row r="15363" spans="4:5" x14ac:dyDescent="0.25">
      <c r="D15363" s="6">
        <v>419.09609999999998</v>
      </c>
      <c r="E15363" s="6">
        <v>595.99699999999996</v>
      </c>
    </row>
    <row r="15364" spans="4:5" x14ac:dyDescent="0.25">
      <c r="D15364" s="6">
        <v>1871.9659999999999</v>
      </c>
      <c r="E15364" s="6">
        <v>4984.5349999999999</v>
      </c>
    </row>
    <row r="15365" spans="4:5" x14ac:dyDescent="0.25">
      <c r="D15365" s="6">
        <v>563.00789999999995</v>
      </c>
      <c r="E15365" s="6">
        <v>772.04369999999994</v>
      </c>
    </row>
    <row r="15366" spans="4:5" x14ac:dyDescent="0.25">
      <c r="D15366" s="6">
        <v>518.26130000000001</v>
      </c>
      <c r="E15366" s="6">
        <v>772.84950000000003</v>
      </c>
    </row>
    <row r="15367" spans="4:5" x14ac:dyDescent="0.25">
      <c r="D15367" s="6">
        <v>609.12860000000001</v>
      </c>
      <c r="E15367" s="6">
        <v>576.0222</v>
      </c>
    </row>
    <row r="15368" spans="4:5" x14ac:dyDescent="0.25">
      <c r="D15368" s="6">
        <v>564.84519999999998</v>
      </c>
      <c r="E15368" s="6">
        <v>7195.7969999999996</v>
      </c>
    </row>
    <row r="15369" spans="4:5" x14ac:dyDescent="0.25">
      <c r="D15369" s="6">
        <v>480.66149999999999</v>
      </c>
      <c r="E15369" s="6">
        <v>5991.848</v>
      </c>
    </row>
    <row r="15370" spans="4:5" x14ac:dyDescent="0.25">
      <c r="D15370" s="6">
        <v>516.29179999999997</v>
      </c>
      <c r="E15370" s="6">
        <v>5526.7640000000001</v>
      </c>
    </row>
    <row r="15371" spans="4:5" x14ac:dyDescent="0.25">
      <c r="D15371" s="6">
        <v>7998.1180000000004</v>
      </c>
      <c r="E15371" s="6">
        <v>688.95960000000002</v>
      </c>
    </row>
    <row r="15372" spans="4:5" x14ac:dyDescent="0.25">
      <c r="D15372" s="6">
        <v>561.21280000000002</v>
      </c>
      <c r="E15372" s="6">
        <v>6461.3549999999996</v>
      </c>
    </row>
    <row r="15373" spans="4:5" x14ac:dyDescent="0.25">
      <c r="D15373" s="6">
        <v>428.20859999999999</v>
      </c>
      <c r="E15373" s="6">
        <v>537.274</v>
      </c>
    </row>
    <row r="15374" spans="4:5" x14ac:dyDescent="0.25">
      <c r="D15374" s="6">
        <v>500.01330000000002</v>
      </c>
      <c r="E15374" s="6">
        <v>7476.36</v>
      </c>
    </row>
    <row r="15375" spans="4:5" x14ac:dyDescent="0.25">
      <c r="D15375" s="6">
        <v>463.613</v>
      </c>
      <c r="E15375" s="6">
        <v>1699.0429999999999</v>
      </c>
    </row>
    <row r="15376" spans="4:5" x14ac:dyDescent="0.25">
      <c r="D15376" s="6">
        <v>596.03309999999999</v>
      </c>
      <c r="E15376" s="6">
        <v>600.36710000000005</v>
      </c>
    </row>
    <row r="15377" spans="4:5" x14ac:dyDescent="0.25">
      <c r="D15377" s="6">
        <v>2788.6</v>
      </c>
      <c r="E15377" s="6">
        <v>6185.3249999999998</v>
      </c>
    </row>
    <row r="15378" spans="4:5" x14ac:dyDescent="0.25">
      <c r="D15378" s="6">
        <v>1954.614</v>
      </c>
      <c r="E15378" s="6">
        <v>12339.4</v>
      </c>
    </row>
    <row r="15379" spans="4:5" x14ac:dyDescent="0.25">
      <c r="D15379" s="6">
        <v>6486.1750000000002</v>
      </c>
      <c r="E15379" s="6">
        <v>636.67420000000004</v>
      </c>
    </row>
    <row r="15380" spans="4:5" x14ac:dyDescent="0.25">
      <c r="D15380" s="6">
        <v>433.12</v>
      </c>
      <c r="E15380" s="6">
        <v>1999.0239999999999</v>
      </c>
    </row>
    <row r="15381" spans="4:5" x14ac:dyDescent="0.25">
      <c r="D15381" s="6">
        <v>1072.7950000000001</v>
      </c>
      <c r="E15381" s="6">
        <v>586.00109999999995</v>
      </c>
    </row>
    <row r="15382" spans="4:5" x14ac:dyDescent="0.25">
      <c r="D15382" s="6">
        <v>549.34939999999995</v>
      </c>
      <c r="E15382" s="6">
        <v>602.5</v>
      </c>
    </row>
    <row r="15383" spans="4:5" x14ac:dyDescent="0.25">
      <c r="D15383" s="6">
        <v>750.83190000000002</v>
      </c>
      <c r="E15383" s="6">
        <v>942.01829999999995</v>
      </c>
    </row>
    <row r="15384" spans="4:5" x14ac:dyDescent="0.25">
      <c r="D15384" s="6">
        <v>505.57319999999999</v>
      </c>
      <c r="E15384" s="6">
        <v>558</v>
      </c>
    </row>
    <row r="15385" spans="4:5" x14ac:dyDescent="0.25">
      <c r="D15385" s="6">
        <v>625.90830000000005</v>
      </c>
      <c r="E15385" s="6">
        <v>711.27409999999998</v>
      </c>
    </row>
    <row r="15386" spans="4:5" x14ac:dyDescent="0.25">
      <c r="D15386" s="6">
        <v>571.87360000000001</v>
      </c>
      <c r="E15386" s="6">
        <v>507.33710000000002</v>
      </c>
    </row>
    <row r="15387" spans="4:5" x14ac:dyDescent="0.25">
      <c r="D15387" s="6">
        <v>885.03520000000003</v>
      </c>
      <c r="E15387" s="6">
        <v>723.68449999999996</v>
      </c>
    </row>
    <row r="15388" spans="4:5" x14ac:dyDescent="0.25">
      <c r="D15388" s="6">
        <v>567.72879999999998</v>
      </c>
      <c r="E15388" s="6">
        <v>2912.2240000000002</v>
      </c>
    </row>
    <row r="15389" spans="4:5" x14ac:dyDescent="0.25">
      <c r="D15389" s="6">
        <v>494.45870000000002</v>
      </c>
      <c r="E15389" s="6">
        <v>3107.9960000000001</v>
      </c>
    </row>
    <row r="15390" spans="4:5" x14ac:dyDescent="0.25">
      <c r="D15390" s="6">
        <v>451.46510000000001</v>
      </c>
      <c r="E15390" s="6">
        <v>777.77319999999997</v>
      </c>
    </row>
    <row r="15391" spans="4:5" x14ac:dyDescent="0.25">
      <c r="D15391" s="6">
        <v>594.00340000000006</v>
      </c>
      <c r="E15391" s="6">
        <v>758.96889999999996</v>
      </c>
    </row>
    <row r="15392" spans="4:5" x14ac:dyDescent="0.25">
      <c r="D15392" s="6">
        <v>411.3614</v>
      </c>
      <c r="E15392" s="6">
        <v>711.64369999999997</v>
      </c>
    </row>
    <row r="15393" spans="4:5" x14ac:dyDescent="0.25">
      <c r="D15393" s="6">
        <v>811.11109999999996</v>
      </c>
      <c r="E15393" s="6">
        <v>966.68700000000001</v>
      </c>
    </row>
    <row r="15394" spans="4:5" x14ac:dyDescent="0.25">
      <c r="D15394" s="6">
        <v>591.14290000000005</v>
      </c>
      <c r="E15394" s="6">
        <v>653.55579999999998</v>
      </c>
    </row>
    <row r="15395" spans="4:5" x14ac:dyDescent="0.25">
      <c r="D15395" s="6">
        <v>659.10530000000006</v>
      </c>
      <c r="E15395" s="6">
        <v>875.02300000000002</v>
      </c>
    </row>
    <row r="15396" spans="4:5" x14ac:dyDescent="0.25">
      <c r="D15396" s="6">
        <v>462.95280000000002</v>
      </c>
      <c r="E15396" s="6">
        <v>1252.982</v>
      </c>
    </row>
    <row r="15397" spans="4:5" x14ac:dyDescent="0.25">
      <c r="D15397" s="6">
        <v>557.80560000000003</v>
      </c>
      <c r="E15397" s="6">
        <v>758.05229999999995</v>
      </c>
    </row>
    <row r="15398" spans="4:5" x14ac:dyDescent="0.25">
      <c r="D15398" s="6">
        <v>756.55830000000003</v>
      </c>
      <c r="E15398" s="6">
        <v>4998.6719999999996</v>
      </c>
    </row>
    <row r="15399" spans="4:5" x14ac:dyDescent="0.25">
      <c r="D15399" s="6">
        <v>486.49009999999998</v>
      </c>
      <c r="E15399" s="6">
        <v>688.33989999999994</v>
      </c>
    </row>
    <row r="15400" spans="4:5" x14ac:dyDescent="0.25">
      <c r="D15400" s="6">
        <v>679.56790000000001</v>
      </c>
      <c r="E15400" s="6">
        <v>1095</v>
      </c>
    </row>
    <row r="15401" spans="4:5" x14ac:dyDescent="0.25">
      <c r="D15401" s="6">
        <v>534.66669999999999</v>
      </c>
      <c r="E15401" s="6">
        <v>629.73419999999999</v>
      </c>
    </row>
    <row r="15402" spans="4:5" x14ac:dyDescent="0.25">
      <c r="D15402" s="6">
        <v>413.35109999999997</v>
      </c>
      <c r="E15402" s="6">
        <v>766.02099999999996</v>
      </c>
    </row>
    <row r="15403" spans="4:5" x14ac:dyDescent="0.25">
      <c r="D15403" s="6">
        <v>1074.72</v>
      </c>
      <c r="E15403" s="6">
        <v>436.15039999999999</v>
      </c>
    </row>
    <row r="15404" spans="4:5" x14ac:dyDescent="0.25">
      <c r="D15404" s="6">
        <v>575.88059999999996</v>
      </c>
      <c r="E15404" s="6">
        <v>719.78039999999999</v>
      </c>
    </row>
    <row r="15405" spans="4:5" x14ac:dyDescent="0.25">
      <c r="D15405" s="6">
        <v>6568.0619999999999</v>
      </c>
      <c r="E15405" s="6">
        <v>6444.7939999999999</v>
      </c>
    </row>
    <row r="15406" spans="4:5" x14ac:dyDescent="0.25">
      <c r="D15406" s="6">
        <v>541.92930000000001</v>
      </c>
      <c r="E15406" s="6">
        <v>638.91899999999998</v>
      </c>
    </row>
    <row r="15407" spans="4:5" x14ac:dyDescent="0.25">
      <c r="D15407" s="6">
        <v>1438.212</v>
      </c>
      <c r="E15407" s="6">
        <v>647.62220000000002</v>
      </c>
    </row>
    <row r="15408" spans="4:5" x14ac:dyDescent="0.25">
      <c r="D15408" s="6">
        <v>908.16830000000004</v>
      </c>
      <c r="E15408" s="6">
        <v>6076.59</v>
      </c>
    </row>
    <row r="15409" spans="4:5" x14ac:dyDescent="0.25">
      <c r="D15409" s="6">
        <v>652.56439999999998</v>
      </c>
      <c r="E15409" s="6">
        <v>838.81650000000002</v>
      </c>
    </row>
    <row r="15410" spans="4:5" x14ac:dyDescent="0.25">
      <c r="D15410" s="6">
        <v>382.23689999999999</v>
      </c>
      <c r="E15410" s="6">
        <v>876.95050000000003</v>
      </c>
    </row>
    <row r="15411" spans="4:5" x14ac:dyDescent="0.25">
      <c r="D15411" s="6">
        <v>576.84429999999998</v>
      </c>
      <c r="E15411" s="6">
        <v>662.13220000000001</v>
      </c>
    </row>
    <row r="15412" spans="4:5" x14ac:dyDescent="0.25">
      <c r="D15412" s="6">
        <v>512.24890000000005</v>
      </c>
      <c r="E15412" s="6">
        <v>868.21699999999998</v>
      </c>
    </row>
    <row r="15413" spans="4:5" x14ac:dyDescent="0.25">
      <c r="D15413" s="6">
        <v>475.73320000000001</v>
      </c>
      <c r="E15413" s="6">
        <v>4967.5410000000002</v>
      </c>
    </row>
    <row r="15414" spans="4:5" x14ac:dyDescent="0.25">
      <c r="D15414" s="6">
        <v>554.06899999999996</v>
      </c>
      <c r="E15414" s="6">
        <v>1889.7349999999999</v>
      </c>
    </row>
    <row r="15415" spans="4:5" x14ac:dyDescent="0.25">
      <c r="D15415" s="6">
        <v>3658.913</v>
      </c>
      <c r="E15415" s="6">
        <v>1740.472</v>
      </c>
    </row>
    <row r="15416" spans="4:5" x14ac:dyDescent="0.25">
      <c r="D15416" s="6">
        <v>4821.5</v>
      </c>
      <c r="E15416" s="6">
        <v>2392.7420000000002</v>
      </c>
    </row>
    <row r="15417" spans="4:5" x14ac:dyDescent="0.25">
      <c r="D15417" s="6">
        <v>621.32389999999998</v>
      </c>
      <c r="E15417" s="6">
        <v>652.69960000000003</v>
      </c>
    </row>
    <row r="15418" spans="4:5" x14ac:dyDescent="0.25">
      <c r="D15418" s="6">
        <v>4216.3280000000004</v>
      </c>
      <c r="E15418" s="6">
        <v>1217.098</v>
      </c>
    </row>
    <row r="15419" spans="4:5" x14ac:dyDescent="0.25">
      <c r="D15419" s="6">
        <v>3205.5569999999998</v>
      </c>
      <c r="E15419" s="6">
        <v>4646.8879999999999</v>
      </c>
    </row>
    <row r="15420" spans="4:5" x14ac:dyDescent="0.25">
      <c r="D15420" s="6">
        <v>534.54229999999995</v>
      </c>
      <c r="E15420" s="6">
        <v>826.67830000000004</v>
      </c>
    </row>
    <row r="15421" spans="4:5" x14ac:dyDescent="0.25">
      <c r="D15421" s="6">
        <v>556.59860000000003</v>
      </c>
      <c r="E15421" s="6">
        <v>570.07929999999999</v>
      </c>
    </row>
    <row r="15422" spans="4:5" x14ac:dyDescent="0.25">
      <c r="D15422" s="6">
        <v>624.57100000000003</v>
      </c>
      <c r="E15422" s="6">
        <v>624.96559999999999</v>
      </c>
    </row>
    <row r="15423" spans="4:5" x14ac:dyDescent="0.25">
      <c r="D15423" s="6">
        <v>577.04520000000002</v>
      </c>
      <c r="E15423" s="6">
        <v>2019.2760000000001</v>
      </c>
    </row>
    <row r="15424" spans="4:5" x14ac:dyDescent="0.25">
      <c r="D15424" s="6">
        <v>482.25630000000001</v>
      </c>
      <c r="E15424" s="6">
        <v>4547.3230000000003</v>
      </c>
    </row>
    <row r="15425" spans="4:5" x14ac:dyDescent="0.25">
      <c r="D15425" s="6">
        <v>561.52909999999997</v>
      </c>
      <c r="E15425" s="6">
        <v>6989.6779999999999</v>
      </c>
    </row>
    <row r="15426" spans="4:5" x14ac:dyDescent="0.25">
      <c r="D15426" s="6">
        <v>437.04199999999997</v>
      </c>
      <c r="E15426" s="6">
        <v>1042.222</v>
      </c>
    </row>
    <row r="15427" spans="4:5" x14ac:dyDescent="0.25">
      <c r="D15427" s="6">
        <v>1463.816</v>
      </c>
      <c r="E15427" s="6">
        <v>798.94899999999996</v>
      </c>
    </row>
    <row r="15428" spans="4:5" x14ac:dyDescent="0.25">
      <c r="D15428" s="6">
        <v>444.9443</v>
      </c>
      <c r="E15428" s="6">
        <v>747.63990000000001</v>
      </c>
    </row>
    <row r="15429" spans="4:5" x14ac:dyDescent="0.25">
      <c r="D15429" s="6">
        <v>569.60640000000001</v>
      </c>
      <c r="E15429" s="6">
        <v>653.52480000000003</v>
      </c>
    </row>
    <row r="15430" spans="4:5" x14ac:dyDescent="0.25">
      <c r="D15430" s="6">
        <v>1153.1510000000001</v>
      </c>
      <c r="E15430" s="6">
        <v>681.76139999999998</v>
      </c>
    </row>
    <row r="15431" spans="4:5" x14ac:dyDescent="0.25">
      <c r="D15431" s="6">
        <v>812.04870000000005</v>
      </c>
      <c r="E15431" s="6">
        <v>620.65470000000005</v>
      </c>
    </row>
    <row r="15432" spans="4:5" x14ac:dyDescent="0.25">
      <c r="D15432" s="6">
        <v>496.88060000000002</v>
      </c>
      <c r="E15432" s="6">
        <v>944.22349999999994</v>
      </c>
    </row>
    <row r="15433" spans="4:5" x14ac:dyDescent="0.25">
      <c r="D15433" s="6">
        <v>669.0335</v>
      </c>
      <c r="E15433" s="6">
        <v>669.58389999999997</v>
      </c>
    </row>
    <row r="15434" spans="4:5" x14ac:dyDescent="0.25">
      <c r="D15434" s="6">
        <v>565.32230000000004</v>
      </c>
      <c r="E15434" s="6">
        <v>1053.01</v>
      </c>
    </row>
    <row r="15435" spans="4:5" x14ac:dyDescent="0.25">
      <c r="D15435" s="6">
        <v>426.51859999999999</v>
      </c>
      <c r="E15435" s="6">
        <v>565.54219999999998</v>
      </c>
    </row>
    <row r="15436" spans="4:5" x14ac:dyDescent="0.25">
      <c r="D15436" s="6">
        <v>530.31380000000001</v>
      </c>
      <c r="E15436" s="6">
        <v>675.86249999999995</v>
      </c>
    </row>
    <row r="15437" spans="4:5" x14ac:dyDescent="0.25">
      <c r="D15437" s="6">
        <v>536.20680000000004</v>
      </c>
      <c r="E15437" s="6">
        <v>1672.192</v>
      </c>
    </row>
    <row r="15438" spans="4:5" x14ac:dyDescent="0.25">
      <c r="D15438" s="6">
        <v>1895.931</v>
      </c>
      <c r="E15438" s="6">
        <v>563.58199999999999</v>
      </c>
    </row>
    <row r="15439" spans="4:5" x14ac:dyDescent="0.25">
      <c r="D15439" s="6">
        <v>514.74570000000006</v>
      </c>
      <c r="E15439" s="6">
        <v>4643.9189999999999</v>
      </c>
    </row>
    <row r="15440" spans="4:5" x14ac:dyDescent="0.25">
      <c r="D15440" s="6">
        <v>820.93380000000002</v>
      </c>
      <c r="E15440" s="6">
        <v>592.97789999999998</v>
      </c>
    </row>
    <row r="15441" spans="4:5" x14ac:dyDescent="0.25">
      <c r="D15441" s="6">
        <v>488.21499999999997</v>
      </c>
      <c r="E15441" s="6">
        <v>805.76379999999995</v>
      </c>
    </row>
    <row r="15442" spans="4:5" x14ac:dyDescent="0.25">
      <c r="D15442" s="6">
        <v>2946.4340000000002</v>
      </c>
      <c r="E15442" s="6">
        <v>926.65689999999995</v>
      </c>
    </row>
    <row r="15443" spans="4:5" x14ac:dyDescent="0.25">
      <c r="D15443" s="6">
        <v>493.8141</v>
      </c>
      <c r="E15443" s="6">
        <v>7721.2979999999998</v>
      </c>
    </row>
    <row r="15444" spans="4:5" x14ac:dyDescent="0.25">
      <c r="D15444" s="6">
        <v>584.64340000000004</v>
      </c>
      <c r="E15444" s="6">
        <v>10288.69</v>
      </c>
    </row>
    <row r="15445" spans="4:5" x14ac:dyDescent="0.25">
      <c r="D15445" s="6">
        <v>560.13990000000001</v>
      </c>
      <c r="E15445" s="6">
        <v>796.16909999999996</v>
      </c>
    </row>
    <row r="15446" spans="4:5" x14ac:dyDescent="0.25">
      <c r="D15446" s="6">
        <v>562.09810000000004</v>
      </c>
      <c r="E15446" s="6">
        <v>701.58240000000001</v>
      </c>
    </row>
    <row r="15447" spans="4:5" x14ac:dyDescent="0.25">
      <c r="D15447" s="6">
        <v>467.75299999999999</v>
      </c>
      <c r="E15447" s="6">
        <v>1586.2270000000001</v>
      </c>
    </row>
    <row r="15448" spans="4:5" x14ac:dyDescent="0.25">
      <c r="D15448" s="6">
        <v>484.94110000000001</v>
      </c>
      <c r="E15448" s="6">
        <v>654.47630000000004</v>
      </c>
    </row>
    <row r="15449" spans="4:5" x14ac:dyDescent="0.25">
      <c r="D15449" s="6">
        <v>2185.5709999999999</v>
      </c>
      <c r="E15449" s="6">
        <v>899.77380000000005</v>
      </c>
    </row>
    <row r="15450" spans="4:5" x14ac:dyDescent="0.25">
      <c r="D15450" s="6">
        <v>5821.0060000000003</v>
      </c>
      <c r="E15450" s="6">
        <v>626.7758</v>
      </c>
    </row>
    <row r="15451" spans="4:5" x14ac:dyDescent="0.25">
      <c r="D15451" s="6">
        <v>497.13670000000002</v>
      </c>
      <c r="E15451" s="6">
        <v>3920.2890000000002</v>
      </c>
    </row>
    <row r="15452" spans="4:5" x14ac:dyDescent="0.25">
      <c r="D15452" s="6">
        <v>763</v>
      </c>
      <c r="E15452" s="6">
        <v>1011</v>
      </c>
    </row>
    <row r="15453" spans="4:5" x14ac:dyDescent="0.25">
      <c r="D15453" s="6">
        <v>1076.616</v>
      </c>
      <c r="E15453" s="6">
        <v>1050.0650000000001</v>
      </c>
    </row>
    <row r="15454" spans="4:5" x14ac:dyDescent="0.25">
      <c r="D15454" s="6">
        <v>646.16309999999999</v>
      </c>
      <c r="E15454" s="6">
        <v>2817.68</v>
      </c>
    </row>
    <row r="15455" spans="4:5" x14ac:dyDescent="0.25">
      <c r="D15455" s="6">
        <v>2299.0430000000001</v>
      </c>
      <c r="E15455" s="6">
        <v>977.16060000000004</v>
      </c>
    </row>
    <row r="15456" spans="4:5" x14ac:dyDescent="0.25">
      <c r="D15456" s="6">
        <v>733.06979999999999</v>
      </c>
      <c r="E15456" s="6">
        <v>6536.0039999999999</v>
      </c>
    </row>
    <row r="15457" spans="4:5" x14ac:dyDescent="0.25">
      <c r="D15457" s="6">
        <v>565.83879999999999</v>
      </c>
      <c r="E15457" s="6">
        <v>683.7133</v>
      </c>
    </row>
    <row r="15458" spans="4:5" x14ac:dyDescent="0.25">
      <c r="D15458" s="6">
        <v>850.90129999999999</v>
      </c>
      <c r="E15458" s="6">
        <v>780.64210000000003</v>
      </c>
    </row>
    <row r="15459" spans="4:5" x14ac:dyDescent="0.25">
      <c r="D15459" s="6">
        <v>469.447</v>
      </c>
      <c r="E15459" s="6">
        <v>2030.5630000000001</v>
      </c>
    </row>
    <row r="15460" spans="4:5" x14ac:dyDescent="0.25">
      <c r="D15460" s="6">
        <v>436.07810000000001</v>
      </c>
      <c r="E15460" s="6">
        <v>2658.3330000000001</v>
      </c>
    </row>
    <row r="15461" spans="4:5" x14ac:dyDescent="0.25">
      <c r="D15461" s="6">
        <v>378.92500000000001</v>
      </c>
      <c r="E15461" s="6">
        <v>7079.0770000000002</v>
      </c>
    </row>
    <row r="15462" spans="4:5" x14ac:dyDescent="0.25">
      <c r="D15462" s="6">
        <v>394.34350000000001</v>
      </c>
      <c r="E15462" s="6">
        <v>7444.2359999999999</v>
      </c>
    </row>
    <row r="15463" spans="4:5" x14ac:dyDescent="0.25">
      <c r="D15463" s="6">
        <v>454.41500000000002</v>
      </c>
      <c r="E15463" s="6">
        <v>2451.9470000000001</v>
      </c>
    </row>
    <row r="15464" spans="4:5" x14ac:dyDescent="0.25">
      <c r="D15464" s="6">
        <v>442.45429999999999</v>
      </c>
      <c r="E15464" s="6">
        <v>1712.88</v>
      </c>
    </row>
    <row r="15465" spans="4:5" x14ac:dyDescent="0.25">
      <c r="D15465" s="6">
        <v>1331.0650000000001</v>
      </c>
      <c r="E15465" s="6">
        <v>675.77949999999998</v>
      </c>
    </row>
    <row r="15466" spans="4:5" x14ac:dyDescent="0.25">
      <c r="D15466" s="6">
        <v>440.79649999999998</v>
      </c>
      <c r="E15466" s="6">
        <v>621.63480000000004</v>
      </c>
    </row>
    <row r="15467" spans="4:5" x14ac:dyDescent="0.25">
      <c r="D15467" s="6">
        <v>579</v>
      </c>
      <c r="E15467" s="6">
        <v>841.08079999999995</v>
      </c>
    </row>
    <row r="15468" spans="4:5" x14ac:dyDescent="0.25">
      <c r="D15468" s="6">
        <v>528.45079999999996</v>
      </c>
      <c r="E15468" s="6">
        <v>639.37900000000002</v>
      </c>
    </row>
    <row r="15469" spans="4:5" x14ac:dyDescent="0.25">
      <c r="D15469" s="6">
        <v>545.69320000000005</v>
      </c>
      <c r="E15469" s="6">
        <v>833.34190000000001</v>
      </c>
    </row>
    <row r="15470" spans="4:5" x14ac:dyDescent="0.25">
      <c r="D15470" s="6">
        <v>721.35929999999996</v>
      </c>
      <c r="E15470" s="6">
        <v>745.18719999999996</v>
      </c>
    </row>
    <row r="15471" spans="4:5" x14ac:dyDescent="0.25">
      <c r="D15471" s="6">
        <v>530.04819999999995</v>
      </c>
      <c r="E15471" s="6">
        <v>1147.7760000000001</v>
      </c>
    </row>
    <row r="15472" spans="4:5" x14ac:dyDescent="0.25">
      <c r="D15472" s="6">
        <v>5307.6469999999999</v>
      </c>
      <c r="E15472" s="6">
        <v>713.64250000000004</v>
      </c>
    </row>
    <row r="15473" spans="4:5" x14ac:dyDescent="0.25">
      <c r="D15473" s="6">
        <v>518.33500000000004</v>
      </c>
      <c r="E15473" s="6">
        <v>805.72379999999998</v>
      </c>
    </row>
    <row r="15474" spans="4:5" x14ac:dyDescent="0.25">
      <c r="D15474" s="6">
        <v>529.91449999999998</v>
      </c>
      <c r="E15474" s="6">
        <v>5338.08</v>
      </c>
    </row>
    <row r="15475" spans="4:5" x14ac:dyDescent="0.25">
      <c r="D15475" s="6">
        <v>2431.9969999999998</v>
      </c>
      <c r="E15475" s="6">
        <v>648.34339999999997</v>
      </c>
    </row>
    <row r="15476" spans="4:5" x14ac:dyDescent="0.25">
      <c r="D15476" s="6">
        <v>571.86120000000005</v>
      </c>
      <c r="E15476" s="6">
        <v>774.96</v>
      </c>
    </row>
    <row r="15477" spans="4:5" x14ac:dyDescent="0.25">
      <c r="D15477" s="6">
        <v>3031.6869999999999</v>
      </c>
      <c r="E15477" s="6">
        <v>3141.4380000000001</v>
      </c>
    </row>
    <row r="15478" spans="4:5" x14ac:dyDescent="0.25">
      <c r="D15478" s="6">
        <v>540.34889999999996</v>
      </c>
      <c r="E15478" s="6">
        <v>797.9896</v>
      </c>
    </row>
    <row r="15479" spans="4:5" x14ac:dyDescent="0.25">
      <c r="D15479" s="6">
        <v>2814.2370000000001</v>
      </c>
      <c r="E15479" s="6">
        <v>778.96130000000005</v>
      </c>
    </row>
    <row r="15480" spans="4:5" x14ac:dyDescent="0.25">
      <c r="D15480" s="6">
        <v>583.23009999999999</v>
      </c>
      <c r="E15480" s="6">
        <v>1532.5640000000001</v>
      </c>
    </row>
    <row r="15481" spans="4:5" x14ac:dyDescent="0.25">
      <c r="D15481" s="6">
        <v>2495.837</v>
      </c>
      <c r="E15481" s="6">
        <v>5938.5640000000003</v>
      </c>
    </row>
    <row r="15482" spans="4:5" x14ac:dyDescent="0.25">
      <c r="D15482" s="6">
        <v>443.42770000000002</v>
      </c>
      <c r="E15482" s="6">
        <v>8067.9139999999998</v>
      </c>
    </row>
    <row r="15483" spans="4:5" x14ac:dyDescent="0.25">
      <c r="D15483" s="6">
        <v>476.07839999999999</v>
      </c>
      <c r="E15483" s="6">
        <v>755.80420000000004</v>
      </c>
    </row>
    <row r="15484" spans="4:5" x14ac:dyDescent="0.25">
      <c r="D15484" s="6">
        <v>414.52080000000001</v>
      </c>
      <c r="E15484" s="6">
        <v>2325.9670000000001</v>
      </c>
    </row>
    <row r="15485" spans="4:5" x14ac:dyDescent="0.25">
      <c r="D15485" s="6">
        <v>6555.3990000000003</v>
      </c>
      <c r="E15485" s="6">
        <v>733.91750000000002</v>
      </c>
    </row>
    <row r="15486" spans="4:5" x14ac:dyDescent="0.25">
      <c r="D15486" s="6">
        <v>626.37760000000003</v>
      </c>
      <c r="E15486" s="6">
        <v>896.82860000000005</v>
      </c>
    </row>
    <row r="15487" spans="4:5" x14ac:dyDescent="0.25">
      <c r="D15487" s="6">
        <v>462.47620000000001</v>
      </c>
      <c r="E15487" s="6">
        <v>727.73789999999997</v>
      </c>
    </row>
    <row r="15488" spans="4:5" x14ac:dyDescent="0.25">
      <c r="D15488" s="6">
        <v>487.53160000000003</v>
      </c>
      <c r="E15488" s="6">
        <v>599.89520000000005</v>
      </c>
    </row>
    <row r="15489" spans="4:5" x14ac:dyDescent="0.25">
      <c r="D15489" s="6">
        <v>813.1789</v>
      </c>
      <c r="E15489" s="6">
        <v>1309.171</v>
      </c>
    </row>
    <row r="15490" spans="4:5" x14ac:dyDescent="0.25">
      <c r="D15490" s="6">
        <v>600.24369999999999</v>
      </c>
      <c r="E15490" s="6">
        <v>5990.1840000000002</v>
      </c>
    </row>
    <row r="15491" spans="4:5" x14ac:dyDescent="0.25">
      <c r="D15491" s="6">
        <v>552.32429999999999</v>
      </c>
      <c r="E15491" s="6">
        <v>5489.6880000000001</v>
      </c>
    </row>
    <row r="15492" spans="4:5" x14ac:dyDescent="0.25">
      <c r="D15492" s="6">
        <v>686.35649999999998</v>
      </c>
      <c r="E15492" s="6">
        <v>1458.47</v>
      </c>
    </row>
    <row r="15493" spans="4:5" x14ac:dyDescent="0.25">
      <c r="D15493" s="6">
        <v>585.35379999999998</v>
      </c>
      <c r="E15493" s="6">
        <v>4303.07</v>
      </c>
    </row>
    <row r="15494" spans="4:5" x14ac:dyDescent="0.25">
      <c r="D15494" s="6">
        <v>942.62239999999997</v>
      </c>
      <c r="E15494" s="6">
        <v>570.71410000000003</v>
      </c>
    </row>
    <row r="15495" spans="4:5" x14ac:dyDescent="0.25">
      <c r="D15495" s="6">
        <v>1145.8520000000001</v>
      </c>
      <c r="E15495" s="6">
        <v>6673.86</v>
      </c>
    </row>
    <row r="15496" spans="4:5" x14ac:dyDescent="0.25">
      <c r="D15496" s="6">
        <v>495.9169</v>
      </c>
      <c r="E15496" s="6">
        <v>1788.146</v>
      </c>
    </row>
    <row r="15497" spans="4:5" x14ac:dyDescent="0.25">
      <c r="D15497" s="6">
        <v>453.04</v>
      </c>
      <c r="E15497" s="6">
        <v>3674.8150000000001</v>
      </c>
    </row>
    <row r="15498" spans="4:5" x14ac:dyDescent="0.25">
      <c r="D15498" s="6">
        <v>510.05419999999998</v>
      </c>
      <c r="E15498" s="6">
        <v>1295.1130000000001</v>
      </c>
    </row>
    <row r="15499" spans="4:5" x14ac:dyDescent="0.25">
      <c r="D15499" s="6">
        <v>696.66110000000003</v>
      </c>
      <c r="E15499" s="6">
        <v>749.33680000000004</v>
      </c>
    </row>
    <row r="15500" spans="4:5" x14ac:dyDescent="0.25">
      <c r="D15500" s="6">
        <v>475.09379999999999</v>
      </c>
      <c r="E15500" s="6">
        <v>625.86580000000004</v>
      </c>
    </row>
    <row r="15501" spans="4:5" x14ac:dyDescent="0.25">
      <c r="D15501" s="6">
        <v>5450.2430000000004</v>
      </c>
      <c r="E15501" s="6">
        <v>864.94079999999997</v>
      </c>
    </row>
    <row r="15502" spans="4:5" x14ac:dyDescent="0.25">
      <c r="D15502" s="6">
        <v>593.00419999999997</v>
      </c>
      <c r="E15502" s="6">
        <v>3341.194</v>
      </c>
    </row>
    <row r="15503" spans="4:5" x14ac:dyDescent="0.25">
      <c r="D15503" s="6">
        <v>5950.89</v>
      </c>
      <c r="E15503" s="6">
        <v>2601.7220000000002</v>
      </c>
    </row>
    <row r="15504" spans="4:5" x14ac:dyDescent="0.25">
      <c r="D15504" s="6">
        <v>525.37049999999999</v>
      </c>
      <c r="E15504" s="6">
        <v>800.64239999999995</v>
      </c>
    </row>
    <row r="15505" spans="4:5" x14ac:dyDescent="0.25">
      <c r="D15505" s="6">
        <v>570.25360000000001</v>
      </c>
      <c r="E15505" s="6">
        <v>552.17859999999996</v>
      </c>
    </row>
    <row r="15506" spans="4:5" x14ac:dyDescent="0.25">
      <c r="D15506" s="6">
        <v>582.25080000000003</v>
      </c>
      <c r="E15506" s="6">
        <v>768.49559999999997</v>
      </c>
    </row>
    <row r="15507" spans="4:5" x14ac:dyDescent="0.25">
      <c r="D15507" s="6">
        <v>5071.3109999999997</v>
      </c>
      <c r="E15507" s="6">
        <v>5643.9219999999996</v>
      </c>
    </row>
    <row r="15508" spans="4:5" x14ac:dyDescent="0.25">
      <c r="D15508" s="6">
        <v>1135.181</v>
      </c>
      <c r="E15508" s="6">
        <v>6803.9759999999997</v>
      </c>
    </row>
    <row r="15509" spans="4:5" x14ac:dyDescent="0.25">
      <c r="D15509" s="6">
        <v>6353.3959999999997</v>
      </c>
      <c r="E15509" s="6">
        <v>806.07529999999997</v>
      </c>
    </row>
    <row r="15510" spans="4:5" x14ac:dyDescent="0.25">
      <c r="D15510" s="6">
        <v>460.9178</v>
      </c>
      <c r="E15510" s="6">
        <v>6484.4480000000003</v>
      </c>
    </row>
    <row r="15511" spans="4:5" x14ac:dyDescent="0.25">
      <c r="D15511" s="6">
        <v>447.59410000000003</v>
      </c>
      <c r="E15511" s="6">
        <v>551.57219999999995</v>
      </c>
    </row>
    <row r="15512" spans="4:5" x14ac:dyDescent="0.25">
      <c r="D15512" s="6">
        <v>524.19629999999995</v>
      </c>
      <c r="E15512" s="6">
        <v>1142.6410000000001</v>
      </c>
    </row>
    <row r="15513" spans="4:5" x14ac:dyDescent="0.25">
      <c r="D15513" s="6">
        <v>1425.25</v>
      </c>
      <c r="E15513" s="6">
        <v>926.99850000000004</v>
      </c>
    </row>
    <row r="15514" spans="4:5" x14ac:dyDescent="0.25">
      <c r="D15514" s="6">
        <v>759.64649999999995</v>
      </c>
      <c r="E15514" s="6">
        <v>1661.1010000000001</v>
      </c>
    </row>
    <row r="15515" spans="4:5" x14ac:dyDescent="0.25">
      <c r="D15515" s="6">
        <v>768.25289999999995</v>
      </c>
      <c r="E15515" s="6">
        <v>862.38120000000004</v>
      </c>
    </row>
    <row r="15516" spans="4:5" x14ac:dyDescent="0.25">
      <c r="D15516" s="6">
        <v>5383.2340000000004</v>
      </c>
      <c r="E15516" s="6">
        <v>1534.7380000000001</v>
      </c>
    </row>
    <row r="15517" spans="4:5" x14ac:dyDescent="0.25">
      <c r="D15517" s="6">
        <v>549.0462</v>
      </c>
      <c r="E15517" s="6">
        <v>6975.9489999999996</v>
      </c>
    </row>
    <row r="15518" spans="4:5" x14ac:dyDescent="0.25">
      <c r="D15518" s="6">
        <v>660.83019999999999</v>
      </c>
      <c r="E15518" s="6">
        <v>5902.72</v>
      </c>
    </row>
    <row r="15519" spans="4:5" x14ac:dyDescent="0.25">
      <c r="D15519" s="6">
        <v>4487.9139999999998</v>
      </c>
      <c r="E15519" s="6">
        <v>716.7826</v>
      </c>
    </row>
    <row r="15520" spans="4:5" x14ac:dyDescent="0.25">
      <c r="D15520" s="6">
        <v>419.5</v>
      </c>
      <c r="E15520" s="6">
        <v>849.78039999999999</v>
      </c>
    </row>
    <row r="15521" spans="4:5" x14ac:dyDescent="0.25">
      <c r="D15521" s="6">
        <v>4999.7780000000002</v>
      </c>
      <c r="E15521" s="6">
        <v>717.24490000000003</v>
      </c>
    </row>
    <row r="15522" spans="4:5" x14ac:dyDescent="0.25">
      <c r="D15522" s="6">
        <v>457.87639999999999</v>
      </c>
      <c r="E15522" s="6">
        <v>6532.3109999999997</v>
      </c>
    </row>
    <row r="15523" spans="4:5" x14ac:dyDescent="0.25">
      <c r="D15523" s="6">
        <v>476.96120000000002</v>
      </c>
      <c r="E15523" s="6">
        <v>599.49900000000002</v>
      </c>
    </row>
    <row r="15524" spans="4:5" x14ac:dyDescent="0.25">
      <c r="D15524" s="6">
        <v>544.33109999999999</v>
      </c>
      <c r="E15524" s="6">
        <v>3382.288</v>
      </c>
    </row>
    <row r="15525" spans="4:5" x14ac:dyDescent="0.25">
      <c r="D15525" s="6">
        <v>564.55889999999999</v>
      </c>
      <c r="E15525" s="6">
        <v>644.41160000000002</v>
      </c>
    </row>
    <row r="15526" spans="4:5" x14ac:dyDescent="0.25">
      <c r="D15526" s="6">
        <v>491.25369999999998</v>
      </c>
      <c r="E15526" s="6">
        <v>815.28800000000001</v>
      </c>
    </row>
    <row r="15527" spans="4:5" x14ac:dyDescent="0.25">
      <c r="D15527" s="6">
        <v>468.73500000000001</v>
      </c>
      <c r="E15527" s="6">
        <v>915.44820000000004</v>
      </c>
    </row>
    <row r="15528" spans="4:5" x14ac:dyDescent="0.25">
      <c r="D15528" s="6">
        <v>1211.1559999999999</v>
      </c>
      <c r="E15528" s="6">
        <v>937.97649999999999</v>
      </c>
    </row>
    <row r="15529" spans="4:5" x14ac:dyDescent="0.25">
      <c r="D15529" s="6">
        <v>405.51519999999999</v>
      </c>
      <c r="E15529" s="6">
        <v>1602.04</v>
      </c>
    </row>
    <row r="15530" spans="4:5" x14ac:dyDescent="0.25">
      <c r="D15530" s="6">
        <v>402.1857</v>
      </c>
      <c r="E15530" s="6">
        <v>756.13350000000003</v>
      </c>
    </row>
    <row r="15531" spans="4:5" x14ac:dyDescent="0.25">
      <c r="D15531" s="6">
        <v>572.0856</v>
      </c>
      <c r="E15531" s="6">
        <v>2275.8870000000002</v>
      </c>
    </row>
    <row r="15532" spans="4:5" x14ac:dyDescent="0.25">
      <c r="D15532" s="6">
        <v>568.23580000000004</v>
      </c>
      <c r="E15532" s="6">
        <v>730.18849999999998</v>
      </c>
    </row>
    <row r="15533" spans="4:5" x14ac:dyDescent="0.25">
      <c r="D15533" s="6">
        <v>535.04780000000005</v>
      </c>
      <c r="E15533" s="6">
        <v>650.45370000000003</v>
      </c>
    </row>
    <row r="15534" spans="4:5" x14ac:dyDescent="0.25">
      <c r="D15534" s="6">
        <v>570.63289999999995</v>
      </c>
      <c r="E15534" s="6">
        <v>633.75</v>
      </c>
    </row>
    <row r="15535" spans="4:5" x14ac:dyDescent="0.25">
      <c r="D15535" s="6">
        <v>1798.741</v>
      </c>
      <c r="E15535" s="6">
        <v>719.4</v>
      </c>
    </row>
    <row r="15536" spans="4:5" x14ac:dyDescent="0.25">
      <c r="D15536" s="6">
        <v>5015.4589999999998</v>
      </c>
      <c r="E15536" s="6">
        <v>1085.9090000000001</v>
      </c>
    </row>
    <row r="15537" spans="4:5" x14ac:dyDescent="0.25">
      <c r="D15537" s="6">
        <v>1273.3620000000001</v>
      </c>
      <c r="E15537" s="6">
        <v>7988.7579999999998</v>
      </c>
    </row>
    <row r="15538" spans="4:5" x14ac:dyDescent="0.25">
      <c r="D15538" s="6">
        <v>655.3845</v>
      </c>
      <c r="E15538" s="6">
        <v>1910.4069999999999</v>
      </c>
    </row>
    <row r="15539" spans="4:5" x14ac:dyDescent="0.25">
      <c r="D15539" s="6">
        <v>370.709</v>
      </c>
      <c r="E15539" s="6">
        <v>6470.2039999999997</v>
      </c>
    </row>
    <row r="15540" spans="4:5" x14ac:dyDescent="0.25">
      <c r="D15540" s="6">
        <v>686.72320000000002</v>
      </c>
      <c r="E15540" s="6">
        <v>567.39930000000004</v>
      </c>
    </row>
    <row r="15541" spans="4:5" x14ac:dyDescent="0.25">
      <c r="D15541" s="6">
        <v>741.48979999999995</v>
      </c>
      <c r="E15541" s="6">
        <v>2178.9270000000001</v>
      </c>
    </row>
    <row r="15542" spans="4:5" x14ac:dyDescent="0.25">
      <c r="D15542" s="6">
        <v>481.55450000000002</v>
      </c>
      <c r="E15542" s="6">
        <v>5248.5590000000002</v>
      </c>
    </row>
    <row r="15543" spans="4:5" x14ac:dyDescent="0.25">
      <c r="D15543" s="6">
        <v>4559.2910000000002</v>
      </c>
      <c r="E15543" s="6">
        <v>629.30309999999997</v>
      </c>
    </row>
    <row r="15544" spans="4:5" x14ac:dyDescent="0.25">
      <c r="D15544" s="6">
        <v>603.6309</v>
      </c>
      <c r="E15544" s="6">
        <v>833.36270000000002</v>
      </c>
    </row>
    <row r="15545" spans="4:5" x14ac:dyDescent="0.25">
      <c r="D15545" s="6">
        <v>505.97730000000001</v>
      </c>
      <c r="E15545" s="6">
        <v>800.04160000000002</v>
      </c>
    </row>
    <row r="15546" spans="4:5" x14ac:dyDescent="0.25">
      <c r="D15546" s="6">
        <v>597.54459999999995</v>
      </c>
      <c r="E15546" s="6">
        <v>6190.933</v>
      </c>
    </row>
    <row r="15547" spans="4:5" x14ac:dyDescent="0.25">
      <c r="D15547" s="6">
        <v>461.28089999999997</v>
      </c>
      <c r="E15547" s="6">
        <v>3252.6869999999999</v>
      </c>
    </row>
    <row r="15548" spans="4:5" x14ac:dyDescent="0.25">
      <c r="D15548" s="6">
        <v>570</v>
      </c>
      <c r="E15548" s="6">
        <v>1963.59</v>
      </c>
    </row>
    <row r="15549" spans="4:5" x14ac:dyDescent="0.25">
      <c r="D15549" s="6">
        <v>4561.1229999999996</v>
      </c>
      <c r="E15549" s="6">
        <v>689.1902</v>
      </c>
    </row>
    <row r="15550" spans="4:5" x14ac:dyDescent="0.25">
      <c r="D15550" s="6">
        <v>486.87939999999998</v>
      </c>
      <c r="E15550" s="6">
        <v>657.56359999999995</v>
      </c>
    </row>
    <row r="15551" spans="4:5" x14ac:dyDescent="0.25">
      <c r="D15551" s="6">
        <v>496.23840000000001</v>
      </c>
      <c r="E15551" s="6">
        <v>652.09220000000005</v>
      </c>
    </row>
    <row r="15552" spans="4:5" x14ac:dyDescent="0.25">
      <c r="D15552" s="6">
        <v>468.47199999999998</v>
      </c>
      <c r="E15552" s="6">
        <v>6229.3339999999998</v>
      </c>
    </row>
    <row r="15553" spans="4:5" x14ac:dyDescent="0.25">
      <c r="D15553" s="6">
        <v>574.27530000000002</v>
      </c>
      <c r="E15553" s="6">
        <v>2477.0059999999999</v>
      </c>
    </row>
    <row r="15554" spans="4:5" x14ac:dyDescent="0.25">
      <c r="D15554" s="6">
        <v>417.55489999999998</v>
      </c>
      <c r="E15554" s="6">
        <v>713.31640000000004</v>
      </c>
    </row>
    <row r="15555" spans="4:5" x14ac:dyDescent="0.25">
      <c r="D15555" s="6">
        <v>8024.25</v>
      </c>
      <c r="E15555" s="6">
        <v>4285.5209999999997</v>
      </c>
    </row>
    <row r="15556" spans="4:5" x14ac:dyDescent="0.25">
      <c r="D15556" s="6">
        <v>536.87429999999995</v>
      </c>
      <c r="E15556" s="6">
        <v>506.81290000000001</v>
      </c>
    </row>
    <row r="15557" spans="4:5" x14ac:dyDescent="0.25">
      <c r="D15557" s="6">
        <v>561.12019999999995</v>
      </c>
      <c r="E15557" s="6">
        <v>1679.2539999999999</v>
      </c>
    </row>
    <row r="15558" spans="4:5" x14ac:dyDescent="0.25">
      <c r="D15558" s="6">
        <v>504.66809999999998</v>
      </c>
      <c r="E15558" s="6">
        <v>835.51520000000005</v>
      </c>
    </row>
    <row r="15559" spans="4:5" x14ac:dyDescent="0.25">
      <c r="D15559" s="6">
        <v>4906.2370000000001</v>
      </c>
      <c r="E15559" s="6">
        <v>639.20140000000004</v>
      </c>
    </row>
    <row r="15560" spans="4:5" x14ac:dyDescent="0.25">
      <c r="D15560" s="6">
        <v>7328.5330000000004</v>
      </c>
      <c r="E15560" s="6">
        <v>865.97969999999998</v>
      </c>
    </row>
    <row r="15561" spans="4:5" x14ac:dyDescent="0.25">
      <c r="D15561" s="6">
        <v>1215.492</v>
      </c>
      <c r="E15561" s="6">
        <v>6221.1379999999999</v>
      </c>
    </row>
    <row r="15562" spans="4:5" x14ac:dyDescent="0.25">
      <c r="D15562" s="6">
        <v>507.14920000000001</v>
      </c>
      <c r="E15562" s="6">
        <v>813.5779</v>
      </c>
    </row>
    <row r="15563" spans="4:5" x14ac:dyDescent="0.25">
      <c r="D15563" s="6">
        <v>579.51900000000001</v>
      </c>
      <c r="E15563" s="6">
        <v>729.80889999999999</v>
      </c>
    </row>
    <row r="15564" spans="4:5" x14ac:dyDescent="0.25">
      <c r="D15564" s="6">
        <v>488.25259999999997</v>
      </c>
      <c r="E15564" s="6">
        <v>469.00799999999998</v>
      </c>
    </row>
    <row r="15565" spans="4:5" x14ac:dyDescent="0.25">
      <c r="D15565" s="6">
        <v>463.04360000000003</v>
      </c>
      <c r="E15565" s="6">
        <v>1518.723</v>
      </c>
    </row>
    <row r="15566" spans="4:5" x14ac:dyDescent="0.25">
      <c r="D15566" s="6">
        <v>570.15869999999995</v>
      </c>
      <c r="E15566" s="6">
        <v>598.09140000000002</v>
      </c>
    </row>
    <row r="15567" spans="4:5" x14ac:dyDescent="0.25">
      <c r="D15567" s="6">
        <v>476.78949999999998</v>
      </c>
      <c r="E15567" s="6">
        <v>1602.2570000000001</v>
      </c>
    </row>
    <row r="15568" spans="4:5" x14ac:dyDescent="0.25">
      <c r="D15568" s="6">
        <v>429.94630000000001</v>
      </c>
      <c r="E15568" s="6">
        <v>691.18510000000003</v>
      </c>
    </row>
    <row r="15569" spans="4:5" x14ac:dyDescent="0.25">
      <c r="D15569" s="6">
        <v>947.6789</v>
      </c>
      <c r="E15569" s="6">
        <v>5909.2110000000002</v>
      </c>
    </row>
    <row r="15570" spans="4:5" x14ac:dyDescent="0.25">
      <c r="D15570" s="6">
        <v>5925.0720000000001</v>
      </c>
      <c r="E15570" s="6">
        <v>909.26509999999996</v>
      </c>
    </row>
    <row r="15571" spans="4:5" x14ac:dyDescent="0.25">
      <c r="D15571" s="6">
        <v>594.42169999999999</v>
      </c>
      <c r="E15571" s="6">
        <v>674.31169999999997</v>
      </c>
    </row>
    <row r="15572" spans="4:5" x14ac:dyDescent="0.25">
      <c r="D15572" s="6">
        <v>501.7047</v>
      </c>
      <c r="E15572" s="6">
        <v>709.58420000000001</v>
      </c>
    </row>
    <row r="15573" spans="4:5" x14ac:dyDescent="0.25">
      <c r="D15573" s="6">
        <v>3862.6860000000001</v>
      </c>
      <c r="E15573" s="6">
        <v>587.9461</v>
      </c>
    </row>
    <row r="15574" spans="4:5" x14ac:dyDescent="0.25">
      <c r="D15574" s="6">
        <v>568.89459999999997</v>
      </c>
      <c r="E15574" s="6">
        <v>749.45699999999999</v>
      </c>
    </row>
    <row r="15575" spans="4:5" x14ac:dyDescent="0.25">
      <c r="D15575" s="6">
        <v>462.70030000000003</v>
      </c>
      <c r="E15575" s="6">
        <v>589.19380000000001</v>
      </c>
    </row>
    <row r="15576" spans="4:5" x14ac:dyDescent="0.25">
      <c r="D15576" s="6">
        <v>467.08550000000002</v>
      </c>
      <c r="E15576" s="6">
        <v>702.95140000000004</v>
      </c>
    </row>
    <row r="15577" spans="4:5" x14ac:dyDescent="0.25">
      <c r="D15577" s="6">
        <v>631.0847</v>
      </c>
      <c r="E15577" s="6">
        <v>864.03120000000001</v>
      </c>
    </row>
    <row r="15578" spans="4:5" x14ac:dyDescent="0.25">
      <c r="D15578" s="6">
        <v>5124.3559999999998</v>
      </c>
      <c r="E15578" s="6">
        <v>603.19899999999996</v>
      </c>
    </row>
    <row r="15579" spans="4:5" x14ac:dyDescent="0.25">
      <c r="D15579" s="6">
        <v>507.12900000000002</v>
      </c>
      <c r="E15579" s="6">
        <v>542.64229999999998</v>
      </c>
    </row>
    <row r="15580" spans="4:5" x14ac:dyDescent="0.25">
      <c r="D15580" s="6">
        <v>632.9402</v>
      </c>
      <c r="E15580" s="6">
        <v>5620.1350000000002</v>
      </c>
    </row>
    <row r="15581" spans="4:5" x14ac:dyDescent="0.25">
      <c r="D15581" s="6">
        <v>648.29010000000005</v>
      </c>
      <c r="E15581" s="6">
        <v>841.03330000000005</v>
      </c>
    </row>
    <row r="15582" spans="4:5" x14ac:dyDescent="0.25">
      <c r="D15582" s="6">
        <v>448.61169999999998</v>
      </c>
      <c r="E15582" s="6">
        <v>564.34169999999995</v>
      </c>
    </row>
    <row r="15583" spans="4:5" x14ac:dyDescent="0.25">
      <c r="D15583" s="6">
        <v>726.96349999999995</v>
      </c>
      <c r="E15583" s="6">
        <v>909.44849999999997</v>
      </c>
    </row>
    <row r="15584" spans="4:5" x14ac:dyDescent="0.25">
      <c r="D15584" s="6">
        <v>601.94650000000001</v>
      </c>
      <c r="E15584" s="6">
        <v>559.14300000000003</v>
      </c>
    </row>
    <row r="15585" spans="4:5" x14ac:dyDescent="0.25">
      <c r="D15585" s="6">
        <v>529.6617</v>
      </c>
      <c r="E15585" s="6">
        <v>642.01059999999995</v>
      </c>
    </row>
    <row r="15586" spans="4:5" x14ac:dyDescent="0.25">
      <c r="D15586" s="6">
        <v>561.60910000000001</v>
      </c>
      <c r="E15586" s="6">
        <v>621.58330000000001</v>
      </c>
    </row>
    <row r="15587" spans="4:5" x14ac:dyDescent="0.25">
      <c r="D15587" s="6">
        <v>1416.7760000000001</v>
      </c>
      <c r="E15587" s="6">
        <v>919.8329</v>
      </c>
    </row>
    <row r="15588" spans="4:5" x14ac:dyDescent="0.25">
      <c r="D15588" s="6">
        <v>759.51570000000004</v>
      </c>
      <c r="E15588" s="6">
        <v>654.34810000000004</v>
      </c>
    </row>
    <row r="15589" spans="4:5" x14ac:dyDescent="0.25">
      <c r="D15589" s="6">
        <v>631.36620000000005</v>
      </c>
      <c r="E15589" s="6">
        <v>1315.568</v>
      </c>
    </row>
    <row r="15590" spans="4:5" x14ac:dyDescent="0.25">
      <c r="D15590" s="6">
        <v>855.87390000000005</v>
      </c>
      <c r="E15590" s="6">
        <v>631.31579999999997</v>
      </c>
    </row>
    <row r="15591" spans="4:5" x14ac:dyDescent="0.25">
      <c r="D15591" s="6">
        <v>470.91180000000003</v>
      </c>
      <c r="E15591" s="6">
        <v>578.42430000000002</v>
      </c>
    </row>
    <row r="15592" spans="4:5" x14ac:dyDescent="0.25">
      <c r="D15592" s="6">
        <v>463.28429999999997</v>
      </c>
      <c r="E15592" s="6">
        <v>757.71709999999996</v>
      </c>
    </row>
    <row r="15593" spans="4:5" x14ac:dyDescent="0.25">
      <c r="D15593" s="6">
        <v>1580.797</v>
      </c>
      <c r="E15593" s="6">
        <v>812.43190000000004</v>
      </c>
    </row>
    <row r="15594" spans="4:5" x14ac:dyDescent="0.25">
      <c r="D15594" s="6">
        <v>488.78309999999999</v>
      </c>
      <c r="E15594" s="6">
        <v>576.74149999999997</v>
      </c>
    </row>
    <row r="15595" spans="4:5" x14ac:dyDescent="0.25">
      <c r="D15595" s="6">
        <v>5098.9570000000003</v>
      </c>
      <c r="E15595" s="6">
        <v>1896.4159999999999</v>
      </c>
    </row>
    <row r="15596" spans="4:5" x14ac:dyDescent="0.25">
      <c r="D15596" s="6">
        <v>494.11790000000002</v>
      </c>
      <c r="E15596" s="6">
        <v>860.03819999999996</v>
      </c>
    </row>
    <row r="15597" spans="4:5" x14ac:dyDescent="0.25">
      <c r="D15597" s="6">
        <v>777.70209999999997</v>
      </c>
      <c r="E15597" s="6">
        <v>466.06319999999999</v>
      </c>
    </row>
    <row r="15598" spans="4:5" x14ac:dyDescent="0.25">
      <c r="D15598" s="6">
        <v>480.7731</v>
      </c>
      <c r="E15598" s="6">
        <v>560.71630000000005</v>
      </c>
    </row>
    <row r="15599" spans="4:5" x14ac:dyDescent="0.25">
      <c r="D15599" s="6">
        <v>5424.1260000000002</v>
      </c>
      <c r="E15599" s="6">
        <v>6022.1329999999998</v>
      </c>
    </row>
    <row r="15600" spans="4:5" x14ac:dyDescent="0.25">
      <c r="D15600" s="6">
        <v>454.34719999999999</v>
      </c>
      <c r="E15600" s="6">
        <v>2656.1750000000002</v>
      </c>
    </row>
    <row r="15601" spans="4:5" x14ac:dyDescent="0.25">
      <c r="D15601" s="6">
        <v>534.15110000000004</v>
      </c>
      <c r="E15601" s="6">
        <v>612.89340000000004</v>
      </c>
    </row>
    <row r="15602" spans="4:5" x14ac:dyDescent="0.25">
      <c r="D15602" s="6">
        <v>2775.2579999999998</v>
      </c>
      <c r="E15602" s="6">
        <v>4795.2209999999995</v>
      </c>
    </row>
    <row r="15603" spans="4:5" x14ac:dyDescent="0.25">
      <c r="D15603" s="6">
        <v>426.43029999999999</v>
      </c>
      <c r="E15603" s="6">
        <v>1009.67</v>
      </c>
    </row>
    <row r="15604" spans="4:5" x14ac:dyDescent="0.25">
      <c r="D15604" s="6">
        <v>2403.915</v>
      </c>
      <c r="E15604" s="6">
        <v>560.13990000000001</v>
      </c>
    </row>
    <row r="15605" spans="4:5" x14ac:dyDescent="0.25">
      <c r="D15605" s="6">
        <v>455.2987</v>
      </c>
      <c r="E15605" s="6">
        <v>757.33699999999999</v>
      </c>
    </row>
    <row r="15606" spans="4:5" x14ac:dyDescent="0.25">
      <c r="D15606" s="6">
        <v>496.6712</v>
      </c>
      <c r="E15606" s="6">
        <v>671.50990000000002</v>
      </c>
    </row>
    <row r="15607" spans="4:5" x14ac:dyDescent="0.25">
      <c r="D15607" s="6">
        <v>715.77890000000002</v>
      </c>
      <c r="E15607" s="6">
        <v>7080.5420000000004</v>
      </c>
    </row>
    <row r="15608" spans="4:5" x14ac:dyDescent="0.25">
      <c r="D15608" s="6">
        <v>406.93180000000001</v>
      </c>
      <c r="E15608" s="6">
        <v>1032.7349999999999</v>
      </c>
    </row>
    <row r="15609" spans="4:5" x14ac:dyDescent="0.25">
      <c r="D15609" s="6">
        <v>573.40279999999996</v>
      </c>
      <c r="E15609" s="6">
        <v>2063.9839999999999</v>
      </c>
    </row>
    <row r="15610" spans="4:5" x14ac:dyDescent="0.25">
      <c r="D15610" s="6">
        <v>699.34670000000006</v>
      </c>
      <c r="E15610" s="6">
        <v>823.64340000000004</v>
      </c>
    </row>
    <row r="15611" spans="4:5" x14ac:dyDescent="0.25">
      <c r="D15611" s="6">
        <v>5849.7849999999999</v>
      </c>
      <c r="E15611" s="6">
        <v>782.27670000000001</v>
      </c>
    </row>
    <row r="15612" spans="4:5" x14ac:dyDescent="0.25">
      <c r="D15612" s="6">
        <v>6167.951</v>
      </c>
      <c r="E15612" s="6">
        <v>662.82190000000003</v>
      </c>
    </row>
    <row r="15613" spans="4:5" x14ac:dyDescent="0.25">
      <c r="D15613" s="6">
        <v>438.33240000000001</v>
      </c>
      <c r="E15613" s="6">
        <v>629.55830000000003</v>
      </c>
    </row>
    <row r="15614" spans="4:5" x14ac:dyDescent="0.25">
      <c r="D15614" s="6">
        <v>500.86070000000001</v>
      </c>
      <c r="E15614" s="6">
        <v>5722.4660000000003</v>
      </c>
    </row>
    <row r="15615" spans="4:5" x14ac:dyDescent="0.25">
      <c r="D15615" s="6">
        <v>846.75</v>
      </c>
      <c r="E15615" s="6">
        <v>1911.732</v>
      </c>
    </row>
    <row r="15616" spans="4:5" x14ac:dyDescent="0.25">
      <c r="D15616" s="6">
        <v>535.03710000000001</v>
      </c>
      <c r="E15616" s="6">
        <v>744.88109999999995</v>
      </c>
    </row>
    <row r="15617" spans="4:5" x14ac:dyDescent="0.25">
      <c r="D15617" s="6">
        <v>484.85079999999999</v>
      </c>
      <c r="E15617" s="6">
        <v>757.32629999999995</v>
      </c>
    </row>
    <row r="15618" spans="4:5" x14ac:dyDescent="0.25">
      <c r="D15618" s="6">
        <v>514.83399999999995</v>
      </c>
      <c r="E15618" s="6">
        <v>628.43830000000003</v>
      </c>
    </row>
    <row r="15619" spans="4:5" x14ac:dyDescent="0.25">
      <c r="D15619" s="6">
        <v>715.39869999999996</v>
      </c>
      <c r="E15619" s="6">
        <v>533.5625</v>
      </c>
    </row>
    <row r="15620" spans="4:5" x14ac:dyDescent="0.25">
      <c r="D15620" s="6">
        <v>502.42439999999999</v>
      </c>
      <c r="E15620" s="6">
        <v>658.23500000000001</v>
      </c>
    </row>
    <row r="15621" spans="4:5" x14ac:dyDescent="0.25">
      <c r="D15621" s="6">
        <v>590.36689999999999</v>
      </c>
      <c r="E15621" s="6">
        <v>1585.06</v>
      </c>
    </row>
    <row r="15622" spans="4:5" x14ac:dyDescent="0.25">
      <c r="D15622" s="6">
        <v>391.22480000000002</v>
      </c>
      <c r="E15622" s="6">
        <v>606.42370000000005</v>
      </c>
    </row>
    <row r="15623" spans="4:5" x14ac:dyDescent="0.25">
      <c r="D15623" s="6">
        <v>9970.3330000000005</v>
      </c>
      <c r="E15623" s="6">
        <v>869.82169999999996</v>
      </c>
    </row>
    <row r="15624" spans="4:5" x14ac:dyDescent="0.25">
      <c r="D15624" s="6">
        <v>562.31169999999997</v>
      </c>
      <c r="E15624" s="6">
        <v>851.92070000000001</v>
      </c>
    </row>
    <row r="15625" spans="4:5" x14ac:dyDescent="0.25">
      <c r="D15625" s="6">
        <v>475.0831</v>
      </c>
      <c r="E15625" s="6">
        <v>573.12270000000001</v>
      </c>
    </row>
    <row r="15626" spans="4:5" x14ac:dyDescent="0.25">
      <c r="D15626" s="6">
        <v>654.9819</v>
      </c>
      <c r="E15626" s="6">
        <v>761.9588</v>
      </c>
    </row>
    <row r="15627" spans="4:5" x14ac:dyDescent="0.25">
      <c r="D15627" s="6">
        <v>558.68669999999997</v>
      </c>
      <c r="E15627" s="6">
        <v>730.35059999999999</v>
      </c>
    </row>
    <row r="15628" spans="4:5" x14ac:dyDescent="0.25">
      <c r="D15628" s="6">
        <v>3395.6</v>
      </c>
      <c r="E15628" s="6">
        <v>647.36950000000002</v>
      </c>
    </row>
    <row r="15629" spans="4:5" x14ac:dyDescent="0.25">
      <c r="D15629" s="6">
        <v>453.42500000000001</v>
      </c>
      <c r="E15629" s="6">
        <v>722.88319999999999</v>
      </c>
    </row>
    <row r="15630" spans="4:5" x14ac:dyDescent="0.25">
      <c r="D15630" s="6">
        <v>3138.1570000000002</v>
      </c>
      <c r="E15630" s="6">
        <v>886.15639999999996</v>
      </c>
    </row>
    <row r="15631" spans="4:5" x14ac:dyDescent="0.25">
      <c r="D15631" s="6">
        <v>1593.24</v>
      </c>
      <c r="E15631" s="6">
        <v>642.12810000000002</v>
      </c>
    </row>
    <row r="15632" spans="4:5" x14ac:dyDescent="0.25">
      <c r="D15632" s="6">
        <v>4795.0889999999999</v>
      </c>
      <c r="E15632" s="6">
        <v>671.3501</v>
      </c>
    </row>
    <row r="15633" spans="4:5" x14ac:dyDescent="0.25">
      <c r="D15633" s="6">
        <v>429.80759999999998</v>
      </c>
      <c r="E15633" s="6">
        <v>559.87030000000004</v>
      </c>
    </row>
    <row r="15634" spans="4:5" x14ac:dyDescent="0.25">
      <c r="D15634" s="6">
        <v>558.32899999999995</v>
      </c>
      <c r="E15634" s="6">
        <v>804.05809999999997</v>
      </c>
    </row>
    <row r="15635" spans="4:5" x14ac:dyDescent="0.25">
      <c r="D15635" s="6">
        <v>492.8039</v>
      </c>
      <c r="E15635" s="6">
        <v>726.20899999999995</v>
      </c>
    </row>
    <row r="15636" spans="4:5" x14ac:dyDescent="0.25">
      <c r="D15636" s="6">
        <v>3369.0050000000001</v>
      </c>
      <c r="E15636" s="6">
        <v>664.80899999999997</v>
      </c>
    </row>
    <row r="15637" spans="4:5" x14ac:dyDescent="0.25">
      <c r="D15637" s="6">
        <v>493.00189999999998</v>
      </c>
      <c r="E15637" s="6">
        <v>979.80119999999999</v>
      </c>
    </row>
    <row r="15638" spans="4:5" x14ac:dyDescent="0.25">
      <c r="D15638" s="6">
        <v>550.16740000000004</v>
      </c>
      <c r="E15638" s="6">
        <v>767.60609999999997</v>
      </c>
    </row>
    <row r="15639" spans="4:5" x14ac:dyDescent="0.25">
      <c r="D15639" s="6">
        <v>525.00819999999999</v>
      </c>
      <c r="E15639" s="6">
        <v>1274.8330000000001</v>
      </c>
    </row>
    <row r="15640" spans="4:5" x14ac:dyDescent="0.25">
      <c r="D15640" s="6">
        <v>555.41200000000003</v>
      </c>
      <c r="E15640" s="6">
        <v>5374.7420000000002</v>
      </c>
    </row>
    <row r="15641" spans="4:5" x14ac:dyDescent="0.25">
      <c r="D15641" s="6">
        <v>444.2362</v>
      </c>
      <c r="E15641" s="6">
        <v>612.28859999999997</v>
      </c>
    </row>
    <row r="15642" spans="4:5" x14ac:dyDescent="0.25">
      <c r="D15642" s="6">
        <v>476.29230000000001</v>
      </c>
      <c r="E15642" s="6">
        <v>1805.021</v>
      </c>
    </row>
    <row r="15643" spans="4:5" x14ac:dyDescent="0.25">
      <c r="D15643" s="6">
        <v>517.77629999999999</v>
      </c>
      <c r="E15643" s="6">
        <v>4902.0649999999996</v>
      </c>
    </row>
    <row r="15644" spans="4:5" x14ac:dyDescent="0.25">
      <c r="D15644" s="6">
        <v>947</v>
      </c>
      <c r="E15644" s="6">
        <v>928.45</v>
      </c>
    </row>
    <row r="15645" spans="4:5" x14ac:dyDescent="0.25">
      <c r="D15645" s="6">
        <v>510.43799999999999</v>
      </c>
      <c r="E15645" s="6">
        <v>2143.116</v>
      </c>
    </row>
    <row r="15646" spans="4:5" x14ac:dyDescent="0.25">
      <c r="D15646" s="6">
        <v>484.06920000000002</v>
      </c>
      <c r="E15646" s="6">
        <v>583.59979999999996</v>
      </c>
    </row>
    <row r="15647" spans="4:5" x14ac:dyDescent="0.25">
      <c r="D15647" s="6">
        <v>2076.556</v>
      </c>
      <c r="E15647" s="6">
        <v>591.00419999999997</v>
      </c>
    </row>
    <row r="15648" spans="4:5" x14ac:dyDescent="0.25">
      <c r="D15648" s="6">
        <v>524.0598</v>
      </c>
      <c r="E15648" s="6">
        <v>2404.11</v>
      </c>
    </row>
    <row r="15649" spans="4:5" x14ac:dyDescent="0.25">
      <c r="D15649" s="6">
        <v>499.62209999999999</v>
      </c>
      <c r="E15649" s="6">
        <v>1751.3789999999999</v>
      </c>
    </row>
    <row r="15650" spans="4:5" x14ac:dyDescent="0.25">
      <c r="D15650" s="6">
        <v>1092.915</v>
      </c>
      <c r="E15650" s="6">
        <v>2260.3519999999999</v>
      </c>
    </row>
    <row r="15651" spans="4:5" x14ac:dyDescent="0.25">
      <c r="D15651" s="6">
        <v>1282.3620000000001</v>
      </c>
      <c r="E15651" s="6">
        <v>2008.8150000000001</v>
      </c>
    </row>
    <row r="15652" spans="4:5" x14ac:dyDescent="0.25">
      <c r="D15652" s="6">
        <v>543.88239999999996</v>
      </c>
      <c r="E15652" s="6">
        <v>764.15980000000002</v>
      </c>
    </row>
    <row r="15653" spans="4:5" x14ac:dyDescent="0.25">
      <c r="D15653" s="6">
        <v>523.38009999999997</v>
      </c>
      <c r="E15653" s="6">
        <v>622.28930000000003</v>
      </c>
    </row>
    <row r="15654" spans="4:5" x14ac:dyDescent="0.25">
      <c r="D15654" s="6">
        <v>673.78859999999997</v>
      </c>
      <c r="E15654" s="6">
        <v>1261.43</v>
      </c>
    </row>
    <row r="15655" spans="4:5" x14ac:dyDescent="0.25">
      <c r="D15655" s="6">
        <v>468.02350000000001</v>
      </c>
      <c r="E15655" s="6">
        <v>598.45399999999995</v>
      </c>
    </row>
    <row r="15656" spans="4:5" x14ac:dyDescent="0.25">
      <c r="D15656" s="6">
        <v>742.5</v>
      </c>
      <c r="E15656" s="6">
        <v>676.35080000000005</v>
      </c>
    </row>
    <row r="15657" spans="4:5" x14ac:dyDescent="0.25">
      <c r="D15657" s="6">
        <v>3320</v>
      </c>
      <c r="E15657" s="6">
        <v>1166.2750000000001</v>
      </c>
    </row>
    <row r="15658" spans="4:5" x14ac:dyDescent="0.25">
      <c r="D15658" s="6">
        <v>436.29680000000002</v>
      </c>
      <c r="E15658" s="6">
        <v>1352.213</v>
      </c>
    </row>
    <row r="15659" spans="4:5" x14ac:dyDescent="0.25">
      <c r="D15659" s="6">
        <v>552.06859999999995</v>
      </c>
      <c r="E15659" s="6">
        <v>572.12070000000006</v>
      </c>
    </row>
    <row r="15660" spans="4:5" x14ac:dyDescent="0.25">
      <c r="D15660" s="6">
        <v>477.4212</v>
      </c>
      <c r="E15660" s="6">
        <v>1899.4</v>
      </c>
    </row>
    <row r="15661" spans="4:5" x14ac:dyDescent="0.25">
      <c r="D15661" s="6">
        <v>508.44670000000002</v>
      </c>
      <c r="E15661" s="6">
        <v>675.68309999999997</v>
      </c>
    </row>
    <row r="15662" spans="4:5" x14ac:dyDescent="0.25">
      <c r="D15662" s="6">
        <v>5345.0770000000002</v>
      </c>
      <c r="E15662" s="6">
        <v>851.28890000000001</v>
      </c>
    </row>
    <row r="15663" spans="4:5" x14ac:dyDescent="0.25">
      <c r="D15663" s="6">
        <v>7399.1570000000002</v>
      </c>
      <c r="E15663" s="6">
        <v>644.70830000000001</v>
      </c>
    </row>
    <row r="15664" spans="4:5" x14ac:dyDescent="0.25">
      <c r="D15664" s="6">
        <v>581.6748</v>
      </c>
      <c r="E15664" s="6">
        <v>697.99390000000005</v>
      </c>
    </row>
    <row r="15665" spans="4:5" x14ac:dyDescent="0.25">
      <c r="D15665" s="6">
        <v>617.23990000000003</v>
      </c>
      <c r="E15665" s="6">
        <v>4748.4709999999995</v>
      </c>
    </row>
    <row r="15666" spans="4:5" x14ac:dyDescent="0.25">
      <c r="D15666" s="6">
        <v>646.51289999999995</v>
      </c>
      <c r="E15666" s="6">
        <v>2605.6210000000001</v>
      </c>
    </row>
    <row r="15667" spans="4:5" x14ac:dyDescent="0.25">
      <c r="D15667" s="6">
        <v>4313.6480000000001</v>
      </c>
      <c r="E15667" s="6">
        <v>747.17589999999996</v>
      </c>
    </row>
    <row r="15668" spans="4:5" x14ac:dyDescent="0.25">
      <c r="D15668" s="6">
        <v>9035.75</v>
      </c>
      <c r="E15668" s="6">
        <v>692.18979999999999</v>
      </c>
    </row>
    <row r="15669" spans="4:5" x14ac:dyDescent="0.25">
      <c r="D15669" s="6">
        <v>1467.7909999999999</v>
      </c>
      <c r="E15669" s="6">
        <v>814.38310000000001</v>
      </c>
    </row>
    <row r="15670" spans="4:5" x14ac:dyDescent="0.25">
      <c r="D15670" s="6">
        <v>675.28340000000003</v>
      </c>
      <c r="E15670" s="6">
        <v>5790.2110000000002</v>
      </c>
    </row>
    <row r="15671" spans="4:5" x14ac:dyDescent="0.25">
      <c r="D15671" s="6">
        <v>456.32990000000001</v>
      </c>
      <c r="E15671" s="6">
        <v>784.30719999999997</v>
      </c>
    </row>
    <row r="15672" spans="4:5" x14ac:dyDescent="0.25">
      <c r="D15672" s="6">
        <v>785.93299999999999</v>
      </c>
      <c r="E15672" s="6">
        <v>401.1112</v>
      </c>
    </row>
    <row r="15673" spans="4:5" x14ac:dyDescent="0.25">
      <c r="D15673" s="6">
        <v>725.76329999999996</v>
      </c>
      <c r="E15673" s="6">
        <v>765.29700000000003</v>
      </c>
    </row>
    <row r="15674" spans="4:5" x14ac:dyDescent="0.25">
      <c r="D15674" s="6">
        <v>4283.4470000000001</v>
      </c>
      <c r="E15674" s="6">
        <v>816.97810000000004</v>
      </c>
    </row>
    <row r="15675" spans="4:5" x14ac:dyDescent="0.25">
      <c r="D15675" s="6">
        <v>447.31979999999999</v>
      </c>
      <c r="E15675" s="6">
        <v>2398.165</v>
      </c>
    </row>
    <row r="15676" spans="4:5" x14ac:dyDescent="0.25">
      <c r="D15676" s="6">
        <v>487.52289999999999</v>
      </c>
      <c r="E15676" s="6">
        <v>624.42100000000005</v>
      </c>
    </row>
    <row r="15677" spans="4:5" x14ac:dyDescent="0.25">
      <c r="D15677" s="6">
        <v>364.44349999999997</v>
      </c>
      <c r="E15677" s="6">
        <v>1802.4010000000001</v>
      </c>
    </row>
    <row r="15678" spans="4:5" x14ac:dyDescent="0.25">
      <c r="D15678" s="6">
        <v>6553.6670000000004</v>
      </c>
      <c r="E15678" s="6">
        <v>4236.8379999999997</v>
      </c>
    </row>
    <row r="15679" spans="4:5" x14ac:dyDescent="0.25">
      <c r="D15679" s="6">
        <v>5767.4380000000001</v>
      </c>
      <c r="E15679" s="6">
        <v>872.19010000000003</v>
      </c>
    </row>
    <row r="15680" spans="4:5" x14ac:dyDescent="0.25">
      <c r="D15680" s="6">
        <v>498.65359999999998</v>
      </c>
      <c r="E15680" s="6">
        <v>742.53560000000004</v>
      </c>
    </row>
    <row r="15681" spans="4:5" x14ac:dyDescent="0.25">
      <c r="D15681" s="6">
        <v>595.88829999999996</v>
      </c>
      <c r="E15681" s="6">
        <v>5499.7110000000002</v>
      </c>
    </row>
    <row r="15682" spans="4:5" x14ac:dyDescent="0.25">
      <c r="D15682" s="6">
        <v>4668.0990000000002</v>
      </c>
      <c r="E15682" s="6">
        <v>6261.0839999999998</v>
      </c>
    </row>
    <row r="15683" spans="4:5" x14ac:dyDescent="0.25">
      <c r="D15683" s="6">
        <v>531.14739999999995</v>
      </c>
      <c r="E15683" s="6">
        <v>685.93150000000003</v>
      </c>
    </row>
    <row r="15684" spans="4:5" x14ac:dyDescent="0.25">
      <c r="D15684" s="6">
        <v>561.34460000000001</v>
      </c>
      <c r="E15684" s="6">
        <v>2142.578</v>
      </c>
    </row>
    <row r="15685" spans="4:5" x14ac:dyDescent="0.25">
      <c r="D15685" s="6">
        <v>577.92809999999997</v>
      </c>
      <c r="E15685" s="6">
        <v>646.01509999999996</v>
      </c>
    </row>
    <row r="15686" spans="4:5" x14ac:dyDescent="0.25">
      <c r="D15686" s="6">
        <v>458.71879999999999</v>
      </c>
      <c r="E15686" s="6">
        <v>1116.7940000000001</v>
      </c>
    </row>
    <row r="15687" spans="4:5" x14ac:dyDescent="0.25">
      <c r="D15687" s="6">
        <v>503.99360000000001</v>
      </c>
      <c r="E15687" s="6">
        <v>891.01340000000005</v>
      </c>
    </row>
    <row r="15688" spans="4:5" x14ac:dyDescent="0.25">
      <c r="D15688" s="6">
        <v>580.25959999999998</v>
      </c>
      <c r="E15688" s="6">
        <v>435.88650000000001</v>
      </c>
    </row>
    <row r="15689" spans="4:5" x14ac:dyDescent="0.25">
      <c r="D15689" s="6">
        <v>659.2011</v>
      </c>
      <c r="E15689" s="6">
        <v>955.12750000000005</v>
      </c>
    </row>
    <row r="15690" spans="4:5" x14ac:dyDescent="0.25">
      <c r="D15690" s="6">
        <v>541.73180000000002</v>
      </c>
      <c r="E15690" s="6">
        <v>1622.971</v>
      </c>
    </row>
    <row r="15691" spans="4:5" x14ac:dyDescent="0.25">
      <c r="D15691" s="6">
        <v>570.15840000000003</v>
      </c>
      <c r="E15691" s="6">
        <v>1148.1510000000001</v>
      </c>
    </row>
    <row r="15692" spans="4:5" x14ac:dyDescent="0.25">
      <c r="D15692" s="6">
        <v>971.80719999999997</v>
      </c>
      <c r="E15692" s="6">
        <v>602.86249999999995</v>
      </c>
    </row>
    <row r="15693" spans="4:5" x14ac:dyDescent="0.25">
      <c r="D15693" s="6">
        <v>5707.0870000000004</v>
      </c>
      <c r="E15693" s="6">
        <v>536.40959999999995</v>
      </c>
    </row>
    <row r="15694" spans="4:5" x14ac:dyDescent="0.25">
      <c r="D15694" s="6">
        <v>849.48580000000004</v>
      </c>
      <c r="E15694" s="6">
        <v>1134.404</v>
      </c>
    </row>
    <row r="15695" spans="4:5" x14ac:dyDescent="0.25">
      <c r="D15695" s="6">
        <v>445.47660000000002</v>
      </c>
      <c r="E15695" s="6">
        <v>3390.9569999999999</v>
      </c>
    </row>
    <row r="15696" spans="4:5" x14ac:dyDescent="0.25">
      <c r="D15696" s="6">
        <v>457.57799999999997</v>
      </c>
      <c r="E15696" s="6">
        <v>1468.3610000000001</v>
      </c>
    </row>
    <row r="15697" spans="4:5" x14ac:dyDescent="0.25">
      <c r="D15697" s="6">
        <v>1302.9190000000001</v>
      </c>
      <c r="E15697" s="6">
        <v>784.12819999999999</v>
      </c>
    </row>
    <row r="15698" spans="4:5" x14ac:dyDescent="0.25">
      <c r="D15698" s="6">
        <v>554.08050000000003</v>
      </c>
      <c r="E15698" s="6">
        <v>1082.7670000000001</v>
      </c>
    </row>
    <row r="15699" spans="4:5" x14ac:dyDescent="0.25">
      <c r="D15699" s="6">
        <v>464.4332</v>
      </c>
      <c r="E15699" s="6">
        <v>1406.02</v>
      </c>
    </row>
    <row r="15700" spans="4:5" x14ac:dyDescent="0.25">
      <c r="D15700" s="6">
        <v>1292.547</v>
      </c>
      <c r="E15700" s="6">
        <v>645.07129999999995</v>
      </c>
    </row>
    <row r="15701" spans="4:5" x14ac:dyDescent="0.25">
      <c r="D15701" s="6">
        <v>487.46719999999999</v>
      </c>
      <c r="E15701" s="6">
        <v>621.33600000000001</v>
      </c>
    </row>
    <row r="15702" spans="4:5" x14ac:dyDescent="0.25">
      <c r="D15702" s="6">
        <v>4117.1440000000002</v>
      </c>
      <c r="E15702" s="6">
        <v>513.64679999999998</v>
      </c>
    </row>
    <row r="15703" spans="4:5" x14ac:dyDescent="0.25">
      <c r="D15703" s="6">
        <v>513.6</v>
      </c>
      <c r="E15703" s="6">
        <v>1421.7439999999999</v>
      </c>
    </row>
    <row r="15704" spans="4:5" x14ac:dyDescent="0.25">
      <c r="D15704" s="6">
        <v>5733.0450000000001</v>
      </c>
      <c r="E15704" s="6">
        <v>1021.231</v>
      </c>
    </row>
    <row r="15705" spans="4:5" x14ac:dyDescent="0.25">
      <c r="D15705" s="6">
        <v>886.16319999999996</v>
      </c>
      <c r="E15705" s="6">
        <v>6752.1880000000001</v>
      </c>
    </row>
    <row r="15706" spans="4:5" x14ac:dyDescent="0.25">
      <c r="D15706" s="6">
        <v>604.28530000000001</v>
      </c>
      <c r="E15706" s="6">
        <v>1381.075</v>
      </c>
    </row>
    <row r="15707" spans="4:5" x14ac:dyDescent="0.25">
      <c r="D15707" s="6">
        <v>432.09289999999999</v>
      </c>
      <c r="E15707" s="6">
        <v>727.83529999999996</v>
      </c>
    </row>
    <row r="15708" spans="4:5" x14ac:dyDescent="0.25">
      <c r="D15708" s="6">
        <v>4193.8209999999999</v>
      </c>
      <c r="E15708" s="6">
        <v>559.86069999999995</v>
      </c>
    </row>
    <row r="15709" spans="4:5" x14ac:dyDescent="0.25">
      <c r="D15709" s="6">
        <v>5095.4359999999997</v>
      </c>
      <c r="E15709" s="6">
        <v>6116.2809999999999</v>
      </c>
    </row>
    <row r="15710" spans="4:5" x14ac:dyDescent="0.25">
      <c r="D15710" s="6">
        <v>556.94179999999994</v>
      </c>
      <c r="E15710" s="6">
        <v>965.30870000000004</v>
      </c>
    </row>
    <row r="15711" spans="4:5" x14ac:dyDescent="0.25">
      <c r="D15711" s="6">
        <v>386.18689999999998</v>
      </c>
      <c r="E15711" s="6">
        <v>458.41579999999999</v>
      </c>
    </row>
    <row r="15712" spans="4:5" x14ac:dyDescent="0.25">
      <c r="D15712" s="6">
        <v>584.6662</v>
      </c>
      <c r="E15712" s="6">
        <v>939.26459999999997</v>
      </c>
    </row>
    <row r="15713" spans="4:5" x14ac:dyDescent="0.25">
      <c r="D15713" s="6">
        <v>590.8646</v>
      </c>
      <c r="E15713" s="6">
        <v>661.02419999999995</v>
      </c>
    </row>
    <row r="15714" spans="4:5" x14ac:dyDescent="0.25">
      <c r="D15714" s="6">
        <v>509.25450000000001</v>
      </c>
      <c r="E15714" s="6">
        <v>937.6345</v>
      </c>
    </row>
    <row r="15715" spans="4:5" x14ac:dyDescent="0.25">
      <c r="D15715" s="6">
        <v>513.83669999999995</v>
      </c>
      <c r="E15715" s="6">
        <v>668.15030000000002</v>
      </c>
    </row>
    <row r="15716" spans="4:5" x14ac:dyDescent="0.25">
      <c r="D15716" s="6">
        <v>588.63109999999995</v>
      </c>
      <c r="E15716" s="6">
        <v>761.80920000000003</v>
      </c>
    </row>
    <row r="15717" spans="4:5" x14ac:dyDescent="0.25">
      <c r="D15717" s="6">
        <v>1517.806</v>
      </c>
      <c r="E15717" s="6">
        <v>6328.2529999999997</v>
      </c>
    </row>
    <row r="15718" spans="4:5" x14ac:dyDescent="0.25">
      <c r="D15718" s="6">
        <v>517.92409999999995</v>
      </c>
      <c r="E15718" s="6">
        <v>653.96500000000003</v>
      </c>
    </row>
    <row r="15719" spans="4:5" x14ac:dyDescent="0.25">
      <c r="D15719" s="6">
        <v>511.79719999999998</v>
      </c>
      <c r="E15719" s="6">
        <v>1948.941</v>
      </c>
    </row>
    <row r="15720" spans="4:5" x14ac:dyDescent="0.25">
      <c r="D15720" s="6">
        <v>544.85709999999995</v>
      </c>
      <c r="E15720" s="6">
        <v>934.28160000000003</v>
      </c>
    </row>
    <row r="15721" spans="4:5" x14ac:dyDescent="0.25">
      <c r="D15721" s="6">
        <v>518.94100000000003</v>
      </c>
      <c r="E15721" s="6">
        <v>578.28629999999998</v>
      </c>
    </row>
    <row r="15722" spans="4:5" x14ac:dyDescent="0.25">
      <c r="D15722" s="6">
        <v>482.29969999999997</v>
      </c>
      <c r="E15722" s="6">
        <v>667.24570000000006</v>
      </c>
    </row>
    <row r="15723" spans="4:5" x14ac:dyDescent="0.25">
      <c r="D15723" s="6">
        <v>533.13329999999996</v>
      </c>
      <c r="E15723" s="6">
        <v>2024.4939999999999</v>
      </c>
    </row>
    <row r="15724" spans="4:5" x14ac:dyDescent="0.25">
      <c r="D15724" s="6">
        <v>549.43600000000004</v>
      </c>
      <c r="E15724" s="6">
        <v>657.04870000000005</v>
      </c>
    </row>
    <row r="15725" spans="4:5" x14ac:dyDescent="0.25">
      <c r="D15725" s="6">
        <v>4568.08</v>
      </c>
      <c r="E15725" s="6">
        <v>1082.874</v>
      </c>
    </row>
    <row r="15726" spans="4:5" x14ac:dyDescent="0.25">
      <c r="D15726" s="6">
        <v>528.12419999999997</v>
      </c>
      <c r="E15726" s="6">
        <v>1649.4559999999999</v>
      </c>
    </row>
    <row r="15727" spans="4:5" x14ac:dyDescent="0.25">
      <c r="D15727" s="6">
        <v>4093.1019999999999</v>
      </c>
      <c r="E15727" s="6">
        <v>714.49</v>
      </c>
    </row>
    <row r="15728" spans="4:5" x14ac:dyDescent="0.25">
      <c r="D15728" s="6">
        <v>489.32859999999999</v>
      </c>
      <c r="E15728" s="6">
        <v>5858.3909999999996</v>
      </c>
    </row>
    <row r="15729" spans="4:5" x14ac:dyDescent="0.25">
      <c r="D15729" s="6">
        <v>1878.547</v>
      </c>
      <c r="E15729" s="6">
        <v>745.07330000000002</v>
      </c>
    </row>
    <row r="15730" spans="4:5" x14ac:dyDescent="0.25">
      <c r="D15730" s="6">
        <v>1220</v>
      </c>
      <c r="E15730" s="6">
        <v>1402.4490000000001</v>
      </c>
    </row>
    <row r="15731" spans="4:5" x14ac:dyDescent="0.25">
      <c r="D15731" s="6">
        <v>423.86259999999999</v>
      </c>
      <c r="E15731" s="6">
        <v>714.8827</v>
      </c>
    </row>
    <row r="15732" spans="4:5" x14ac:dyDescent="0.25">
      <c r="D15732" s="6">
        <v>5711.1549999999997</v>
      </c>
      <c r="E15732" s="6">
        <v>5464.25</v>
      </c>
    </row>
    <row r="15733" spans="4:5" x14ac:dyDescent="0.25">
      <c r="D15733" s="6">
        <v>5773.0680000000002</v>
      </c>
      <c r="E15733" s="6">
        <v>6692.2120000000004</v>
      </c>
    </row>
    <row r="15734" spans="4:5" x14ac:dyDescent="0.25">
      <c r="D15734" s="6">
        <v>512.14559999999994</v>
      </c>
      <c r="E15734" s="6">
        <v>2352.9830000000002</v>
      </c>
    </row>
    <row r="15735" spans="4:5" x14ac:dyDescent="0.25">
      <c r="D15735" s="6">
        <v>582.10829999999999</v>
      </c>
      <c r="E15735" s="6">
        <v>619.30730000000005</v>
      </c>
    </row>
    <row r="15736" spans="4:5" x14ac:dyDescent="0.25">
      <c r="D15736" s="6">
        <v>464.04419999999999</v>
      </c>
      <c r="E15736" s="6">
        <v>809.63030000000003</v>
      </c>
    </row>
    <row r="15737" spans="4:5" x14ac:dyDescent="0.25">
      <c r="D15737" s="6">
        <v>1436.7270000000001</v>
      </c>
      <c r="E15737" s="6">
        <v>3830.415</v>
      </c>
    </row>
    <row r="15738" spans="4:5" x14ac:dyDescent="0.25">
      <c r="D15738" s="6">
        <v>5494.808</v>
      </c>
      <c r="E15738" s="6">
        <v>6332.5230000000001</v>
      </c>
    </row>
    <row r="15739" spans="4:5" x14ac:dyDescent="0.25">
      <c r="D15739" s="6">
        <v>494.23540000000003</v>
      </c>
      <c r="E15739" s="6">
        <v>2329.4459999999999</v>
      </c>
    </row>
    <row r="15740" spans="4:5" x14ac:dyDescent="0.25">
      <c r="D15740" s="6">
        <v>712.39340000000004</v>
      </c>
      <c r="E15740" s="6">
        <v>5625.5540000000001</v>
      </c>
    </row>
    <row r="15741" spans="4:5" x14ac:dyDescent="0.25">
      <c r="D15741" s="6">
        <v>577.17049999999995</v>
      </c>
      <c r="E15741" s="6">
        <v>6865.9549999999999</v>
      </c>
    </row>
    <row r="15742" spans="4:5" x14ac:dyDescent="0.25">
      <c r="D15742" s="6">
        <v>2615.9029999999998</v>
      </c>
      <c r="E15742" s="6">
        <v>4700.268</v>
      </c>
    </row>
    <row r="15743" spans="4:5" x14ac:dyDescent="0.25">
      <c r="D15743" s="6">
        <v>884.19569999999999</v>
      </c>
      <c r="E15743" s="6">
        <v>635.66669999999999</v>
      </c>
    </row>
    <row r="15744" spans="4:5" x14ac:dyDescent="0.25">
      <c r="D15744" s="6">
        <v>1264</v>
      </c>
      <c r="E15744" s="6">
        <v>5327.085</v>
      </c>
    </row>
    <row r="15745" spans="4:5" x14ac:dyDescent="0.25">
      <c r="D15745" s="6">
        <v>1375.2909999999999</v>
      </c>
      <c r="E15745" s="6">
        <v>1124.6479999999999</v>
      </c>
    </row>
    <row r="15746" spans="4:5" x14ac:dyDescent="0.25">
      <c r="D15746" s="6">
        <v>944.48360000000002</v>
      </c>
      <c r="E15746" s="6">
        <v>678.17849999999999</v>
      </c>
    </row>
    <row r="15747" spans="4:5" x14ac:dyDescent="0.25">
      <c r="D15747" s="6">
        <v>6183.7470000000003</v>
      </c>
      <c r="E15747" s="6">
        <v>818.48329999999999</v>
      </c>
    </row>
    <row r="15748" spans="4:5" x14ac:dyDescent="0.25">
      <c r="D15748" s="6">
        <v>4793.3580000000002</v>
      </c>
      <c r="E15748" s="6">
        <v>1003.823</v>
      </c>
    </row>
    <row r="15749" spans="4:5" x14ac:dyDescent="0.25">
      <c r="D15749" s="6">
        <v>2904.5</v>
      </c>
      <c r="E15749" s="6">
        <v>758.42510000000004</v>
      </c>
    </row>
    <row r="15750" spans="4:5" x14ac:dyDescent="0.25">
      <c r="D15750" s="6">
        <v>486.649</v>
      </c>
      <c r="E15750" s="6">
        <v>1574.7650000000001</v>
      </c>
    </row>
    <row r="15751" spans="4:5" x14ac:dyDescent="0.25">
      <c r="D15751" s="6">
        <v>608.77890000000002</v>
      </c>
      <c r="E15751" s="6">
        <v>654.61339999999996</v>
      </c>
    </row>
    <row r="15752" spans="4:5" x14ac:dyDescent="0.25">
      <c r="D15752" s="6">
        <v>4949.9480000000003</v>
      </c>
      <c r="E15752" s="6">
        <v>1688.3679999999999</v>
      </c>
    </row>
    <row r="15753" spans="4:5" x14ac:dyDescent="0.25">
      <c r="D15753" s="6">
        <v>526.30370000000005</v>
      </c>
      <c r="E15753" s="6">
        <v>6748.6170000000002</v>
      </c>
    </row>
    <row r="15754" spans="4:5" x14ac:dyDescent="0.25">
      <c r="D15754" s="6">
        <v>497.26740000000001</v>
      </c>
      <c r="E15754" s="6">
        <v>889.36569999999995</v>
      </c>
    </row>
    <row r="15755" spans="4:5" x14ac:dyDescent="0.25">
      <c r="D15755" s="6">
        <v>422.863</v>
      </c>
      <c r="E15755" s="6">
        <v>1198.8599999999999</v>
      </c>
    </row>
    <row r="15756" spans="4:5" x14ac:dyDescent="0.25">
      <c r="D15756" s="6">
        <v>600.95860000000005</v>
      </c>
      <c r="E15756" s="6">
        <v>2637.2109999999998</v>
      </c>
    </row>
    <row r="15757" spans="4:5" x14ac:dyDescent="0.25">
      <c r="D15757" s="6">
        <v>481.42910000000001</v>
      </c>
      <c r="E15757" s="6">
        <v>5155.58</v>
      </c>
    </row>
    <row r="15758" spans="4:5" x14ac:dyDescent="0.25">
      <c r="D15758" s="6">
        <v>588.51679999999999</v>
      </c>
      <c r="E15758" s="6">
        <v>773.66669999999999</v>
      </c>
    </row>
    <row r="15759" spans="4:5" x14ac:dyDescent="0.25">
      <c r="D15759" s="6">
        <v>574.78880000000004</v>
      </c>
      <c r="E15759" s="6">
        <v>5615.2389999999996</v>
      </c>
    </row>
    <row r="15760" spans="4:5" x14ac:dyDescent="0.25">
      <c r="D15760" s="6">
        <v>545.63509999999997</v>
      </c>
      <c r="E15760" s="6">
        <v>695.11749999999995</v>
      </c>
    </row>
    <row r="15761" spans="4:5" x14ac:dyDescent="0.25">
      <c r="D15761" s="6">
        <v>473.17450000000002</v>
      </c>
      <c r="E15761" s="6">
        <v>4162.0439999999999</v>
      </c>
    </row>
    <row r="15762" spans="4:5" x14ac:dyDescent="0.25">
      <c r="D15762" s="6">
        <v>4956.4889999999996</v>
      </c>
      <c r="E15762" s="6">
        <v>1341.5519999999999</v>
      </c>
    </row>
    <row r="15763" spans="4:5" x14ac:dyDescent="0.25">
      <c r="D15763" s="6">
        <v>629.14290000000005</v>
      </c>
      <c r="E15763" s="6">
        <v>667.00279999999998</v>
      </c>
    </row>
    <row r="15764" spans="4:5" x14ac:dyDescent="0.25">
      <c r="D15764" s="6">
        <v>453.58879999999999</v>
      </c>
      <c r="E15764" s="6">
        <v>5497.9440000000004</v>
      </c>
    </row>
    <row r="15765" spans="4:5" x14ac:dyDescent="0.25">
      <c r="D15765" s="6">
        <v>590.14620000000002</v>
      </c>
      <c r="E15765" s="6">
        <v>6212.1530000000002</v>
      </c>
    </row>
    <row r="15766" spans="4:5" x14ac:dyDescent="0.25">
      <c r="D15766" s="6">
        <v>427.19690000000003</v>
      </c>
      <c r="E15766" s="6">
        <v>772.52170000000001</v>
      </c>
    </row>
    <row r="15767" spans="4:5" x14ac:dyDescent="0.25">
      <c r="D15767" s="6">
        <v>543.04089999999997</v>
      </c>
      <c r="E15767" s="6">
        <v>689.39570000000003</v>
      </c>
    </row>
    <row r="15768" spans="4:5" x14ac:dyDescent="0.25">
      <c r="D15768" s="6">
        <v>5915.8819999999996</v>
      </c>
      <c r="E15768" s="6">
        <v>448.78789999999998</v>
      </c>
    </row>
    <row r="15769" spans="4:5" x14ac:dyDescent="0.25">
      <c r="D15769" s="6">
        <v>530.53869999999995</v>
      </c>
      <c r="E15769" s="6">
        <v>2073.3530000000001</v>
      </c>
    </row>
    <row r="15770" spans="4:5" x14ac:dyDescent="0.25">
      <c r="D15770" s="6">
        <v>480.70589999999999</v>
      </c>
      <c r="E15770" s="6">
        <v>588.47709999999995</v>
      </c>
    </row>
    <row r="15771" spans="4:5" x14ac:dyDescent="0.25">
      <c r="D15771" s="6">
        <v>609.98910000000001</v>
      </c>
      <c r="E15771" s="6">
        <v>659.48779999999999</v>
      </c>
    </row>
    <row r="15772" spans="4:5" x14ac:dyDescent="0.25">
      <c r="D15772" s="6">
        <v>583.36469999999997</v>
      </c>
      <c r="E15772" s="6">
        <v>617.68579999999997</v>
      </c>
    </row>
    <row r="15773" spans="4:5" x14ac:dyDescent="0.25">
      <c r="D15773" s="6">
        <v>5002.93</v>
      </c>
      <c r="E15773" s="6">
        <v>3622.6889999999999</v>
      </c>
    </row>
    <row r="15774" spans="4:5" x14ac:dyDescent="0.25">
      <c r="D15774" s="6">
        <v>9783</v>
      </c>
      <c r="E15774" s="6">
        <v>6103.8</v>
      </c>
    </row>
    <row r="15775" spans="4:5" x14ac:dyDescent="0.25">
      <c r="D15775" s="6">
        <v>988.76160000000004</v>
      </c>
      <c r="E15775" s="6">
        <v>1103.1210000000001</v>
      </c>
    </row>
    <row r="15776" spans="4:5" x14ac:dyDescent="0.25">
      <c r="D15776" s="6">
        <v>5014.6670000000004</v>
      </c>
      <c r="E15776" s="6">
        <v>7582.9949999999999</v>
      </c>
    </row>
    <row r="15777" spans="4:5" x14ac:dyDescent="0.25">
      <c r="D15777" s="6">
        <v>450.54820000000001</v>
      </c>
      <c r="E15777" s="6">
        <v>1072.183</v>
      </c>
    </row>
    <row r="15778" spans="4:5" x14ac:dyDescent="0.25">
      <c r="D15778" s="6">
        <v>481.22859999999997</v>
      </c>
      <c r="E15778" s="6">
        <v>1217.596</v>
      </c>
    </row>
    <row r="15779" spans="4:5" x14ac:dyDescent="0.25">
      <c r="D15779" s="6">
        <v>488.0949</v>
      </c>
      <c r="E15779" s="6">
        <v>1134.4280000000001</v>
      </c>
    </row>
    <row r="15780" spans="4:5" x14ac:dyDescent="0.25">
      <c r="D15780" s="6">
        <v>475.92790000000002</v>
      </c>
      <c r="E15780" s="6">
        <v>1615.462</v>
      </c>
    </row>
    <row r="15781" spans="4:5" x14ac:dyDescent="0.25">
      <c r="D15781" s="6">
        <v>629.94889999999998</v>
      </c>
      <c r="E15781" s="6">
        <v>1678.616</v>
      </c>
    </row>
    <row r="15782" spans="4:5" x14ac:dyDescent="0.25">
      <c r="D15782" s="6">
        <v>422.6343</v>
      </c>
      <c r="E15782" s="6">
        <v>6122.1170000000002</v>
      </c>
    </row>
    <row r="15783" spans="4:5" x14ac:dyDescent="0.25">
      <c r="D15783" s="6">
        <v>461.71359999999999</v>
      </c>
      <c r="E15783" s="6">
        <v>822.86760000000004</v>
      </c>
    </row>
    <row r="15784" spans="4:5" x14ac:dyDescent="0.25">
      <c r="D15784" s="6">
        <v>537.28430000000003</v>
      </c>
      <c r="E15784" s="6">
        <v>7847.2160000000003</v>
      </c>
    </row>
    <row r="15785" spans="4:5" x14ac:dyDescent="0.25">
      <c r="D15785" s="6">
        <v>600.31799999999998</v>
      </c>
      <c r="E15785" s="6">
        <v>1558.453</v>
      </c>
    </row>
    <row r="15786" spans="4:5" x14ac:dyDescent="0.25">
      <c r="D15786" s="6">
        <v>527.36360000000002</v>
      </c>
      <c r="E15786" s="6">
        <v>655.43949999999995</v>
      </c>
    </row>
    <row r="15787" spans="4:5" x14ac:dyDescent="0.25">
      <c r="D15787" s="6">
        <v>912.35289999999998</v>
      </c>
      <c r="E15787" s="6">
        <v>811.40120000000002</v>
      </c>
    </row>
    <row r="15788" spans="4:5" x14ac:dyDescent="0.25">
      <c r="D15788" s="6">
        <v>658.46609999999998</v>
      </c>
      <c r="E15788" s="6">
        <v>1186.3900000000001</v>
      </c>
    </row>
    <row r="15789" spans="4:5" x14ac:dyDescent="0.25">
      <c r="D15789" s="6">
        <v>667.77179999999998</v>
      </c>
      <c r="E15789" s="6">
        <v>2948.7979999999998</v>
      </c>
    </row>
    <row r="15790" spans="4:5" x14ac:dyDescent="0.25">
      <c r="D15790" s="6">
        <v>483.28370000000001</v>
      </c>
      <c r="E15790" s="6">
        <v>692.1472</v>
      </c>
    </row>
    <row r="15791" spans="4:5" x14ac:dyDescent="0.25">
      <c r="D15791" s="6">
        <v>472.93400000000003</v>
      </c>
      <c r="E15791" s="6">
        <v>633.44299999999998</v>
      </c>
    </row>
    <row r="15792" spans="4:5" x14ac:dyDescent="0.25">
      <c r="D15792" s="6">
        <v>1179.604</v>
      </c>
      <c r="E15792" s="6">
        <v>801.62750000000005</v>
      </c>
    </row>
    <row r="15793" spans="4:5" x14ac:dyDescent="0.25">
      <c r="D15793" s="6">
        <v>3247.4589999999998</v>
      </c>
      <c r="E15793" s="6">
        <v>5863.009</v>
      </c>
    </row>
    <row r="15794" spans="4:5" x14ac:dyDescent="0.25">
      <c r="D15794" s="6">
        <v>3914.1280000000002</v>
      </c>
      <c r="E15794" s="6">
        <v>6449.5039999999999</v>
      </c>
    </row>
    <row r="15795" spans="4:5" x14ac:dyDescent="0.25">
      <c r="D15795" s="6">
        <v>540.59670000000006</v>
      </c>
      <c r="E15795" s="6">
        <v>845.53049999999996</v>
      </c>
    </row>
    <row r="15796" spans="4:5" x14ac:dyDescent="0.25">
      <c r="D15796" s="6">
        <v>457.88900000000001</v>
      </c>
      <c r="E15796" s="6">
        <v>747.98760000000004</v>
      </c>
    </row>
    <row r="15797" spans="4:5" x14ac:dyDescent="0.25">
      <c r="D15797" s="6">
        <v>509.38709999999998</v>
      </c>
      <c r="E15797" s="6">
        <v>5447.2060000000001</v>
      </c>
    </row>
    <row r="15798" spans="4:5" x14ac:dyDescent="0.25">
      <c r="D15798" s="6">
        <v>427.06670000000003</v>
      </c>
      <c r="E15798" s="6">
        <v>638.3501</v>
      </c>
    </row>
    <row r="15799" spans="4:5" x14ac:dyDescent="0.25">
      <c r="D15799" s="6">
        <v>4519.7299999999996</v>
      </c>
      <c r="E15799" s="6">
        <v>613.26909999999998</v>
      </c>
    </row>
    <row r="15800" spans="4:5" x14ac:dyDescent="0.25">
      <c r="D15800" s="6">
        <v>509.15690000000001</v>
      </c>
      <c r="E15800" s="6">
        <v>2380.4009999999998</v>
      </c>
    </row>
    <row r="15801" spans="4:5" x14ac:dyDescent="0.25">
      <c r="D15801" s="6">
        <v>3982.8919999999998</v>
      </c>
      <c r="E15801" s="6">
        <v>1631.7149999999999</v>
      </c>
    </row>
    <row r="15802" spans="4:5" x14ac:dyDescent="0.25">
      <c r="D15802" s="6">
        <v>3898.4029999999998</v>
      </c>
      <c r="E15802" s="6">
        <v>1628.481</v>
      </c>
    </row>
    <row r="15803" spans="4:5" x14ac:dyDescent="0.25">
      <c r="D15803" s="6">
        <v>483.00799999999998</v>
      </c>
      <c r="E15803" s="6">
        <v>6644.1220000000003</v>
      </c>
    </row>
    <row r="15804" spans="4:5" x14ac:dyDescent="0.25">
      <c r="D15804" s="6">
        <v>1545.24</v>
      </c>
      <c r="E15804" s="6">
        <v>623.85940000000005</v>
      </c>
    </row>
    <row r="15805" spans="4:5" x14ac:dyDescent="0.25">
      <c r="D15805" s="6">
        <v>490.31729999999999</v>
      </c>
      <c r="E15805" s="6">
        <v>7830.4290000000001</v>
      </c>
    </row>
    <row r="15806" spans="4:5" x14ac:dyDescent="0.25">
      <c r="D15806" s="6">
        <v>3793.5340000000001</v>
      </c>
      <c r="E15806" s="6">
        <v>768.01689999999996</v>
      </c>
    </row>
    <row r="15807" spans="4:5" x14ac:dyDescent="0.25">
      <c r="D15807" s="6">
        <v>522.63620000000003</v>
      </c>
      <c r="E15807" s="6">
        <v>2111.942</v>
      </c>
    </row>
    <row r="15808" spans="4:5" x14ac:dyDescent="0.25">
      <c r="D15808" s="6">
        <v>509.40429999999998</v>
      </c>
      <c r="E15808" s="6">
        <v>737.77800000000002</v>
      </c>
    </row>
    <row r="15809" spans="4:5" x14ac:dyDescent="0.25">
      <c r="D15809" s="6">
        <v>410.92579999999998</v>
      </c>
      <c r="E15809" s="6">
        <v>2359.5819999999999</v>
      </c>
    </row>
    <row r="15810" spans="4:5" x14ac:dyDescent="0.25">
      <c r="D15810" s="6">
        <v>510.4966</v>
      </c>
      <c r="E15810" s="6">
        <v>661.45899999999995</v>
      </c>
    </row>
    <row r="15811" spans="4:5" x14ac:dyDescent="0.25">
      <c r="D15811" s="6">
        <v>475.8374</v>
      </c>
      <c r="E15811" s="6">
        <v>4047.4</v>
      </c>
    </row>
    <row r="15812" spans="4:5" x14ac:dyDescent="0.25">
      <c r="D15812" s="6">
        <v>5866.2719999999999</v>
      </c>
      <c r="E15812" s="6">
        <v>1897.357</v>
      </c>
    </row>
    <row r="15813" spans="4:5" x14ac:dyDescent="0.25">
      <c r="D15813" s="6">
        <v>853.22929999999997</v>
      </c>
      <c r="E15813" s="6">
        <v>1049.318</v>
      </c>
    </row>
    <row r="15814" spans="4:5" x14ac:dyDescent="0.25">
      <c r="D15814" s="6">
        <v>564.07349999999997</v>
      </c>
      <c r="E15814" s="6">
        <v>783.59249999999997</v>
      </c>
    </row>
    <row r="15815" spans="4:5" x14ac:dyDescent="0.25">
      <c r="D15815" s="6">
        <v>430.26690000000002</v>
      </c>
      <c r="E15815" s="6">
        <v>2466.9290000000001</v>
      </c>
    </row>
    <row r="15816" spans="4:5" x14ac:dyDescent="0.25">
      <c r="D15816" s="6">
        <v>541.63469999999995</v>
      </c>
      <c r="E15816" s="6">
        <v>646.74590000000001</v>
      </c>
    </row>
    <row r="15817" spans="4:5" x14ac:dyDescent="0.25">
      <c r="D15817" s="6">
        <v>555.505</v>
      </c>
      <c r="E15817" s="6">
        <v>1298.93</v>
      </c>
    </row>
    <row r="15818" spans="4:5" x14ac:dyDescent="0.25">
      <c r="D15818" s="6">
        <v>3672.203</v>
      </c>
      <c r="E15818" s="6">
        <v>875.57719999999995</v>
      </c>
    </row>
    <row r="15819" spans="4:5" x14ac:dyDescent="0.25">
      <c r="D15819" s="6">
        <v>528.77710000000002</v>
      </c>
      <c r="E15819" s="6">
        <v>780.42430000000002</v>
      </c>
    </row>
    <row r="15820" spans="4:5" x14ac:dyDescent="0.25">
      <c r="D15820" s="6">
        <v>467.06459999999998</v>
      </c>
      <c r="E15820" s="6">
        <v>820.81859999999995</v>
      </c>
    </row>
    <row r="15821" spans="4:5" x14ac:dyDescent="0.25">
      <c r="D15821" s="6">
        <v>629.03959999999995</v>
      </c>
      <c r="E15821" s="6">
        <v>671.90380000000005</v>
      </c>
    </row>
    <row r="15822" spans="4:5" x14ac:dyDescent="0.25">
      <c r="D15822" s="6">
        <v>516.80759999999998</v>
      </c>
      <c r="E15822" s="6">
        <v>822.51440000000002</v>
      </c>
    </row>
    <row r="15823" spans="4:5" x14ac:dyDescent="0.25">
      <c r="D15823" s="6">
        <v>398.59859999999998</v>
      </c>
      <c r="E15823" s="6">
        <v>1025.8230000000001</v>
      </c>
    </row>
    <row r="15824" spans="4:5" x14ac:dyDescent="0.25">
      <c r="D15824" s="6">
        <v>498.51659999999998</v>
      </c>
      <c r="E15824" s="6">
        <v>663.89480000000003</v>
      </c>
    </row>
    <row r="15825" spans="4:5" x14ac:dyDescent="0.25">
      <c r="D15825" s="6">
        <v>824.74019999999996</v>
      </c>
      <c r="E15825" s="6">
        <v>3693.89</v>
      </c>
    </row>
    <row r="15826" spans="4:5" x14ac:dyDescent="0.25">
      <c r="D15826" s="6">
        <v>7196.45</v>
      </c>
      <c r="E15826" s="6">
        <v>7193.8050000000003</v>
      </c>
    </row>
    <row r="15827" spans="4:5" x14ac:dyDescent="0.25">
      <c r="D15827" s="6">
        <v>470.34070000000003</v>
      </c>
      <c r="E15827" s="6">
        <v>5938.3559999999998</v>
      </c>
    </row>
    <row r="15828" spans="4:5" x14ac:dyDescent="0.25">
      <c r="D15828" s="6">
        <v>5415.6450000000004</v>
      </c>
      <c r="E15828" s="6">
        <v>651.51400000000001</v>
      </c>
    </row>
    <row r="15829" spans="4:5" x14ac:dyDescent="0.25">
      <c r="D15829" s="6">
        <v>433.80430000000001</v>
      </c>
      <c r="E15829" s="6">
        <v>798.01419999999996</v>
      </c>
    </row>
    <row r="15830" spans="4:5" x14ac:dyDescent="0.25">
      <c r="D15830" s="6">
        <v>5352.3530000000001</v>
      </c>
      <c r="E15830" s="6">
        <v>4818.6109999999999</v>
      </c>
    </row>
    <row r="15831" spans="4:5" x14ac:dyDescent="0.25">
      <c r="D15831" s="6">
        <v>608.02829999999994</v>
      </c>
      <c r="E15831" s="6">
        <v>6955.8580000000002</v>
      </c>
    </row>
    <row r="15832" spans="4:5" x14ac:dyDescent="0.25">
      <c r="D15832" s="6">
        <v>566.50599999999997</v>
      </c>
      <c r="E15832" s="6">
        <v>1438.4190000000001</v>
      </c>
    </row>
    <row r="15833" spans="4:5" x14ac:dyDescent="0.25">
      <c r="D15833" s="6">
        <v>432.1223</v>
      </c>
      <c r="E15833" s="6">
        <v>3825.777</v>
      </c>
    </row>
    <row r="15834" spans="4:5" x14ac:dyDescent="0.25">
      <c r="D15834" s="6">
        <v>448.48500000000001</v>
      </c>
      <c r="E15834" s="6">
        <v>708.02850000000001</v>
      </c>
    </row>
    <row r="15835" spans="4:5" x14ac:dyDescent="0.25">
      <c r="D15835" s="6">
        <v>7870.6940000000004</v>
      </c>
      <c r="E15835" s="6">
        <v>1645.866</v>
      </c>
    </row>
    <row r="15836" spans="4:5" x14ac:dyDescent="0.25">
      <c r="D15836" s="6">
        <v>518.40409999999997</v>
      </c>
      <c r="E15836" s="6">
        <v>619.20640000000003</v>
      </c>
    </row>
    <row r="15837" spans="4:5" x14ac:dyDescent="0.25">
      <c r="D15837" s="6">
        <v>776.92100000000005</v>
      </c>
      <c r="E15837" s="6">
        <v>5237.5630000000001</v>
      </c>
    </row>
    <row r="15838" spans="4:5" x14ac:dyDescent="0.25">
      <c r="D15838" s="6">
        <v>1702.375</v>
      </c>
      <c r="E15838" s="6">
        <v>752.16120000000001</v>
      </c>
    </row>
    <row r="15839" spans="4:5" x14ac:dyDescent="0.25">
      <c r="D15839" s="6">
        <v>1552.0930000000001</v>
      </c>
      <c r="E15839" s="6">
        <v>6926.5839999999998</v>
      </c>
    </row>
    <row r="15840" spans="4:5" x14ac:dyDescent="0.25">
      <c r="D15840" s="6">
        <v>540.70150000000001</v>
      </c>
      <c r="E15840" s="6">
        <v>6956.5720000000001</v>
      </c>
    </row>
    <row r="15841" spans="4:5" x14ac:dyDescent="0.25">
      <c r="D15841" s="6">
        <v>699.1662</v>
      </c>
      <c r="E15841" s="6">
        <v>437.01010000000002</v>
      </c>
    </row>
    <row r="15842" spans="4:5" x14ac:dyDescent="0.25">
      <c r="D15842" s="6">
        <v>439.67689999999999</v>
      </c>
      <c r="E15842" s="6">
        <v>7599.884</v>
      </c>
    </row>
    <row r="15843" spans="4:5" x14ac:dyDescent="0.25">
      <c r="D15843" s="6">
        <v>555.14970000000005</v>
      </c>
      <c r="E15843" s="6">
        <v>398.2611</v>
      </c>
    </row>
    <row r="15844" spans="4:5" x14ac:dyDescent="0.25">
      <c r="D15844" s="6">
        <v>515.84619999999995</v>
      </c>
      <c r="E15844" s="6">
        <v>1415.1690000000001</v>
      </c>
    </row>
    <row r="15845" spans="4:5" x14ac:dyDescent="0.25">
      <c r="D15845" s="6">
        <v>482.44369999999998</v>
      </c>
      <c r="E15845" s="6">
        <v>5984.7969999999996</v>
      </c>
    </row>
    <row r="15846" spans="4:5" x14ac:dyDescent="0.25">
      <c r="D15846" s="6">
        <v>592.47900000000004</v>
      </c>
      <c r="E15846" s="6">
        <v>6402.7030000000004</v>
      </c>
    </row>
    <row r="15847" spans="4:5" x14ac:dyDescent="0.25">
      <c r="D15847" s="6">
        <v>488.2869</v>
      </c>
      <c r="E15847" s="6">
        <v>858.36559999999997</v>
      </c>
    </row>
    <row r="15848" spans="4:5" x14ac:dyDescent="0.25">
      <c r="D15848" s="6">
        <v>4605.2110000000002</v>
      </c>
      <c r="E15848" s="6">
        <v>6786.81</v>
      </c>
    </row>
    <row r="15849" spans="4:5" x14ac:dyDescent="0.25">
      <c r="D15849" s="6">
        <v>1137.5229999999999</v>
      </c>
      <c r="E15849" s="6">
        <v>682.28800000000001</v>
      </c>
    </row>
    <row r="15850" spans="4:5" x14ac:dyDescent="0.25">
      <c r="D15850" s="6">
        <v>509.98779999999999</v>
      </c>
      <c r="E15850" s="6">
        <v>584.94910000000004</v>
      </c>
    </row>
    <row r="15851" spans="4:5" x14ac:dyDescent="0.25">
      <c r="D15851" s="6">
        <v>811.27650000000006</v>
      </c>
      <c r="E15851" s="6">
        <v>841.86739999999998</v>
      </c>
    </row>
    <row r="15852" spans="4:5" x14ac:dyDescent="0.25">
      <c r="D15852" s="6">
        <v>477.3279</v>
      </c>
      <c r="E15852" s="6">
        <v>902.27909999999997</v>
      </c>
    </row>
    <row r="15853" spans="4:5" x14ac:dyDescent="0.25">
      <c r="D15853" s="6">
        <v>475.04070000000002</v>
      </c>
      <c r="E15853" s="6">
        <v>3245.9859999999999</v>
      </c>
    </row>
    <row r="15854" spans="4:5" x14ac:dyDescent="0.25">
      <c r="D15854" s="6">
        <v>636.0847</v>
      </c>
      <c r="E15854" s="6">
        <v>544.01679999999999</v>
      </c>
    </row>
    <row r="15855" spans="4:5" x14ac:dyDescent="0.25">
      <c r="D15855" s="6">
        <v>431.57679999999999</v>
      </c>
      <c r="E15855" s="6">
        <v>7433.6080000000002</v>
      </c>
    </row>
    <row r="15856" spans="4:5" x14ac:dyDescent="0.25">
      <c r="D15856" s="6">
        <v>678.0539</v>
      </c>
      <c r="E15856" s="6">
        <v>858.02160000000003</v>
      </c>
    </row>
    <row r="15857" spans="4:5" x14ac:dyDescent="0.25">
      <c r="D15857" s="6">
        <v>393.81450000000001</v>
      </c>
      <c r="E15857" s="6">
        <v>583</v>
      </c>
    </row>
    <row r="15858" spans="4:5" x14ac:dyDescent="0.25">
      <c r="D15858" s="6">
        <v>503.29570000000001</v>
      </c>
      <c r="E15858" s="6">
        <v>3233.819</v>
      </c>
    </row>
    <row r="15859" spans="4:5" x14ac:dyDescent="0.25">
      <c r="D15859" s="6">
        <v>542.0729</v>
      </c>
      <c r="E15859" s="6">
        <v>1236.4190000000001</v>
      </c>
    </row>
    <row r="15860" spans="4:5" x14ac:dyDescent="0.25">
      <c r="D15860" s="6">
        <v>453.10849999999999</v>
      </c>
      <c r="E15860" s="6">
        <v>4749.7139999999999</v>
      </c>
    </row>
    <row r="15861" spans="4:5" x14ac:dyDescent="0.25">
      <c r="D15861" s="6">
        <v>496.37240000000003</v>
      </c>
      <c r="E15861" s="6">
        <v>3128.027</v>
      </c>
    </row>
    <row r="15862" spans="4:5" x14ac:dyDescent="0.25">
      <c r="D15862" s="6">
        <v>594.57950000000005</v>
      </c>
      <c r="E15862" s="6">
        <v>785.67870000000005</v>
      </c>
    </row>
    <row r="15863" spans="4:5" x14ac:dyDescent="0.25">
      <c r="D15863" s="6">
        <v>4007.8310000000001</v>
      </c>
      <c r="E15863" s="6">
        <v>554.46429999999998</v>
      </c>
    </row>
    <row r="15864" spans="4:5" x14ac:dyDescent="0.25">
      <c r="D15864" s="6">
        <v>428.57810000000001</v>
      </c>
      <c r="E15864" s="6">
        <v>1094.3389999999999</v>
      </c>
    </row>
    <row r="15865" spans="4:5" x14ac:dyDescent="0.25">
      <c r="D15865" s="6">
        <v>402.29239999999999</v>
      </c>
      <c r="E15865" s="6">
        <v>625.5127</v>
      </c>
    </row>
    <row r="15866" spans="4:5" x14ac:dyDescent="0.25">
      <c r="D15866" s="6">
        <v>416.24459999999999</v>
      </c>
      <c r="E15866" s="6">
        <v>1567.9110000000001</v>
      </c>
    </row>
    <row r="15867" spans="4:5" x14ac:dyDescent="0.25">
      <c r="D15867" s="6">
        <v>549.28099999999995</v>
      </c>
      <c r="E15867" s="6">
        <v>754.05930000000001</v>
      </c>
    </row>
    <row r="15868" spans="4:5" x14ac:dyDescent="0.25">
      <c r="D15868" s="6">
        <v>1074.7349999999999</v>
      </c>
      <c r="E15868" s="6">
        <v>4463.7629999999999</v>
      </c>
    </row>
    <row r="15869" spans="4:5" x14ac:dyDescent="0.25">
      <c r="D15869" s="6">
        <v>555.83460000000002</v>
      </c>
      <c r="E15869" s="6">
        <v>6072.95</v>
      </c>
    </row>
    <row r="15870" spans="4:5" x14ac:dyDescent="0.25">
      <c r="D15870" s="6">
        <v>444.42180000000002</v>
      </c>
      <c r="E15870" s="6">
        <v>775.03319999999997</v>
      </c>
    </row>
    <row r="15871" spans="4:5" x14ac:dyDescent="0.25">
      <c r="D15871" s="6">
        <v>492.46789999999999</v>
      </c>
      <c r="E15871" s="6">
        <v>1333.3869999999999</v>
      </c>
    </row>
    <row r="15872" spans="4:5" x14ac:dyDescent="0.25">
      <c r="D15872" s="6">
        <v>498.08980000000003</v>
      </c>
      <c r="E15872" s="6">
        <v>690.92139999999995</v>
      </c>
    </row>
    <row r="15873" spans="4:5" x14ac:dyDescent="0.25">
      <c r="D15873" s="6">
        <v>443.87180000000001</v>
      </c>
      <c r="E15873" s="6">
        <v>6459.5950000000003</v>
      </c>
    </row>
    <row r="15874" spans="4:5" x14ac:dyDescent="0.25">
      <c r="D15874" s="6">
        <v>4327.4690000000001</v>
      </c>
      <c r="E15874" s="6">
        <v>568.92020000000002</v>
      </c>
    </row>
    <row r="15875" spans="4:5" x14ac:dyDescent="0.25">
      <c r="D15875" s="6">
        <v>674.5</v>
      </c>
      <c r="E15875" s="6">
        <v>1804.2149999999999</v>
      </c>
    </row>
    <row r="15876" spans="4:5" x14ac:dyDescent="0.25">
      <c r="D15876" s="6">
        <v>662.87620000000004</v>
      </c>
      <c r="E15876" s="6">
        <v>6173.8220000000001</v>
      </c>
    </row>
    <row r="15877" spans="4:5" x14ac:dyDescent="0.25">
      <c r="D15877" s="6">
        <v>410.15</v>
      </c>
      <c r="E15877" s="6">
        <v>659.53800000000001</v>
      </c>
    </row>
    <row r="15878" spans="4:5" x14ac:dyDescent="0.25">
      <c r="D15878" s="6">
        <v>1124.5619999999999</v>
      </c>
      <c r="E15878" s="6">
        <v>1686.5509999999999</v>
      </c>
    </row>
    <row r="15879" spans="4:5" x14ac:dyDescent="0.25">
      <c r="D15879" s="6">
        <v>518.59</v>
      </c>
      <c r="E15879" s="6">
        <v>5337.0060000000003</v>
      </c>
    </row>
    <row r="15880" spans="4:5" x14ac:dyDescent="0.25">
      <c r="D15880" s="6">
        <v>1629.7180000000001</v>
      </c>
      <c r="E15880" s="6">
        <v>911.59680000000003</v>
      </c>
    </row>
    <row r="15881" spans="4:5" x14ac:dyDescent="0.25">
      <c r="D15881" s="6">
        <v>5907.2929999999997</v>
      </c>
      <c r="E15881" s="6">
        <v>7282.4539999999997</v>
      </c>
    </row>
    <row r="15882" spans="4:5" x14ac:dyDescent="0.25">
      <c r="D15882" s="6">
        <v>911.73320000000001</v>
      </c>
      <c r="E15882" s="6">
        <v>1583.2660000000001</v>
      </c>
    </row>
    <row r="15883" spans="4:5" x14ac:dyDescent="0.25">
      <c r="D15883" s="6">
        <v>513.42930000000001</v>
      </c>
      <c r="E15883" s="6">
        <v>762.16890000000001</v>
      </c>
    </row>
    <row r="15884" spans="4:5" x14ac:dyDescent="0.25">
      <c r="D15884" s="6">
        <v>502.17</v>
      </c>
      <c r="E15884" s="6">
        <v>498.7278</v>
      </c>
    </row>
    <row r="15885" spans="4:5" x14ac:dyDescent="0.25">
      <c r="D15885" s="6">
        <v>1634.3620000000001</v>
      </c>
      <c r="E15885" s="6">
        <v>1923.4480000000001</v>
      </c>
    </row>
    <row r="15886" spans="4:5" x14ac:dyDescent="0.25">
      <c r="D15886" s="6">
        <v>609.86199999999997</v>
      </c>
      <c r="E15886" s="6">
        <v>990.5367</v>
      </c>
    </row>
    <row r="15887" spans="4:5" x14ac:dyDescent="0.25">
      <c r="D15887" s="6">
        <v>676.0127</v>
      </c>
      <c r="E15887" s="6">
        <v>949.0575</v>
      </c>
    </row>
    <row r="15888" spans="4:5" x14ac:dyDescent="0.25">
      <c r="D15888" s="6">
        <v>603.15110000000004</v>
      </c>
      <c r="E15888" s="6">
        <v>970.94510000000002</v>
      </c>
    </row>
    <row r="15889" spans="4:5" x14ac:dyDescent="0.25">
      <c r="D15889" s="6">
        <v>4438.384</v>
      </c>
      <c r="E15889" s="6">
        <v>1100.2239999999999</v>
      </c>
    </row>
    <row r="15890" spans="4:5" x14ac:dyDescent="0.25">
      <c r="D15890" s="6">
        <v>8605.5930000000008</v>
      </c>
      <c r="E15890" s="6">
        <v>579.35119999999995</v>
      </c>
    </row>
    <row r="15891" spans="4:5" x14ac:dyDescent="0.25">
      <c r="D15891" s="6">
        <v>619.71469999999999</v>
      </c>
      <c r="E15891" s="6">
        <v>892.79700000000003</v>
      </c>
    </row>
    <row r="15892" spans="4:5" x14ac:dyDescent="0.25">
      <c r="D15892" s="6">
        <v>7669.7</v>
      </c>
      <c r="E15892" s="6">
        <v>809.37620000000004</v>
      </c>
    </row>
    <row r="15893" spans="4:5" x14ac:dyDescent="0.25">
      <c r="D15893" s="6">
        <v>500.21080000000001</v>
      </c>
      <c r="E15893" s="6">
        <v>2151.8710000000001</v>
      </c>
    </row>
    <row r="15894" spans="4:5" x14ac:dyDescent="0.25">
      <c r="D15894" s="6">
        <v>413.26940000000002</v>
      </c>
      <c r="E15894" s="6">
        <v>8407.5789999999997</v>
      </c>
    </row>
    <row r="15895" spans="4:5" x14ac:dyDescent="0.25">
      <c r="D15895" s="6">
        <v>861.75549999999998</v>
      </c>
      <c r="E15895" s="6">
        <v>1002.8339999999999</v>
      </c>
    </row>
    <row r="15896" spans="4:5" x14ac:dyDescent="0.25">
      <c r="D15896" s="6">
        <v>601.50160000000005</v>
      </c>
      <c r="E15896" s="6">
        <v>1043.7049999999999</v>
      </c>
    </row>
    <row r="15897" spans="4:5" x14ac:dyDescent="0.25">
      <c r="D15897" s="6">
        <v>567.46140000000003</v>
      </c>
      <c r="E15897" s="6">
        <v>744.2527</v>
      </c>
    </row>
    <row r="15898" spans="4:5" x14ac:dyDescent="0.25">
      <c r="D15898" s="6">
        <v>452.8886</v>
      </c>
      <c r="E15898" s="6">
        <v>1848.386</v>
      </c>
    </row>
    <row r="15899" spans="4:5" x14ac:dyDescent="0.25">
      <c r="D15899" s="6">
        <v>657.07870000000003</v>
      </c>
      <c r="E15899" s="6">
        <v>655.65449999999998</v>
      </c>
    </row>
    <row r="15900" spans="4:5" x14ac:dyDescent="0.25">
      <c r="D15900" s="6">
        <v>496.24720000000002</v>
      </c>
      <c r="E15900" s="6">
        <v>772.91060000000004</v>
      </c>
    </row>
    <row r="15901" spans="4:5" x14ac:dyDescent="0.25">
      <c r="D15901" s="6">
        <v>583.48360000000002</v>
      </c>
      <c r="E15901" s="6">
        <v>1364.7470000000001</v>
      </c>
    </row>
    <row r="15902" spans="4:5" x14ac:dyDescent="0.25">
      <c r="D15902" s="6">
        <v>542.18899999999996</v>
      </c>
      <c r="E15902" s="6">
        <v>770.12789999999995</v>
      </c>
    </row>
    <row r="15903" spans="4:5" x14ac:dyDescent="0.25">
      <c r="D15903" s="6">
        <v>721.67309999999998</v>
      </c>
      <c r="E15903" s="6">
        <v>5582.2809999999999</v>
      </c>
    </row>
    <row r="15904" spans="4:5" x14ac:dyDescent="0.25">
      <c r="D15904" s="6">
        <v>997.35879999999997</v>
      </c>
      <c r="E15904" s="6">
        <v>1741.566</v>
      </c>
    </row>
    <row r="15905" spans="4:5" x14ac:dyDescent="0.25">
      <c r="D15905" s="6">
        <v>777.63400000000001</v>
      </c>
      <c r="E15905" s="6">
        <v>1066.329</v>
      </c>
    </row>
    <row r="15906" spans="4:5" x14ac:dyDescent="0.25">
      <c r="D15906" s="6">
        <v>627.05259999999998</v>
      </c>
      <c r="E15906" s="6">
        <v>739.93820000000005</v>
      </c>
    </row>
    <row r="15907" spans="4:5" x14ac:dyDescent="0.25">
      <c r="D15907" s="6">
        <v>2333.25</v>
      </c>
      <c r="E15907" s="6">
        <v>1776.17</v>
      </c>
    </row>
    <row r="15908" spans="4:5" x14ac:dyDescent="0.25">
      <c r="D15908" s="6">
        <v>710.64189999999996</v>
      </c>
      <c r="E15908" s="6">
        <v>670.93880000000001</v>
      </c>
    </row>
    <row r="15909" spans="4:5" x14ac:dyDescent="0.25">
      <c r="D15909" s="6">
        <v>2197</v>
      </c>
      <c r="E15909" s="6">
        <v>1843.932</v>
      </c>
    </row>
    <row r="15910" spans="4:5" x14ac:dyDescent="0.25">
      <c r="D15910" s="6">
        <v>565.38109999999995</v>
      </c>
      <c r="E15910" s="6">
        <v>621.86040000000003</v>
      </c>
    </row>
    <row r="15911" spans="4:5" x14ac:dyDescent="0.25">
      <c r="D15911" s="6">
        <v>7173.1019999999999</v>
      </c>
      <c r="E15911" s="6">
        <v>627.54870000000005</v>
      </c>
    </row>
    <row r="15912" spans="4:5" x14ac:dyDescent="0.25">
      <c r="D15912" s="6">
        <v>1209.319</v>
      </c>
      <c r="E15912" s="6">
        <v>1715.789</v>
      </c>
    </row>
    <row r="15913" spans="4:5" x14ac:dyDescent="0.25">
      <c r="D15913" s="6">
        <v>822.41499999999996</v>
      </c>
      <c r="E15913" s="6">
        <v>5498.3379999999997</v>
      </c>
    </row>
    <row r="15914" spans="4:5" x14ac:dyDescent="0.25">
      <c r="D15914" s="6">
        <v>454.91750000000002</v>
      </c>
      <c r="E15914" s="6">
        <v>6559.57</v>
      </c>
    </row>
    <row r="15915" spans="4:5" x14ac:dyDescent="0.25">
      <c r="D15915" s="6">
        <v>504.86959999999999</v>
      </c>
      <c r="E15915" s="6">
        <v>827.81119999999999</v>
      </c>
    </row>
    <row r="15916" spans="4:5" x14ac:dyDescent="0.25">
      <c r="D15916" s="6">
        <v>538.63900000000001</v>
      </c>
      <c r="E15916" s="6">
        <v>8190.83</v>
      </c>
    </row>
    <row r="15917" spans="4:5" x14ac:dyDescent="0.25">
      <c r="D15917" s="6">
        <v>885.85180000000003</v>
      </c>
      <c r="E15917" s="6">
        <v>759.51329999999996</v>
      </c>
    </row>
    <row r="15918" spans="4:5" x14ac:dyDescent="0.25">
      <c r="D15918" s="6">
        <v>671.31859999999995</v>
      </c>
      <c r="E15918" s="6">
        <v>730.65239999999994</v>
      </c>
    </row>
    <row r="15919" spans="4:5" x14ac:dyDescent="0.25">
      <c r="D15919" s="6">
        <v>496.29230000000001</v>
      </c>
      <c r="E15919" s="6">
        <v>653.72550000000001</v>
      </c>
    </row>
    <row r="15920" spans="4:5" x14ac:dyDescent="0.25">
      <c r="D15920" s="6">
        <v>556.74149999999997</v>
      </c>
      <c r="E15920" s="6">
        <v>1921.89</v>
      </c>
    </row>
    <row r="15921" spans="4:5" x14ac:dyDescent="0.25">
      <c r="D15921" s="6">
        <v>529.77859999999998</v>
      </c>
      <c r="E15921" s="6">
        <v>670.23320000000001</v>
      </c>
    </row>
    <row r="15922" spans="4:5" x14ac:dyDescent="0.25">
      <c r="D15922" s="6">
        <v>453.75299999999999</v>
      </c>
      <c r="E15922" s="6">
        <v>550.57680000000005</v>
      </c>
    </row>
    <row r="15923" spans="4:5" x14ac:dyDescent="0.25">
      <c r="D15923" s="6">
        <v>512.88459999999998</v>
      </c>
      <c r="E15923" s="6">
        <v>846.01829999999995</v>
      </c>
    </row>
    <row r="15924" spans="4:5" x14ac:dyDescent="0.25">
      <c r="D15924" s="6">
        <v>471.23919999999998</v>
      </c>
      <c r="E15924" s="6">
        <v>664.11770000000001</v>
      </c>
    </row>
    <row r="15925" spans="4:5" x14ac:dyDescent="0.25">
      <c r="D15925" s="6">
        <v>498.99040000000002</v>
      </c>
      <c r="E15925" s="6">
        <v>4401.4440000000004</v>
      </c>
    </row>
    <row r="15926" spans="4:5" x14ac:dyDescent="0.25">
      <c r="D15926" s="6">
        <v>499.52800000000002</v>
      </c>
      <c r="E15926" s="6">
        <v>672.71519999999998</v>
      </c>
    </row>
    <row r="15927" spans="4:5" x14ac:dyDescent="0.25">
      <c r="D15927" s="6">
        <v>5172.4179999999997</v>
      </c>
      <c r="E15927" s="6">
        <v>730.16070000000002</v>
      </c>
    </row>
    <row r="15928" spans="4:5" x14ac:dyDescent="0.25">
      <c r="D15928" s="6">
        <v>1384.9</v>
      </c>
      <c r="E15928" s="6">
        <v>1287.153</v>
      </c>
    </row>
    <row r="15929" spans="4:5" x14ac:dyDescent="0.25">
      <c r="D15929" s="6">
        <v>529.24549999999999</v>
      </c>
      <c r="E15929" s="6">
        <v>928.56470000000002</v>
      </c>
    </row>
    <row r="15930" spans="4:5" x14ac:dyDescent="0.25">
      <c r="D15930" s="6">
        <v>4592.4989999999998</v>
      </c>
      <c r="E15930" s="6">
        <v>545.19079999999997</v>
      </c>
    </row>
    <row r="15931" spans="4:5" x14ac:dyDescent="0.25">
      <c r="D15931" s="6">
        <v>2308.96</v>
      </c>
      <c r="E15931" s="6">
        <v>1660.16</v>
      </c>
    </row>
    <row r="15932" spans="4:5" x14ac:dyDescent="0.25">
      <c r="D15932" s="6">
        <v>5084.5420000000004</v>
      </c>
      <c r="E15932" s="6">
        <v>5878.1440000000002</v>
      </c>
    </row>
    <row r="15933" spans="4:5" x14ac:dyDescent="0.25">
      <c r="D15933" s="6">
        <v>495.13420000000002</v>
      </c>
      <c r="E15933" s="6">
        <v>920.6318</v>
      </c>
    </row>
    <row r="15934" spans="4:5" x14ac:dyDescent="0.25">
      <c r="D15934" s="6">
        <v>973.14239999999995</v>
      </c>
      <c r="E15934" s="6">
        <v>1811.6410000000001</v>
      </c>
    </row>
    <row r="15935" spans="4:5" x14ac:dyDescent="0.25">
      <c r="D15935" s="6">
        <v>923.75</v>
      </c>
      <c r="E15935" s="6">
        <v>655.00429999999994</v>
      </c>
    </row>
    <row r="15936" spans="4:5" x14ac:dyDescent="0.25">
      <c r="D15936" s="6">
        <v>898.61490000000003</v>
      </c>
      <c r="E15936" s="6">
        <v>889.74</v>
      </c>
    </row>
    <row r="15937" spans="4:5" x14ac:dyDescent="0.25">
      <c r="D15937" s="6">
        <v>491.74970000000002</v>
      </c>
      <c r="E15937" s="6">
        <v>6387.4769999999999</v>
      </c>
    </row>
    <row r="15938" spans="4:5" x14ac:dyDescent="0.25">
      <c r="D15938" s="6">
        <v>507.97680000000003</v>
      </c>
      <c r="E15938" s="6">
        <v>2300.2800000000002</v>
      </c>
    </row>
    <row r="15939" spans="4:5" x14ac:dyDescent="0.25">
      <c r="D15939" s="6">
        <v>479.86250000000001</v>
      </c>
      <c r="E15939" s="6">
        <v>621.70309999999995</v>
      </c>
    </row>
    <row r="15940" spans="4:5" x14ac:dyDescent="0.25">
      <c r="D15940" s="6">
        <v>5563.56</v>
      </c>
      <c r="E15940" s="6">
        <v>694.39919999999995</v>
      </c>
    </row>
    <row r="15941" spans="4:5" x14ac:dyDescent="0.25">
      <c r="D15941" s="6">
        <v>1140.944</v>
      </c>
      <c r="E15941" s="6">
        <v>695.82899999999995</v>
      </c>
    </row>
    <row r="15942" spans="4:5" x14ac:dyDescent="0.25">
      <c r="D15942" s="6">
        <v>480.07979999999998</v>
      </c>
      <c r="E15942" s="6">
        <v>1661.0329999999999</v>
      </c>
    </row>
    <row r="15943" spans="4:5" x14ac:dyDescent="0.25">
      <c r="D15943" s="6">
        <v>549.86410000000001</v>
      </c>
      <c r="E15943" s="6">
        <v>818.64369999999997</v>
      </c>
    </row>
    <row r="15944" spans="4:5" x14ac:dyDescent="0.25">
      <c r="D15944" s="6">
        <v>411.76639999999998</v>
      </c>
      <c r="E15944" s="6">
        <v>539.39049999999997</v>
      </c>
    </row>
    <row r="15945" spans="4:5" x14ac:dyDescent="0.25">
      <c r="D15945" s="6">
        <v>523.9153</v>
      </c>
      <c r="E15945" s="6">
        <v>2461.2559999999999</v>
      </c>
    </row>
    <row r="15946" spans="4:5" x14ac:dyDescent="0.25">
      <c r="D15946" s="6">
        <v>550.16809999999998</v>
      </c>
      <c r="E15946" s="6">
        <v>897.46310000000005</v>
      </c>
    </row>
    <row r="15947" spans="4:5" x14ac:dyDescent="0.25">
      <c r="D15947" s="6">
        <v>796.35559999999998</v>
      </c>
      <c r="E15947" s="6">
        <v>4676.7650000000003</v>
      </c>
    </row>
    <row r="15948" spans="4:5" x14ac:dyDescent="0.25">
      <c r="D15948" s="6">
        <v>576.38139999999999</v>
      </c>
      <c r="E15948" s="6">
        <v>1670.4670000000001</v>
      </c>
    </row>
    <row r="15949" spans="4:5" x14ac:dyDescent="0.25">
      <c r="D15949" s="6">
        <v>4387.9930000000004</v>
      </c>
      <c r="E15949" s="6">
        <v>960.00480000000005</v>
      </c>
    </row>
    <row r="15950" spans="4:5" x14ac:dyDescent="0.25">
      <c r="D15950" s="6">
        <v>627.80930000000001</v>
      </c>
      <c r="E15950" s="6">
        <v>587.29759999999999</v>
      </c>
    </row>
    <row r="15951" spans="4:5" x14ac:dyDescent="0.25">
      <c r="D15951" s="6">
        <v>5855.1629999999996</v>
      </c>
      <c r="E15951" s="6">
        <v>2551.9740000000002</v>
      </c>
    </row>
    <row r="15952" spans="4:5" x14ac:dyDescent="0.25">
      <c r="D15952" s="6">
        <v>408.20460000000003</v>
      </c>
      <c r="E15952" s="6">
        <v>5523.6139999999996</v>
      </c>
    </row>
    <row r="15953" spans="4:5" x14ac:dyDescent="0.25">
      <c r="D15953" s="6">
        <v>432.61939999999998</v>
      </c>
      <c r="E15953" s="6">
        <v>1371.047</v>
      </c>
    </row>
    <row r="15954" spans="4:5" x14ac:dyDescent="0.25">
      <c r="D15954" s="6">
        <v>533.18399999999997</v>
      </c>
      <c r="E15954" s="6">
        <v>558.24710000000005</v>
      </c>
    </row>
    <row r="15955" spans="4:5" x14ac:dyDescent="0.25">
      <c r="D15955" s="6">
        <v>953.4</v>
      </c>
      <c r="E15955" s="6">
        <v>613.94979999999998</v>
      </c>
    </row>
    <row r="15956" spans="4:5" x14ac:dyDescent="0.25">
      <c r="D15956" s="6">
        <v>668.27269999999999</v>
      </c>
      <c r="E15956" s="6">
        <v>1669.616</v>
      </c>
    </row>
    <row r="15957" spans="4:5" x14ac:dyDescent="0.25">
      <c r="D15957" s="6">
        <v>431.49430000000001</v>
      </c>
      <c r="E15957" s="6">
        <v>1159.124</v>
      </c>
    </row>
    <row r="15958" spans="4:5" x14ac:dyDescent="0.25">
      <c r="D15958" s="6">
        <v>460.47390000000001</v>
      </c>
      <c r="E15958" s="6">
        <v>912.21389999999997</v>
      </c>
    </row>
    <row r="15959" spans="4:5" x14ac:dyDescent="0.25">
      <c r="D15959" s="6">
        <v>512.81290000000001</v>
      </c>
      <c r="E15959" s="6">
        <v>594.38419999999996</v>
      </c>
    </row>
    <row r="15960" spans="4:5" x14ac:dyDescent="0.25">
      <c r="D15960" s="6">
        <v>471.1533</v>
      </c>
      <c r="E15960" s="6">
        <v>975.69349999999997</v>
      </c>
    </row>
    <row r="15961" spans="4:5" x14ac:dyDescent="0.25">
      <c r="D15961" s="6">
        <v>475.4579</v>
      </c>
      <c r="E15961" s="6">
        <v>681.96489999999994</v>
      </c>
    </row>
    <row r="15962" spans="4:5" x14ac:dyDescent="0.25">
      <c r="D15962" s="6">
        <v>4761.8109999999997</v>
      </c>
      <c r="E15962" s="6">
        <v>882.21990000000005</v>
      </c>
    </row>
    <row r="15963" spans="4:5" x14ac:dyDescent="0.25">
      <c r="D15963" s="6">
        <v>565.56939999999997</v>
      </c>
      <c r="E15963" s="6">
        <v>545.21069999999997</v>
      </c>
    </row>
    <row r="15964" spans="4:5" x14ac:dyDescent="0.25">
      <c r="D15964" s="6">
        <v>4579.3739999999998</v>
      </c>
      <c r="E15964" s="6">
        <v>675.89170000000001</v>
      </c>
    </row>
    <row r="15965" spans="4:5" x14ac:dyDescent="0.25">
      <c r="D15965" s="6">
        <v>520.50760000000002</v>
      </c>
      <c r="E15965" s="6">
        <v>2527.692</v>
      </c>
    </row>
    <row r="15966" spans="4:5" x14ac:dyDescent="0.25">
      <c r="D15966" s="6">
        <v>675.58389999999997</v>
      </c>
      <c r="E15966" s="6">
        <v>784.82849999999996</v>
      </c>
    </row>
    <row r="15967" spans="4:5" x14ac:dyDescent="0.25">
      <c r="D15967" s="6">
        <v>813.57470000000001</v>
      </c>
      <c r="E15967" s="6">
        <v>766.40840000000003</v>
      </c>
    </row>
    <row r="15968" spans="4:5" x14ac:dyDescent="0.25">
      <c r="D15968" s="6">
        <v>472.50990000000002</v>
      </c>
      <c r="E15968" s="6">
        <v>696.16430000000003</v>
      </c>
    </row>
    <row r="15969" spans="4:5" x14ac:dyDescent="0.25">
      <c r="D15969" s="6">
        <v>901.61109999999996</v>
      </c>
      <c r="E15969" s="6">
        <v>444.81819999999999</v>
      </c>
    </row>
    <row r="15970" spans="4:5" x14ac:dyDescent="0.25">
      <c r="D15970" s="6">
        <v>4428.6130000000003</v>
      </c>
      <c r="E15970" s="6">
        <v>688.67579999999998</v>
      </c>
    </row>
    <row r="15971" spans="4:5" x14ac:dyDescent="0.25">
      <c r="D15971" s="6">
        <v>522.81820000000005</v>
      </c>
      <c r="E15971" s="6">
        <v>739.08680000000004</v>
      </c>
    </row>
    <row r="15972" spans="4:5" x14ac:dyDescent="0.25">
      <c r="D15972" s="6">
        <v>512.87450000000001</v>
      </c>
      <c r="E15972" s="6">
        <v>4728.857</v>
      </c>
    </row>
    <row r="15973" spans="4:5" x14ac:dyDescent="0.25">
      <c r="D15973" s="6">
        <v>1146.3710000000001</v>
      </c>
      <c r="E15973" s="6">
        <v>563.04449999999997</v>
      </c>
    </row>
    <row r="15974" spans="4:5" x14ac:dyDescent="0.25">
      <c r="D15974" s="6">
        <v>558.94899999999996</v>
      </c>
      <c r="E15974" s="6">
        <v>7699.29</v>
      </c>
    </row>
    <row r="15975" spans="4:5" x14ac:dyDescent="0.25">
      <c r="D15975" s="6">
        <v>528.99810000000002</v>
      </c>
      <c r="E15975" s="6">
        <v>5137.0079999999998</v>
      </c>
    </row>
    <row r="15976" spans="4:5" x14ac:dyDescent="0.25">
      <c r="D15976" s="6">
        <v>2186.038</v>
      </c>
      <c r="E15976" s="6">
        <v>6182.6719999999996</v>
      </c>
    </row>
    <row r="15977" spans="4:5" x14ac:dyDescent="0.25">
      <c r="D15977" s="6">
        <v>552.28219999999999</v>
      </c>
      <c r="E15977" s="6">
        <v>598.4085</v>
      </c>
    </row>
    <row r="15978" spans="4:5" x14ac:dyDescent="0.25">
      <c r="D15978" s="6">
        <v>1138.8879999999999</v>
      </c>
      <c r="E15978" s="6">
        <v>597.98320000000001</v>
      </c>
    </row>
    <row r="15979" spans="4:5" x14ac:dyDescent="0.25">
      <c r="D15979" s="6">
        <v>720.99279999999999</v>
      </c>
      <c r="E15979" s="6">
        <v>817.57619999999997</v>
      </c>
    </row>
    <row r="15980" spans="4:5" x14ac:dyDescent="0.25">
      <c r="D15980" s="6">
        <v>1186.9449999999999</v>
      </c>
      <c r="E15980" s="6">
        <v>1659.79</v>
      </c>
    </row>
    <row r="15981" spans="4:5" x14ac:dyDescent="0.25">
      <c r="D15981" s="6">
        <v>2148.8310000000001</v>
      </c>
      <c r="E15981" s="6">
        <v>1773.5630000000001</v>
      </c>
    </row>
    <row r="15982" spans="4:5" x14ac:dyDescent="0.25">
      <c r="D15982" s="6">
        <v>1047</v>
      </c>
      <c r="E15982" s="6">
        <v>3104.6640000000002</v>
      </c>
    </row>
    <row r="15983" spans="4:5" x14ac:dyDescent="0.25">
      <c r="D15983" s="6">
        <v>573.02959999999996</v>
      </c>
      <c r="E15983" s="6">
        <v>2421.3939999999998</v>
      </c>
    </row>
    <row r="15984" spans="4:5" x14ac:dyDescent="0.25">
      <c r="D15984" s="6">
        <v>1181.2280000000001</v>
      </c>
      <c r="E15984" s="6">
        <v>803.85209999999995</v>
      </c>
    </row>
    <row r="15985" spans="4:5" x14ac:dyDescent="0.25">
      <c r="D15985" s="6">
        <v>6417.259</v>
      </c>
      <c r="E15985" s="6">
        <v>469.03309999999999</v>
      </c>
    </row>
    <row r="15986" spans="4:5" x14ac:dyDescent="0.25">
      <c r="D15986" s="6">
        <v>1788.1769999999999</v>
      </c>
      <c r="E15986" s="6">
        <v>1902.5229999999999</v>
      </c>
    </row>
    <row r="15987" spans="4:5" x14ac:dyDescent="0.25">
      <c r="D15987" s="6">
        <v>505.32350000000002</v>
      </c>
      <c r="E15987" s="6">
        <v>899.7192</v>
      </c>
    </row>
    <row r="15988" spans="4:5" x14ac:dyDescent="0.25">
      <c r="D15988" s="6">
        <v>404.60660000000001</v>
      </c>
      <c r="E15988" s="6">
        <v>1641.068</v>
      </c>
    </row>
    <row r="15989" spans="4:5" x14ac:dyDescent="0.25">
      <c r="D15989" s="6">
        <v>530.07550000000003</v>
      </c>
      <c r="E15989" s="6">
        <v>3278.5050000000001</v>
      </c>
    </row>
    <row r="15990" spans="4:5" x14ac:dyDescent="0.25">
      <c r="D15990" s="6">
        <v>5607.2</v>
      </c>
      <c r="E15990" s="6">
        <v>709.31290000000001</v>
      </c>
    </row>
    <row r="15991" spans="4:5" x14ac:dyDescent="0.25">
      <c r="D15991" s="6">
        <v>666.23969999999997</v>
      </c>
      <c r="E15991" s="6">
        <v>613.45920000000001</v>
      </c>
    </row>
    <row r="15992" spans="4:5" x14ac:dyDescent="0.25">
      <c r="D15992" s="6">
        <v>412.00029999999998</v>
      </c>
      <c r="E15992" s="6">
        <v>647.75</v>
      </c>
    </row>
    <row r="15993" spans="4:5" x14ac:dyDescent="0.25">
      <c r="D15993" s="6">
        <v>785.87729999999999</v>
      </c>
      <c r="E15993" s="6">
        <v>734.5616</v>
      </c>
    </row>
    <row r="15994" spans="4:5" x14ac:dyDescent="0.25">
      <c r="D15994" s="6">
        <v>570.39070000000004</v>
      </c>
      <c r="E15994" s="6">
        <v>2762.299</v>
      </c>
    </row>
    <row r="15995" spans="4:5" x14ac:dyDescent="0.25">
      <c r="D15995" s="6">
        <v>521.40139999999997</v>
      </c>
      <c r="E15995" s="6">
        <v>738.87480000000005</v>
      </c>
    </row>
    <row r="15996" spans="4:5" x14ac:dyDescent="0.25">
      <c r="D15996" s="6">
        <v>548.05409999999995</v>
      </c>
      <c r="E15996" s="6">
        <v>564.6096</v>
      </c>
    </row>
    <row r="15997" spans="4:5" x14ac:dyDescent="0.25">
      <c r="D15997" s="6">
        <v>3344.9870000000001</v>
      </c>
      <c r="E15997" s="6">
        <v>1616.7809999999999</v>
      </c>
    </row>
    <row r="15998" spans="4:5" x14ac:dyDescent="0.25">
      <c r="D15998" s="6">
        <v>1346.971</v>
      </c>
      <c r="E15998" s="6">
        <v>1692.212</v>
      </c>
    </row>
    <row r="15999" spans="4:5" x14ac:dyDescent="0.25">
      <c r="D15999" s="6">
        <v>492.22219999999999</v>
      </c>
      <c r="E15999" s="6">
        <v>758.83330000000001</v>
      </c>
    </row>
    <row r="16000" spans="4:5" x14ac:dyDescent="0.25">
      <c r="D16000" s="6">
        <v>499.17160000000001</v>
      </c>
      <c r="E16000" s="6">
        <v>1132.7909999999999</v>
      </c>
    </row>
    <row r="16001" spans="4:5" x14ac:dyDescent="0.25">
      <c r="D16001" s="6">
        <v>487.56220000000002</v>
      </c>
      <c r="E16001" s="6">
        <v>745.14469999999994</v>
      </c>
    </row>
    <row r="16002" spans="4:5" x14ac:dyDescent="0.25">
      <c r="D16002" s="6">
        <v>5611</v>
      </c>
      <c r="E16002" s="6">
        <v>5794.44</v>
      </c>
    </row>
    <row r="16003" spans="4:5" x14ac:dyDescent="0.25">
      <c r="D16003" s="6">
        <v>476.2285</v>
      </c>
      <c r="E16003" s="6">
        <v>1834.403</v>
      </c>
    </row>
    <row r="16004" spans="4:5" x14ac:dyDescent="0.25">
      <c r="D16004" s="6">
        <v>765.89490000000001</v>
      </c>
      <c r="E16004" s="6">
        <v>656.34760000000006</v>
      </c>
    </row>
    <row r="16005" spans="4:5" x14ac:dyDescent="0.25">
      <c r="D16005" s="6">
        <v>430.7441</v>
      </c>
      <c r="E16005" s="6">
        <v>1111.0319999999999</v>
      </c>
    </row>
    <row r="16006" spans="4:5" x14ac:dyDescent="0.25">
      <c r="D16006" s="6">
        <v>854.46770000000004</v>
      </c>
      <c r="E16006" s="6">
        <v>658.19090000000006</v>
      </c>
    </row>
    <row r="16007" spans="4:5" x14ac:dyDescent="0.25">
      <c r="D16007" s="6">
        <v>501.35120000000001</v>
      </c>
      <c r="E16007" s="6">
        <v>796.10090000000002</v>
      </c>
    </row>
    <row r="16008" spans="4:5" x14ac:dyDescent="0.25">
      <c r="D16008" s="6">
        <v>1694.01</v>
      </c>
      <c r="E16008" s="6">
        <v>2377.2530000000002</v>
      </c>
    </row>
    <row r="16009" spans="4:5" x14ac:dyDescent="0.25">
      <c r="D16009" s="6">
        <v>496.69889999999998</v>
      </c>
      <c r="E16009" s="6">
        <v>1283.0219999999999</v>
      </c>
    </row>
    <row r="16010" spans="4:5" x14ac:dyDescent="0.25">
      <c r="D16010" s="6">
        <v>470.16579999999999</v>
      </c>
      <c r="E16010" s="6">
        <v>709.45939999999996</v>
      </c>
    </row>
    <row r="16011" spans="4:5" x14ac:dyDescent="0.25">
      <c r="D16011" s="6">
        <v>515.48950000000002</v>
      </c>
      <c r="E16011" s="6">
        <v>1502.675</v>
      </c>
    </row>
    <row r="16012" spans="4:5" x14ac:dyDescent="0.25">
      <c r="D16012" s="6">
        <v>506.22340000000003</v>
      </c>
      <c r="E16012" s="6">
        <v>635.86540000000002</v>
      </c>
    </row>
    <row r="16013" spans="4:5" x14ac:dyDescent="0.25">
      <c r="D16013" s="6">
        <v>3007.8420000000001</v>
      </c>
      <c r="E16013" s="6">
        <v>1399.88</v>
      </c>
    </row>
    <row r="16014" spans="4:5" x14ac:dyDescent="0.25">
      <c r="D16014" s="6">
        <v>650.17330000000004</v>
      </c>
      <c r="E16014" s="6">
        <v>1257.021</v>
      </c>
    </row>
    <row r="16015" spans="4:5" x14ac:dyDescent="0.25">
      <c r="D16015" s="6">
        <v>3957.75</v>
      </c>
      <c r="E16015" s="6">
        <v>2101.4319999999998</v>
      </c>
    </row>
    <row r="16016" spans="4:5" x14ac:dyDescent="0.25">
      <c r="D16016" s="6">
        <v>4538.8419999999996</v>
      </c>
      <c r="E16016" s="6">
        <v>578.68899999999996</v>
      </c>
    </row>
    <row r="16017" spans="4:5" x14ac:dyDescent="0.25">
      <c r="D16017" s="6">
        <v>2983.7820000000002</v>
      </c>
      <c r="E16017" s="6">
        <v>616.404</v>
      </c>
    </row>
    <row r="16018" spans="4:5" x14ac:dyDescent="0.25">
      <c r="D16018" s="6">
        <v>757.13139999999999</v>
      </c>
      <c r="E16018" s="6">
        <v>6562.3729999999996</v>
      </c>
    </row>
    <row r="16019" spans="4:5" x14ac:dyDescent="0.25">
      <c r="D16019" s="6">
        <v>2137.1759999999999</v>
      </c>
      <c r="E16019" s="6">
        <v>343.3</v>
      </c>
    </row>
    <row r="16020" spans="4:5" x14ac:dyDescent="0.25">
      <c r="D16020" s="6">
        <v>519.52260000000001</v>
      </c>
      <c r="E16020" s="6">
        <v>631.71889999999996</v>
      </c>
    </row>
    <row r="16021" spans="4:5" x14ac:dyDescent="0.25">
      <c r="D16021" s="6">
        <v>806.44439999999997</v>
      </c>
      <c r="E16021" s="6">
        <v>6761.8459999999995</v>
      </c>
    </row>
    <row r="16022" spans="4:5" x14ac:dyDescent="0.25">
      <c r="D16022" s="6">
        <v>513.72720000000004</v>
      </c>
      <c r="E16022" s="6">
        <v>1799.5060000000001</v>
      </c>
    </row>
    <row r="16023" spans="4:5" x14ac:dyDescent="0.25">
      <c r="D16023" s="6">
        <v>527.52949999999998</v>
      </c>
      <c r="E16023" s="6">
        <v>2619.7130000000002</v>
      </c>
    </row>
    <row r="16024" spans="4:5" x14ac:dyDescent="0.25">
      <c r="D16024" s="6">
        <v>395.94459999999998</v>
      </c>
      <c r="E16024" s="6">
        <v>2576.9250000000002</v>
      </c>
    </row>
    <row r="16025" spans="4:5" x14ac:dyDescent="0.25">
      <c r="D16025" s="6">
        <v>550.99469999999997</v>
      </c>
      <c r="E16025" s="6">
        <v>12737.83</v>
      </c>
    </row>
    <row r="16026" spans="4:5" x14ac:dyDescent="0.25">
      <c r="D16026" s="6">
        <v>435.21129999999999</v>
      </c>
      <c r="E16026" s="6">
        <v>614.64380000000006</v>
      </c>
    </row>
    <row r="16027" spans="4:5" x14ac:dyDescent="0.25">
      <c r="D16027" s="6">
        <v>680.73680000000002</v>
      </c>
      <c r="E16027" s="6">
        <v>947.12</v>
      </c>
    </row>
    <row r="16028" spans="4:5" x14ac:dyDescent="0.25">
      <c r="D16028" s="6">
        <v>448.26659999999998</v>
      </c>
      <c r="E16028" s="6">
        <v>863.70920000000001</v>
      </c>
    </row>
    <row r="16029" spans="4:5" x14ac:dyDescent="0.25">
      <c r="D16029" s="6">
        <v>462.90499999999997</v>
      </c>
      <c r="E16029" s="6">
        <v>1430.8579999999999</v>
      </c>
    </row>
    <row r="16030" spans="4:5" x14ac:dyDescent="0.25">
      <c r="D16030" s="6">
        <v>8766.8250000000007</v>
      </c>
      <c r="E16030" s="6">
        <v>535.11940000000004</v>
      </c>
    </row>
    <row r="16031" spans="4:5" x14ac:dyDescent="0.25">
      <c r="D16031" s="6">
        <v>598.76589999999999</v>
      </c>
      <c r="E16031" s="6">
        <v>634.78250000000003</v>
      </c>
    </row>
    <row r="16032" spans="4:5" x14ac:dyDescent="0.25">
      <c r="D16032" s="6">
        <v>435.21480000000003</v>
      </c>
      <c r="E16032" s="6">
        <v>632.19820000000004</v>
      </c>
    </row>
    <row r="16033" spans="4:5" x14ac:dyDescent="0.25">
      <c r="D16033" s="6">
        <v>511.74930000000001</v>
      </c>
      <c r="E16033" s="6">
        <v>699.10450000000003</v>
      </c>
    </row>
    <row r="16034" spans="4:5" x14ac:dyDescent="0.25">
      <c r="D16034" s="6">
        <v>5921.8320000000003</v>
      </c>
      <c r="E16034" s="6">
        <v>3341.0419999999999</v>
      </c>
    </row>
    <row r="16035" spans="4:5" x14ac:dyDescent="0.25">
      <c r="D16035" s="6">
        <v>621.48130000000003</v>
      </c>
      <c r="E16035" s="6">
        <v>701.1848</v>
      </c>
    </row>
    <row r="16036" spans="4:5" x14ac:dyDescent="0.25">
      <c r="D16036" s="6">
        <v>490.56509999999997</v>
      </c>
      <c r="E16036" s="6">
        <v>1125.2239999999999</v>
      </c>
    </row>
    <row r="16037" spans="4:5" x14ac:dyDescent="0.25">
      <c r="D16037" s="6">
        <v>12481.51</v>
      </c>
      <c r="E16037" s="6">
        <v>772.60569999999996</v>
      </c>
    </row>
    <row r="16038" spans="4:5" x14ac:dyDescent="0.25">
      <c r="D16038" s="6">
        <v>532.33259999999996</v>
      </c>
      <c r="E16038" s="6">
        <v>575.42750000000001</v>
      </c>
    </row>
    <row r="16039" spans="4:5" x14ac:dyDescent="0.25">
      <c r="D16039" s="6">
        <v>622.13499999999999</v>
      </c>
      <c r="E16039" s="6">
        <v>5222</v>
      </c>
    </row>
    <row r="16040" spans="4:5" x14ac:dyDescent="0.25">
      <c r="D16040" s="6">
        <v>3329.634</v>
      </c>
      <c r="E16040" s="6">
        <v>4042.826</v>
      </c>
    </row>
    <row r="16041" spans="4:5" x14ac:dyDescent="0.25">
      <c r="D16041" s="6">
        <v>554.86009999999999</v>
      </c>
      <c r="E16041" s="6">
        <v>770.37059999999997</v>
      </c>
    </row>
    <row r="16042" spans="4:5" x14ac:dyDescent="0.25">
      <c r="D16042" s="6">
        <v>1686.932</v>
      </c>
      <c r="E16042" s="6">
        <v>693.36440000000005</v>
      </c>
    </row>
    <row r="16043" spans="4:5" x14ac:dyDescent="0.25">
      <c r="D16043" s="6">
        <v>487.05090000000001</v>
      </c>
      <c r="E16043" s="6">
        <v>668.45630000000006</v>
      </c>
    </row>
    <row r="16044" spans="4:5" x14ac:dyDescent="0.25">
      <c r="D16044" s="6">
        <v>581.48789999999997</v>
      </c>
      <c r="E16044" s="6">
        <v>2222.018</v>
      </c>
    </row>
    <row r="16045" spans="4:5" x14ac:dyDescent="0.25">
      <c r="D16045" s="6">
        <v>530.50549999999998</v>
      </c>
      <c r="E16045" s="6">
        <v>1863.394</v>
      </c>
    </row>
    <row r="16046" spans="4:5" x14ac:dyDescent="0.25">
      <c r="D16046" s="6">
        <v>478.55529999999999</v>
      </c>
      <c r="E16046" s="6">
        <v>4275.1610000000001</v>
      </c>
    </row>
    <row r="16047" spans="4:5" x14ac:dyDescent="0.25">
      <c r="D16047" s="6">
        <v>505.0652</v>
      </c>
      <c r="E16047" s="6">
        <v>708.45770000000005</v>
      </c>
    </row>
    <row r="16048" spans="4:5" x14ac:dyDescent="0.25">
      <c r="D16048" s="6">
        <v>5968.5</v>
      </c>
      <c r="E16048" s="6">
        <v>1576.8779999999999</v>
      </c>
    </row>
    <row r="16049" spans="4:5" x14ac:dyDescent="0.25">
      <c r="D16049" s="6">
        <v>8142.5569999999998</v>
      </c>
      <c r="E16049" s="6">
        <v>1522.3309999999999</v>
      </c>
    </row>
    <row r="16050" spans="4:5" x14ac:dyDescent="0.25">
      <c r="D16050" s="6">
        <v>649.31200000000001</v>
      </c>
      <c r="E16050" s="6">
        <v>610.37540000000001</v>
      </c>
    </row>
    <row r="16051" spans="4:5" x14ac:dyDescent="0.25">
      <c r="D16051" s="6">
        <v>531.37279999999998</v>
      </c>
      <c r="E16051" s="6">
        <v>988.99549999999999</v>
      </c>
    </row>
    <row r="16052" spans="4:5" x14ac:dyDescent="0.25">
      <c r="D16052" s="6">
        <v>5056.2</v>
      </c>
      <c r="E16052" s="6">
        <v>449.62400000000002</v>
      </c>
    </row>
    <row r="16053" spans="4:5" x14ac:dyDescent="0.25">
      <c r="D16053" s="6">
        <v>484.91879999999998</v>
      </c>
      <c r="E16053" s="6">
        <v>4445.2510000000002</v>
      </c>
    </row>
    <row r="16054" spans="4:5" x14ac:dyDescent="0.25">
      <c r="D16054" s="6">
        <v>526.00609999999995</v>
      </c>
      <c r="E16054" s="6">
        <v>664.91210000000001</v>
      </c>
    </row>
    <row r="16055" spans="4:5" x14ac:dyDescent="0.25">
      <c r="D16055" s="6">
        <v>463.24560000000002</v>
      </c>
      <c r="E16055" s="6">
        <v>896.66510000000005</v>
      </c>
    </row>
    <row r="16056" spans="4:5" x14ac:dyDescent="0.25">
      <c r="D16056" s="6">
        <v>787.4502</v>
      </c>
      <c r="E16056" s="6">
        <v>497.23180000000002</v>
      </c>
    </row>
    <row r="16057" spans="4:5" x14ac:dyDescent="0.25">
      <c r="D16057" s="6">
        <v>3944.723</v>
      </c>
      <c r="E16057" s="6">
        <v>625.04309999999998</v>
      </c>
    </row>
    <row r="16058" spans="4:5" x14ac:dyDescent="0.25">
      <c r="D16058" s="6">
        <v>324.40870000000001</v>
      </c>
      <c r="E16058" s="6">
        <v>693.27030000000002</v>
      </c>
    </row>
    <row r="16059" spans="4:5" x14ac:dyDescent="0.25">
      <c r="D16059" s="6">
        <v>506.08819999999997</v>
      </c>
      <c r="E16059" s="6">
        <v>450.34870000000001</v>
      </c>
    </row>
    <row r="16060" spans="4:5" x14ac:dyDescent="0.25">
      <c r="D16060" s="6">
        <v>468.83670000000001</v>
      </c>
      <c r="E16060" s="6">
        <v>886.49929999999995</v>
      </c>
    </row>
    <row r="16061" spans="4:5" x14ac:dyDescent="0.25">
      <c r="D16061" s="6">
        <v>593.82050000000004</v>
      </c>
      <c r="E16061" s="6">
        <v>2084.049</v>
      </c>
    </row>
    <row r="16062" spans="4:5" x14ac:dyDescent="0.25">
      <c r="D16062" s="6">
        <v>1243.3599999999999</v>
      </c>
      <c r="E16062" s="6">
        <v>795.2079</v>
      </c>
    </row>
    <row r="16063" spans="4:5" x14ac:dyDescent="0.25">
      <c r="D16063" s="6">
        <v>864.65930000000003</v>
      </c>
      <c r="E16063" s="6">
        <v>2274.567</v>
      </c>
    </row>
    <row r="16064" spans="4:5" x14ac:dyDescent="0.25">
      <c r="D16064" s="6">
        <v>438.00119999999998</v>
      </c>
      <c r="E16064" s="6">
        <v>1150.7909999999999</v>
      </c>
    </row>
    <row r="16065" spans="4:5" x14ac:dyDescent="0.25">
      <c r="D16065" s="6">
        <v>477.4622</v>
      </c>
      <c r="E16065" s="6">
        <v>636.36800000000005</v>
      </c>
    </row>
    <row r="16066" spans="4:5" x14ac:dyDescent="0.25">
      <c r="D16066" s="6">
        <v>415.38459999999998</v>
      </c>
      <c r="E16066" s="6">
        <v>608.68050000000005</v>
      </c>
    </row>
    <row r="16067" spans="4:5" x14ac:dyDescent="0.25">
      <c r="D16067" s="6">
        <v>826.10310000000004</v>
      </c>
      <c r="E16067" s="6">
        <v>5637.9989999999998</v>
      </c>
    </row>
    <row r="16068" spans="4:5" x14ac:dyDescent="0.25">
      <c r="D16068" s="6">
        <v>439.19029999999998</v>
      </c>
      <c r="E16068" s="6">
        <v>2089.8270000000002</v>
      </c>
    </row>
    <row r="16069" spans="4:5" x14ac:dyDescent="0.25">
      <c r="D16069" s="6">
        <v>610.61379999999997</v>
      </c>
      <c r="E16069" s="6">
        <v>1343.0150000000001</v>
      </c>
    </row>
    <row r="16070" spans="4:5" x14ac:dyDescent="0.25">
      <c r="D16070" s="6">
        <v>475.34429999999998</v>
      </c>
      <c r="E16070" s="6">
        <v>2236.712</v>
      </c>
    </row>
    <row r="16071" spans="4:5" x14ac:dyDescent="0.25">
      <c r="D16071" s="6">
        <v>448.49829999999997</v>
      </c>
      <c r="E16071" s="6">
        <v>2187.2600000000002</v>
      </c>
    </row>
    <row r="16072" spans="4:5" x14ac:dyDescent="0.25">
      <c r="D16072" s="6">
        <v>368.97019999999998</v>
      </c>
      <c r="E16072" s="6">
        <v>721.97739999999999</v>
      </c>
    </row>
    <row r="16073" spans="4:5" x14ac:dyDescent="0.25">
      <c r="D16073" s="6">
        <v>2902.018</v>
      </c>
      <c r="E16073" s="6">
        <v>856.12220000000002</v>
      </c>
    </row>
    <row r="16074" spans="4:5" x14ac:dyDescent="0.25">
      <c r="D16074" s="6">
        <v>4794.4970000000003</v>
      </c>
      <c r="E16074" s="6">
        <v>1899.99</v>
      </c>
    </row>
    <row r="16075" spans="4:5" x14ac:dyDescent="0.25">
      <c r="D16075" s="6">
        <v>575.44470000000001</v>
      </c>
      <c r="E16075" s="6">
        <v>666.40650000000005</v>
      </c>
    </row>
    <row r="16076" spans="4:5" x14ac:dyDescent="0.25">
      <c r="D16076" s="6">
        <v>3232.8620000000001</v>
      </c>
      <c r="E16076" s="6">
        <v>1630.0550000000001</v>
      </c>
    </row>
    <row r="16077" spans="4:5" x14ac:dyDescent="0.25">
      <c r="D16077" s="6">
        <v>1658</v>
      </c>
      <c r="E16077" s="6">
        <v>1030.0940000000001</v>
      </c>
    </row>
    <row r="16078" spans="4:5" x14ac:dyDescent="0.25">
      <c r="D16078" s="6">
        <v>487.31779999999998</v>
      </c>
      <c r="E16078" s="6">
        <v>977.60709999999995</v>
      </c>
    </row>
    <row r="16079" spans="4:5" x14ac:dyDescent="0.25">
      <c r="D16079" s="6">
        <v>562.28740000000005</v>
      </c>
      <c r="E16079" s="6">
        <v>823.8048</v>
      </c>
    </row>
    <row r="16080" spans="4:5" x14ac:dyDescent="0.25">
      <c r="D16080" s="6">
        <v>551.34879999999998</v>
      </c>
      <c r="E16080" s="6">
        <v>1450.7850000000001</v>
      </c>
    </row>
    <row r="16081" spans="4:5" x14ac:dyDescent="0.25">
      <c r="D16081" s="6">
        <v>783.02589999999998</v>
      </c>
      <c r="E16081" s="6">
        <v>611.29079999999999</v>
      </c>
    </row>
    <row r="16082" spans="4:5" x14ac:dyDescent="0.25">
      <c r="D16082" s="6">
        <v>400.41030000000001</v>
      </c>
      <c r="E16082" s="6">
        <v>6223.7370000000001</v>
      </c>
    </row>
    <row r="16083" spans="4:5" x14ac:dyDescent="0.25">
      <c r="D16083" s="6">
        <v>539.02940000000001</v>
      </c>
      <c r="E16083" s="6">
        <v>1103.5889999999999</v>
      </c>
    </row>
    <row r="16084" spans="4:5" x14ac:dyDescent="0.25">
      <c r="D16084" s="6">
        <v>474.41109999999998</v>
      </c>
      <c r="E16084" s="6">
        <v>855.40049999999997</v>
      </c>
    </row>
    <row r="16085" spans="4:5" x14ac:dyDescent="0.25">
      <c r="D16085" s="6">
        <v>460.89879999999999</v>
      </c>
      <c r="E16085" s="6">
        <v>5767.8559999999998</v>
      </c>
    </row>
    <row r="16086" spans="4:5" x14ac:dyDescent="0.25">
      <c r="D16086" s="6">
        <v>471.9898</v>
      </c>
      <c r="E16086" s="6">
        <v>1918.501</v>
      </c>
    </row>
    <row r="16087" spans="4:5" x14ac:dyDescent="0.25">
      <c r="D16087" s="6">
        <v>464.97250000000003</v>
      </c>
      <c r="E16087" s="6">
        <v>979.54129999999998</v>
      </c>
    </row>
    <row r="16088" spans="4:5" x14ac:dyDescent="0.25">
      <c r="D16088" s="6">
        <v>452.68360000000001</v>
      </c>
      <c r="E16088" s="6">
        <v>705.9588</v>
      </c>
    </row>
    <row r="16089" spans="4:5" x14ac:dyDescent="0.25">
      <c r="D16089" s="6">
        <v>422.48790000000002</v>
      </c>
      <c r="E16089" s="6">
        <v>668.14710000000002</v>
      </c>
    </row>
    <row r="16090" spans="4:5" x14ac:dyDescent="0.25">
      <c r="D16090" s="6">
        <v>487.82299999999998</v>
      </c>
      <c r="E16090" s="6">
        <v>615.57590000000005</v>
      </c>
    </row>
    <row r="16091" spans="4:5" x14ac:dyDescent="0.25">
      <c r="D16091" s="6">
        <v>475.4452</v>
      </c>
      <c r="E16091" s="6">
        <v>547.73900000000003</v>
      </c>
    </row>
    <row r="16092" spans="4:5" x14ac:dyDescent="0.25">
      <c r="D16092" s="6">
        <v>4006.4140000000002</v>
      </c>
      <c r="E16092" s="6">
        <v>652.92499999999995</v>
      </c>
    </row>
    <row r="16093" spans="4:5" x14ac:dyDescent="0.25">
      <c r="D16093" s="6">
        <v>6748.9859999999999</v>
      </c>
      <c r="E16093" s="6">
        <v>478.22399999999999</v>
      </c>
    </row>
    <row r="16094" spans="4:5" x14ac:dyDescent="0.25">
      <c r="D16094" s="6">
        <v>604.3338</v>
      </c>
      <c r="E16094" s="6">
        <v>714.87599999999998</v>
      </c>
    </row>
    <row r="16095" spans="4:5" x14ac:dyDescent="0.25">
      <c r="D16095" s="6">
        <v>1232.4929999999999</v>
      </c>
      <c r="E16095" s="6">
        <v>726.35569999999996</v>
      </c>
    </row>
    <row r="16096" spans="4:5" x14ac:dyDescent="0.25">
      <c r="D16096" s="6">
        <v>505.0641</v>
      </c>
      <c r="E16096" s="6">
        <v>682.04269999999997</v>
      </c>
    </row>
    <row r="16097" spans="4:5" x14ac:dyDescent="0.25">
      <c r="D16097" s="6">
        <v>4335.5990000000002</v>
      </c>
      <c r="E16097" s="6">
        <v>774.96780000000001</v>
      </c>
    </row>
    <row r="16098" spans="4:5" x14ac:dyDescent="0.25">
      <c r="D16098" s="6">
        <v>6686.7420000000002</v>
      </c>
      <c r="E16098" s="6">
        <v>974.05909999999994</v>
      </c>
    </row>
    <row r="16099" spans="4:5" x14ac:dyDescent="0.25">
      <c r="D16099" s="6">
        <v>4367.8580000000002</v>
      </c>
      <c r="E16099" s="6">
        <v>597.65639999999996</v>
      </c>
    </row>
    <row r="16100" spans="4:5" x14ac:dyDescent="0.25">
      <c r="D16100" s="6">
        <v>447.86939999999998</v>
      </c>
      <c r="E16100" s="6">
        <v>1002.081</v>
      </c>
    </row>
    <row r="16101" spans="4:5" x14ac:dyDescent="0.25">
      <c r="D16101" s="6">
        <v>482.79329999999999</v>
      </c>
      <c r="E16101" s="6">
        <v>488.88209999999998</v>
      </c>
    </row>
    <row r="16102" spans="4:5" x14ac:dyDescent="0.25">
      <c r="D16102" s="6">
        <v>503.64490000000001</v>
      </c>
      <c r="E16102" s="6">
        <v>613.24940000000004</v>
      </c>
    </row>
    <row r="16103" spans="4:5" x14ac:dyDescent="0.25">
      <c r="D16103" s="6">
        <v>451.39569999999998</v>
      </c>
      <c r="E16103" s="6">
        <v>809.12540000000001</v>
      </c>
    </row>
    <row r="16104" spans="4:5" x14ac:dyDescent="0.25">
      <c r="D16104" s="6">
        <v>515.97090000000003</v>
      </c>
      <c r="E16104" s="6">
        <v>831.89940000000001</v>
      </c>
    </row>
    <row r="16105" spans="4:5" x14ac:dyDescent="0.25">
      <c r="D16105" s="6">
        <v>481.28140000000002</v>
      </c>
      <c r="E16105" s="6">
        <v>664.70709999999997</v>
      </c>
    </row>
    <row r="16106" spans="4:5" x14ac:dyDescent="0.25">
      <c r="D16106" s="6">
        <v>485.14440000000002</v>
      </c>
      <c r="E16106" s="6">
        <v>1693.2840000000001</v>
      </c>
    </row>
    <row r="16107" spans="4:5" x14ac:dyDescent="0.25">
      <c r="D16107" s="6">
        <v>1082.662</v>
      </c>
      <c r="E16107" s="6">
        <v>592.20500000000004</v>
      </c>
    </row>
    <row r="16108" spans="4:5" x14ac:dyDescent="0.25">
      <c r="D16108" s="6">
        <v>4475.4759999999997</v>
      </c>
      <c r="E16108" s="6">
        <v>585.96529999999996</v>
      </c>
    </row>
    <row r="16109" spans="4:5" x14ac:dyDescent="0.25">
      <c r="D16109" s="6">
        <v>1774.65</v>
      </c>
      <c r="E16109" s="6">
        <v>818.69299999999998</v>
      </c>
    </row>
    <row r="16110" spans="4:5" x14ac:dyDescent="0.25">
      <c r="D16110" s="6">
        <v>5371.2330000000002</v>
      </c>
      <c r="E16110" s="6">
        <v>697.26499999999999</v>
      </c>
    </row>
    <row r="16111" spans="4:5" x14ac:dyDescent="0.25">
      <c r="D16111" s="6">
        <v>2801.0309999999999</v>
      </c>
      <c r="E16111" s="6">
        <v>1462.5930000000001</v>
      </c>
    </row>
    <row r="16112" spans="4:5" x14ac:dyDescent="0.25">
      <c r="D16112" s="6">
        <v>1080.595</v>
      </c>
      <c r="E16112" s="6">
        <v>2225.8029999999999</v>
      </c>
    </row>
    <row r="16113" spans="4:5" x14ac:dyDescent="0.25">
      <c r="D16113" s="6">
        <v>1081.6679999999999</v>
      </c>
      <c r="E16113" s="6">
        <v>5247.8689999999997</v>
      </c>
    </row>
    <row r="16114" spans="4:5" x14ac:dyDescent="0.25">
      <c r="D16114" s="6">
        <v>1234.19</v>
      </c>
      <c r="E16114" s="6">
        <v>614.84429999999998</v>
      </c>
    </row>
    <row r="16115" spans="4:5" x14ac:dyDescent="0.25">
      <c r="D16115" s="6">
        <v>1602.9829999999999</v>
      </c>
      <c r="E16115" s="6">
        <v>5075.6809999999996</v>
      </c>
    </row>
    <row r="16116" spans="4:5" x14ac:dyDescent="0.25">
      <c r="D16116" s="6">
        <v>461.33049999999997</v>
      </c>
      <c r="E16116" s="6">
        <v>856.98590000000002</v>
      </c>
    </row>
    <row r="16117" spans="4:5" x14ac:dyDescent="0.25">
      <c r="D16117" s="6">
        <v>494.48689999999999</v>
      </c>
      <c r="E16117" s="6">
        <v>7350.8519999999999</v>
      </c>
    </row>
    <row r="16118" spans="4:5" x14ac:dyDescent="0.25">
      <c r="D16118" s="6">
        <v>751.77850000000001</v>
      </c>
      <c r="E16118" s="6">
        <v>1400.2470000000001</v>
      </c>
    </row>
    <row r="16119" spans="4:5" x14ac:dyDescent="0.25">
      <c r="D16119" s="6">
        <v>4428.7290000000003</v>
      </c>
      <c r="E16119" s="6">
        <v>611.33119999999997</v>
      </c>
    </row>
    <row r="16120" spans="4:5" x14ac:dyDescent="0.25">
      <c r="D16120" s="6">
        <v>549.12379999999996</v>
      </c>
      <c r="E16120" s="6">
        <v>671.62940000000003</v>
      </c>
    </row>
    <row r="16121" spans="4:5" x14ac:dyDescent="0.25">
      <c r="D16121" s="6">
        <v>4480.9139999999998</v>
      </c>
      <c r="E16121" s="6">
        <v>1917.1110000000001</v>
      </c>
    </row>
    <row r="16122" spans="4:5" x14ac:dyDescent="0.25">
      <c r="D16122" s="6">
        <v>1260.326</v>
      </c>
      <c r="E16122" s="6">
        <v>793.49239999999998</v>
      </c>
    </row>
    <row r="16123" spans="4:5" x14ac:dyDescent="0.25">
      <c r="D16123" s="6">
        <v>426.76069999999999</v>
      </c>
      <c r="E16123" s="6">
        <v>1180.6669999999999</v>
      </c>
    </row>
    <row r="16124" spans="4:5" x14ac:dyDescent="0.25">
      <c r="D16124" s="6">
        <v>731.14530000000002</v>
      </c>
      <c r="E16124" s="6">
        <v>895.65179999999998</v>
      </c>
    </row>
    <row r="16125" spans="4:5" x14ac:dyDescent="0.25">
      <c r="D16125" s="6">
        <v>424.51920000000001</v>
      </c>
      <c r="E16125" s="6">
        <v>3015.7289999999998</v>
      </c>
    </row>
    <row r="16126" spans="4:5" x14ac:dyDescent="0.25">
      <c r="D16126" s="6">
        <v>4099.6080000000002</v>
      </c>
      <c r="E16126" s="6">
        <v>5653.9809999999998</v>
      </c>
    </row>
    <row r="16127" spans="4:5" x14ac:dyDescent="0.25">
      <c r="D16127" s="6">
        <v>8286.5</v>
      </c>
      <c r="E16127" s="6">
        <v>619.20050000000003</v>
      </c>
    </row>
    <row r="16128" spans="4:5" x14ac:dyDescent="0.25">
      <c r="D16128" s="6">
        <v>534.1327</v>
      </c>
      <c r="E16128" s="6">
        <v>639.9701</v>
      </c>
    </row>
    <row r="16129" spans="4:5" x14ac:dyDescent="0.25">
      <c r="D16129" s="6">
        <v>5245.9949999999999</v>
      </c>
      <c r="E16129" s="6">
        <v>2113.0990000000002</v>
      </c>
    </row>
    <row r="16130" spans="4:5" x14ac:dyDescent="0.25">
      <c r="D16130" s="6">
        <v>464.48669999999998</v>
      </c>
      <c r="E16130" s="6">
        <v>1978.202</v>
      </c>
    </row>
    <row r="16131" spans="4:5" x14ac:dyDescent="0.25">
      <c r="D16131" s="6">
        <v>2249</v>
      </c>
      <c r="E16131" s="6">
        <v>3922.68</v>
      </c>
    </row>
    <row r="16132" spans="4:5" x14ac:dyDescent="0.25">
      <c r="D16132" s="6">
        <v>556.42920000000004</v>
      </c>
      <c r="E16132" s="6">
        <v>717.98580000000004</v>
      </c>
    </row>
    <row r="16133" spans="4:5" x14ac:dyDescent="0.25">
      <c r="D16133" s="6">
        <v>512.60249999999996</v>
      </c>
      <c r="E16133" s="6">
        <v>582.89149999999995</v>
      </c>
    </row>
    <row r="16134" spans="4:5" x14ac:dyDescent="0.25">
      <c r="D16134" s="6">
        <v>3499.6689999999999</v>
      </c>
      <c r="E16134" s="6">
        <v>770.47040000000004</v>
      </c>
    </row>
    <row r="16135" spans="4:5" x14ac:dyDescent="0.25">
      <c r="D16135" s="6">
        <v>5358.8720000000003</v>
      </c>
      <c r="E16135" s="6">
        <v>662.20540000000005</v>
      </c>
    </row>
    <row r="16136" spans="4:5" x14ac:dyDescent="0.25">
      <c r="D16136" s="6">
        <v>503.45670000000001</v>
      </c>
      <c r="E16136" s="6">
        <v>6220.665</v>
      </c>
    </row>
    <row r="16137" spans="4:5" x14ac:dyDescent="0.25">
      <c r="D16137" s="6">
        <v>701.88300000000004</v>
      </c>
      <c r="E16137" s="6">
        <v>1038.979</v>
      </c>
    </row>
    <row r="16138" spans="4:5" x14ac:dyDescent="0.25">
      <c r="D16138" s="6">
        <v>1629.886</v>
      </c>
      <c r="E16138" s="6">
        <v>684.13419999999996</v>
      </c>
    </row>
    <row r="16139" spans="4:5" x14ac:dyDescent="0.25">
      <c r="D16139" s="6">
        <v>4293.6930000000002</v>
      </c>
      <c r="E16139" s="6">
        <v>2887.5619999999999</v>
      </c>
    </row>
    <row r="16140" spans="4:5" x14ac:dyDescent="0.25">
      <c r="D16140" s="6">
        <v>382.73950000000002</v>
      </c>
      <c r="E16140" s="6">
        <v>633.63160000000005</v>
      </c>
    </row>
    <row r="16141" spans="4:5" x14ac:dyDescent="0.25">
      <c r="D16141" s="6">
        <v>1964</v>
      </c>
      <c r="E16141" s="6">
        <v>5575.6769999999997</v>
      </c>
    </row>
    <row r="16142" spans="4:5" x14ac:dyDescent="0.25">
      <c r="D16142" s="6">
        <v>429.35199999999998</v>
      </c>
      <c r="E16142" s="6">
        <v>1855.75</v>
      </c>
    </row>
    <row r="16143" spans="4:5" x14ac:dyDescent="0.25">
      <c r="D16143" s="6">
        <v>684.08699999999999</v>
      </c>
      <c r="E16143" s="6">
        <v>738.34079999999994</v>
      </c>
    </row>
    <row r="16144" spans="4:5" x14ac:dyDescent="0.25">
      <c r="D16144" s="6">
        <v>393.84589999999997</v>
      </c>
      <c r="E16144" s="6">
        <v>696.25630000000001</v>
      </c>
    </row>
    <row r="16145" spans="4:5" x14ac:dyDescent="0.25">
      <c r="D16145" s="6">
        <v>885.4307</v>
      </c>
      <c r="E16145" s="6">
        <v>617.29560000000004</v>
      </c>
    </row>
    <row r="16146" spans="4:5" x14ac:dyDescent="0.25">
      <c r="D16146" s="6">
        <v>534.98779999999999</v>
      </c>
      <c r="E16146" s="6">
        <v>551.34550000000002</v>
      </c>
    </row>
    <row r="16147" spans="4:5" x14ac:dyDescent="0.25">
      <c r="D16147" s="6">
        <v>386.19940000000003</v>
      </c>
      <c r="E16147" s="6">
        <v>5045.317</v>
      </c>
    </row>
    <row r="16148" spans="4:5" x14ac:dyDescent="0.25">
      <c r="D16148" s="6">
        <v>429.05450000000002</v>
      </c>
      <c r="E16148" s="6">
        <v>1737.068</v>
      </c>
    </row>
    <row r="16149" spans="4:5" x14ac:dyDescent="0.25">
      <c r="D16149" s="6">
        <v>521.16830000000004</v>
      </c>
      <c r="E16149" s="6">
        <v>1964.1579999999999</v>
      </c>
    </row>
    <row r="16150" spans="4:5" x14ac:dyDescent="0.25">
      <c r="D16150" s="6">
        <v>458.49680000000001</v>
      </c>
      <c r="E16150" s="6">
        <v>1766.8910000000001</v>
      </c>
    </row>
    <row r="16151" spans="4:5" x14ac:dyDescent="0.25">
      <c r="D16151" s="6">
        <v>582.51419999999996</v>
      </c>
      <c r="E16151" s="6">
        <v>885.98810000000003</v>
      </c>
    </row>
    <row r="16152" spans="4:5" x14ac:dyDescent="0.25">
      <c r="D16152" s="6">
        <v>435.35989999999998</v>
      </c>
      <c r="E16152" s="6">
        <v>819.33749999999998</v>
      </c>
    </row>
    <row r="16153" spans="4:5" x14ac:dyDescent="0.25">
      <c r="D16153" s="6">
        <v>435.85509999999999</v>
      </c>
      <c r="E16153" s="6">
        <v>8189.7719999999999</v>
      </c>
    </row>
    <row r="16154" spans="4:5" x14ac:dyDescent="0.25">
      <c r="D16154" s="6">
        <v>432.791</v>
      </c>
      <c r="E16154" s="6">
        <v>860.58370000000002</v>
      </c>
    </row>
    <row r="16155" spans="4:5" x14ac:dyDescent="0.25">
      <c r="D16155" s="6">
        <v>4063.7689999999998</v>
      </c>
      <c r="E16155" s="6">
        <v>1770.539</v>
      </c>
    </row>
    <row r="16156" spans="4:5" x14ac:dyDescent="0.25">
      <c r="D16156" s="6">
        <v>461.67219999999998</v>
      </c>
      <c r="E16156" s="6">
        <v>859.62549999999999</v>
      </c>
    </row>
    <row r="16157" spans="4:5" x14ac:dyDescent="0.25">
      <c r="D16157" s="6">
        <v>465.74520000000001</v>
      </c>
      <c r="E16157" s="6">
        <v>780.57680000000005</v>
      </c>
    </row>
    <row r="16158" spans="4:5" x14ac:dyDescent="0.25">
      <c r="D16158" s="6">
        <v>545.66780000000006</v>
      </c>
      <c r="E16158" s="6">
        <v>674.00490000000002</v>
      </c>
    </row>
    <row r="16159" spans="4:5" x14ac:dyDescent="0.25">
      <c r="D16159" s="6">
        <v>460.14030000000002</v>
      </c>
      <c r="E16159" s="6">
        <v>629.99649999999997</v>
      </c>
    </row>
    <row r="16160" spans="4:5" x14ac:dyDescent="0.25">
      <c r="D16160" s="6">
        <v>1507</v>
      </c>
      <c r="E16160" s="6">
        <v>902</v>
      </c>
    </row>
    <row r="16161" spans="4:5" x14ac:dyDescent="0.25">
      <c r="D16161" s="6">
        <v>502.93709999999999</v>
      </c>
      <c r="E16161" s="6">
        <v>594.57899999999995</v>
      </c>
    </row>
    <row r="16162" spans="4:5" x14ac:dyDescent="0.25">
      <c r="D16162" s="6">
        <v>1716.914</v>
      </c>
      <c r="E16162" s="6">
        <v>878.91390000000001</v>
      </c>
    </row>
    <row r="16163" spans="4:5" x14ac:dyDescent="0.25">
      <c r="D16163" s="6">
        <v>1924.047</v>
      </c>
      <c r="E16163" s="6">
        <v>2486.527</v>
      </c>
    </row>
    <row r="16164" spans="4:5" x14ac:dyDescent="0.25">
      <c r="D16164" s="6">
        <v>492.38510000000002</v>
      </c>
      <c r="E16164" s="6">
        <v>1597.2380000000001</v>
      </c>
    </row>
    <row r="16165" spans="4:5" x14ac:dyDescent="0.25">
      <c r="D16165" s="6">
        <v>530.73519999999996</v>
      </c>
      <c r="E16165" s="6">
        <v>777.12350000000004</v>
      </c>
    </row>
    <row r="16166" spans="4:5" x14ac:dyDescent="0.25">
      <c r="D16166" s="6">
        <v>894.88049999999998</v>
      </c>
      <c r="E16166" s="6">
        <v>544.22389999999996</v>
      </c>
    </row>
    <row r="16167" spans="4:5" x14ac:dyDescent="0.25">
      <c r="D16167" s="6">
        <v>605.0086</v>
      </c>
      <c r="E16167" s="6">
        <v>1110.8710000000001</v>
      </c>
    </row>
    <row r="16168" spans="4:5" x14ac:dyDescent="0.25">
      <c r="D16168" s="6">
        <v>427.02859999999998</v>
      </c>
      <c r="E16168" s="6">
        <v>2905.2339999999999</v>
      </c>
    </row>
    <row r="16169" spans="4:5" x14ac:dyDescent="0.25">
      <c r="D16169" s="6">
        <v>400.74349999999998</v>
      </c>
      <c r="E16169" s="6">
        <v>1220.8510000000001</v>
      </c>
    </row>
    <row r="16170" spans="4:5" x14ac:dyDescent="0.25">
      <c r="D16170" s="6">
        <v>493.2133</v>
      </c>
      <c r="E16170" s="6">
        <v>682.09799999999996</v>
      </c>
    </row>
    <row r="16171" spans="4:5" x14ac:dyDescent="0.25">
      <c r="D16171" s="6">
        <v>527.13049999999998</v>
      </c>
      <c r="E16171" s="6">
        <v>717.76670000000001</v>
      </c>
    </row>
    <row r="16172" spans="4:5" x14ac:dyDescent="0.25">
      <c r="D16172" s="6">
        <v>5180.0519999999997</v>
      </c>
      <c r="E16172" s="6">
        <v>1116.5920000000001</v>
      </c>
    </row>
    <row r="16173" spans="4:5" x14ac:dyDescent="0.25">
      <c r="D16173" s="6">
        <v>520.09180000000003</v>
      </c>
      <c r="E16173" s="6">
        <v>518.66669999999999</v>
      </c>
    </row>
    <row r="16174" spans="4:5" x14ac:dyDescent="0.25">
      <c r="D16174" s="6">
        <v>625.75599999999997</v>
      </c>
      <c r="E16174" s="6">
        <v>1412.692</v>
      </c>
    </row>
    <row r="16175" spans="4:5" x14ac:dyDescent="0.25">
      <c r="D16175" s="6">
        <v>460.63600000000002</v>
      </c>
      <c r="E16175" s="6">
        <v>3918.607</v>
      </c>
    </row>
    <row r="16176" spans="4:5" x14ac:dyDescent="0.25">
      <c r="D16176" s="6">
        <v>623.91539999999998</v>
      </c>
      <c r="E16176" s="6">
        <v>2074.3789999999999</v>
      </c>
    </row>
    <row r="16177" spans="4:5" x14ac:dyDescent="0.25">
      <c r="D16177" s="6">
        <v>4678.1310000000003</v>
      </c>
      <c r="E16177" s="6">
        <v>1000.727</v>
      </c>
    </row>
    <row r="16178" spans="4:5" x14ac:dyDescent="0.25">
      <c r="D16178" s="6">
        <v>1564.7760000000001</v>
      </c>
      <c r="E16178" s="6">
        <v>571.91869999999994</v>
      </c>
    </row>
    <row r="16179" spans="4:5" x14ac:dyDescent="0.25">
      <c r="D16179" s="6">
        <v>534.03219999999999</v>
      </c>
      <c r="E16179" s="6">
        <v>1422.875</v>
      </c>
    </row>
    <row r="16180" spans="4:5" x14ac:dyDescent="0.25">
      <c r="D16180" s="6">
        <v>578.86829999999998</v>
      </c>
      <c r="E16180" s="6">
        <v>573.32500000000005</v>
      </c>
    </row>
    <row r="16181" spans="4:5" x14ac:dyDescent="0.25">
      <c r="D16181" s="6">
        <v>463.10410000000002</v>
      </c>
      <c r="E16181" s="6">
        <v>1808.123</v>
      </c>
    </row>
    <row r="16182" spans="4:5" x14ac:dyDescent="0.25">
      <c r="D16182" s="6">
        <v>614.70010000000002</v>
      </c>
      <c r="E16182" s="6">
        <v>1220.229</v>
      </c>
    </row>
    <row r="16183" spans="4:5" x14ac:dyDescent="0.25">
      <c r="D16183" s="6">
        <v>691.89459999999997</v>
      </c>
      <c r="E16183" s="6">
        <v>708.94150000000002</v>
      </c>
    </row>
    <row r="16184" spans="4:5" x14ac:dyDescent="0.25">
      <c r="D16184" s="6">
        <v>385.61540000000002</v>
      </c>
      <c r="E16184" s="6">
        <v>3328.02</v>
      </c>
    </row>
    <row r="16185" spans="4:5" x14ac:dyDescent="0.25">
      <c r="D16185" s="6">
        <v>465.24</v>
      </c>
      <c r="E16185" s="6">
        <v>1233.327</v>
      </c>
    </row>
    <row r="16186" spans="4:5" x14ac:dyDescent="0.25">
      <c r="D16186" s="6">
        <v>469.14949999999999</v>
      </c>
      <c r="E16186" s="6">
        <v>1248.6210000000001</v>
      </c>
    </row>
    <row r="16187" spans="4:5" x14ac:dyDescent="0.25">
      <c r="D16187" s="6">
        <v>607.83879999999999</v>
      </c>
      <c r="E16187" s="6">
        <v>2320.3710000000001</v>
      </c>
    </row>
    <row r="16188" spans="4:5" x14ac:dyDescent="0.25">
      <c r="D16188" s="6">
        <v>5844.26</v>
      </c>
      <c r="E16188" s="6">
        <v>2580.848</v>
      </c>
    </row>
    <row r="16189" spans="4:5" x14ac:dyDescent="0.25">
      <c r="D16189" s="6">
        <v>595.19510000000002</v>
      </c>
      <c r="E16189" s="6">
        <v>882.85950000000003</v>
      </c>
    </row>
    <row r="16190" spans="4:5" x14ac:dyDescent="0.25">
      <c r="D16190" s="6">
        <v>894.67039999999997</v>
      </c>
      <c r="E16190" s="6">
        <v>2066.0880000000002</v>
      </c>
    </row>
    <row r="16191" spans="4:5" x14ac:dyDescent="0.25">
      <c r="D16191" s="6">
        <v>525.85029999999995</v>
      </c>
      <c r="E16191" s="6">
        <v>912.64030000000002</v>
      </c>
    </row>
    <row r="16192" spans="4:5" x14ac:dyDescent="0.25">
      <c r="D16192" s="6">
        <v>531.66849999999999</v>
      </c>
      <c r="E16192" s="6">
        <v>762.91390000000001</v>
      </c>
    </row>
    <row r="16193" spans="4:5" x14ac:dyDescent="0.25">
      <c r="D16193" s="6">
        <v>3331.3319999999999</v>
      </c>
      <c r="E16193" s="6">
        <v>761.12750000000005</v>
      </c>
    </row>
    <row r="16194" spans="4:5" x14ac:dyDescent="0.25">
      <c r="D16194" s="6">
        <v>440.07490000000001</v>
      </c>
      <c r="E16194" s="6">
        <v>739.36919999999998</v>
      </c>
    </row>
    <row r="16195" spans="4:5" x14ac:dyDescent="0.25">
      <c r="D16195" s="6">
        <v>514.14419999999996</v>
      </c>
      <c r="E16195" s="6">
        <v>590.68679999999995</v>
      </c>
    </row>
    <row r="16196" spans="4:5" x14ac:dyDescent="0.25">
      <c r="D16196" s="6">
        <v>507.63479999999998</v>
      </c>
      <c r="E16196" s="6">
        <v>5351.1139999999996</v>
      </c>
    </row>
    <row r="16197" spans="4:5" x14ac:dyDescent="0.25">
      <c r="D16197" s="6">
        <v>1586.6220000000001</v>
      </c>
      <c r="E16197" s="6">
        <v>631.45510000000002</v>
      </c>
    </row>
    <row r="16198" spans="4:5" x14ac:dyDescent="0.25">
      <c r="D16198" s="6">
        <v>713.76170000000002</v>
      </c>
      <c r="E16198" s="6">
        <v>714.48630000000003</v>
      </c>
    </row>
    <row r="16199" spans="4:5" x14ac:dyDescent="0.25">
      <c r="D16199" s="6">
        <v>341.58330000000001</v>
      </c>
      <c r="E16199" s="6">
        <v>5897.848</v>
      </c>
    </row>
    <row r="16200" spans="4:5" x14ac:dyDescent="0.25">
      <c r="D16200" s="6">
        <v>470.10570000000001</v>
      </c>
      <c r="E16200" s="6">
        <v>677.52329999999995</v>
      </c>
    </row>
    <row r="16201" spans="4:5" x14ac:dyDescent="0.25">
      <c r="D16201" s="6">
        <v>566.09079999999994</v>
      </c>
      <c r="E16201" s="6">
        <v>8006.4290000000001</v>
      </c>
    </row>
    <row r="16202" spans="4:5" x14ac:dyDescent="0.25">
      <c r="D16202" s="6">
        <v>674.08450000000005</v>
      </c>
      <c r="E16202" s="6">
        <v>627.00649999999996</v>
      </c>
    </row>
    <row r="16203" spans="4:5" x14ac:dyDescent="0.25">
      <c r="D16203" s="6">
        <v>566.59500000000003</v>
      </c>
      <c r="E16203" s="6">
        <v>595.99620000000004</v>
      </c>
    </row>
    <row r="16204" spans="4:5" x14ac:dyDescent="0.25">
      <c r="D16204" s="6">
        <v>476.5274</v>
      </c>
      <c r="E16204" s="6">
        <v>1067.3330000000001</v>
      </c>
    </row>
    <row r="16205" spans="4:5" x14ac:dyDescent="0.25">
      <c r="D16205" s="6">
        <v>5811.6</v>
      </c>
      <c r="E16205" s="6">
        <v>620.70630000000006</v>
      </c>
    </row>
    <row r="16206" spans="4:5" x14ac:dyDescent="0.25">
      <c r="D16206" s="6">
        <v>2476.3530000000001</v>
      </c>
      <c r="E16206" s="6">
        <v>610.82550000000003</v>
      </c>
    </row>
    <row r="16207" spans="4:5" x14ac:dyDescent="0.25">
      <c r="D16207" s="6">
        <v>4548.8950000000004</v>
      </c>
      <c r="E16207" s="6">
        <v>2377.9920000000002</v>
      </c>
    </row>
    <row r="16208" spans="4:5" x14ac:dyDescent="0.25">
      <c r="D16208" s="6">
        <v>610.95389999999998</v>
      </c>
      <c r="E16208" s="6">
        <v>636.34879999999998</v>
      </c>
    </row>
    <row r="16209" spans="4:5" x14ac:dyDescent="0.25">
      <c r="D16209" s="6">
        <v>550.00720000000001</v>
      </c>
      <c r="E16209" s="6">
        <v>1403.8879999999999</v>
      </c>
    </row>
    <row r="16210" spans="4:5" x14ac:dyDescent="0.25">
      <c r="D16210" s="6">
        <v>1852.569</v>
      </c>
      <c r="E16210" s="6">
        <v>1731.7280000000001</v>
      </c>
    </row>
    <row r="16211" spans="4:5" x14ac:dyDescent="0.25">
      <c r="D16211" s="6">
        <v>1177.1099999999999</v>
      </c>
      <c r="E16211" s="6">
        <v>1196.8030000000001</v>
      </c>
    </row>
    <row r="16212" spans="4:5" x14ac:dyDescent="0.25">
      <c r="D16212" s="6">
        <v>954.47199999999998</v>
      </c>
      <c r="E16212" s="6">
        <v>602</v>
      </c>
    </row>
    <row r="16213" spans="4:5" x14ac:dyDescent="0.25">
      <c r="D16213" s="6">
        <v>5094.1850000000004</v>
      </c>
      <c r="E16213" s="6">
        <v>475.50490000000002</v>
      </c>
    </row>
    <row r="16214" spans="4:5" x14ac:dyDescent="0.25">
      <c r="D16214" s="6">
        <v>517.3288</v>
      </c>
      <c r="E16214" s="6">
        <v>566.61009999999999</v>
      </c>
    </row>
    <row r="16215" spans="4:5" x14ac:dyDescent="0.25">
      <c r="D16215" s="6">
        <v>618.2681</v>
      </c>
      <c r="E16215" s="6">
        <v>698.16369999999995</v>
      </c>
    </row>
    <row r="16216" spans="4:5" x14ac:dyDescent="0.25">
      <c r="D16216" s="6">
        <v>490.125</v>
      </c>
      <c r="E16216" s="6">
        <v>10646</v>
      </c>
    </row>
    <row r="16217" spans="4:5" x14ac:dyDescent="0.25">
      <c r="D16217" s="6">
        <v>709.42070000000001</v>
      </c>
      <c r="E16217" s="6">
        <v>4238.5370000000003</v>
      </c>
    </row>
    <row r="16218" spans="4:5" x14ac:dyDescent="0.25">
      <c r="D16218" s="6">
        <v>639.9973</v>
      </c>
      <c r="E16218" s="6">
        <v>1001.894</v>
      </c>
    </row>
    <row r="16219" spans="4:5" x14ac:dyDescent="0.25">
      <c r="D16219" s="6">
        <v>557.13350000000003</v>
      </c>
      <c r="E16219" s="6">
        <v>1304.0450000000001</v>
      </c>
    </row>
    <row r="16220" spans="4:5" x14ac:dyDescent="0.25">
      <c r="D16220" s="6">
        <v>2017</v>
      </c>
      <c r="E16220" s="6">
        <v>1874.204</v>
      </c>
    </row>
    <row r="16221" spans="4:5" x14ac:dyDescent="0.25">
      <c r="D16221" s="6">
        <v>1013.855</v>
      </c>
      <c r="E16221" s="6">
        <v>1398.3130000000001</v>
      </c>
    </row>
    <row r="16222" spans="4:5" x14ac:dyDescent="0.25">
      <c r="D16222" s="6">
        <v>610.07920000000001</v>
      </c>
      <c r="E16222" s="6">
        <v>591.3777</v>
      </c>
    </row>
    <row r="16223" spans="4:5" x14ac:dyDescent="0.25">
      <c r="D16223" s="6">
        <v>533.25170000000003</v>
      </c>
      <c r="E16223" s="6">
        <v>704.21759999999995</v>
      </c>
    </row>
    <row r="16224" spans="4:5" x14ac:dyDescent="0.25">
      <c r="D16224" s="6">
        <v>381.29919999999998</v>
      </c>
      <c r="E16224" s="6">
        <v>1651.162</v>
      </c>
    </row>
    <row r="16225" spans="4:5" x14ac:dyDescent="0.25">
      <c r="D16225" s="6">
        <v>416.68380000000002</v>
      </c>
      <c r="E16225" s="6">
        <v>641.29650000000004</v>
      </c>
    </row>
    <row r="16226" spans="4:5" x14ac:dyDescent="0.25">
      <c r="D16226" s="6">
        <v>498.625</v>
      </c>
      <c r="E16226" s="6">
        <v>1335.048</v>
      </c>
    </row>
    <row r="16227" spans="4:5" x14ac:dyDescent="0.25">
      <c r="D16227" s="6">
        <v>4772.348</v>
      </c>
      <c r="E16227" s="6">
        <v>1581.115</v>
      </c>
    </row>
    <row r="16228" spans="4:5" x14ac:dyDescent="0.25">
      <c r="D16228" s="6">
        <v>430.1893</v>
      </c>
      <c r="E16228" s="6">
        <v>1345.835</v>
      </c>
    </row>
    <row r="16229" spans="4:5" x14ac:dyDescent="0.25">
      <c r="D16229" s="6">
        <v>1733.241</v>
      </c>
      <c r="E16229" s="6">
        <v>1859.5650000000001</v>
      </c>
    </row>
    <row r="16230" spans="4:5" x14ac:dyDescent="0.25">
      <c r="D16230" s="6">
        <v>905.52080000000001</v>
      </c>
      <c r="E16230" s="6">
        <v>1758.9870000000001</v>
      </c>
    </row>
    <row r="16231" spans="4:5" x14ac:dyDescent="0.25">
      <c r="D16231" s="6">
        <v>487.97120000000001</v>
      </c>
      <c r="E16231" s="6">
        <v>543.6</v>
      </c>
    </row>
    <row r="16232" spans="4:5" x14ac:dyDescent="0.25">
      <c r="D16232" s="6">
        <v>439.82870000000003</v>
      </c>
      <c r="E16232" s="6">
        <v>1774.125</v>
      </c>
    </row>
    <row r="16233" spans="4:5" x14ac:dyDescent="0.25">
      <c r="D16233" s="6">
        <v>513.31100000000004</v>
      </c>
      <c r="E16233" s="6">
        <v>1729.9760000000001</v>
      </c>
    </row>
    <row r="16234" spans="4:5" x14ac:dyDescent="0.25">
      <c r="D16234" s="6">
        <v>6710.5190000000002</v>
      </c>
      <c r="E16234" s="6">
        <v>4892.37</v>
      </c>
    </row>
    <row r="16235" spans="4:5" x14ac:dyDescent="0.25">
      <c r="D16235" s="6">
        <v>440.73160000000001</v>
      </c>
      <c r="E16235" s="6">
        <v>684.63139999999999</v>
      </c>
    </row>
    <row r="16236" spans="4:5" x14ac:dyDescent="0.25">
      <c r="D16236" s="6">
        <v>505.33760000000001</v>
      </c>
      <c r="E16236" s="6">
        <v>4412.6170000000002</v>
      </c>
    </row>
    <row r="16237" spans="4:5" x14ac:dyDescent="0.25">
      <c r="D16237" s="6">
        <v>855.55640000000005</v>
      </c>
      <c r="E16237" s="6">
        <v>3671.806</v>
      </c>
    </row>
    <row r="16238" spans="4:5" x14ac:dyDescent="0.25">
      <c r="D16238" s="6">
        <v>466.34230000000002</v>
      </c>
      <c r="E16238" s="6">
        <v>1834.146</v>
      </c>
    </row>
    <row r="16239" spans="4:5" x14ac:dyDescent="0.25">
      <c r="D16239" s="6">
        <v>582.49289999999996</v>
      </c>
      <c r="E16239" s="6">
        <v>3453.152</v>
      </c>
    </row>
    <row r="16240" spans="4:5" x14ac:dyDescent="0.25">
      <c r="D16240" s="6">
        <v>1172.432</v>
      </c>
      <c r="E16240" s="6">
        <v>3542.7710000000002</v>
      </c>
    </row>
    <row r="16241" spans="4:5" x14ac:dyDescent="0.25">
      <c r="D16241" s="6">
        <v>436.48239999999998</v>
      </c>
      <c r="E16241" s="6">
        <v>1645.662</v>
      </c>
    </row>
    <row r="16242" spans="4:5" x14ac:dyDescent="0.25">
      <c r="D16242" s="6">
        <v>395.2971</v>
      </c>
      <c r="E16242" s="6">
        <v>873.70849999999996</v>
      </c>
    </row>
    <row r="16243" spans="4:5" x14ac:dyDescent="0.25">
      <c r="D16243" s="6">
        <v>505.78570000000002</v>
      </c>
      <c r="E16243" s="6">
        <v>1824.479</v>
      </c>
    </row>
    <row r="16244" spans="4:5" x14ac:dyDescent="0.25">
      <c r="D16244" s="6">
        <v>3112.576</v>
      </c>
      <c r="E16244" s="6">
        <v>797.78510000000006</v>
      </c>
    </row>
    <row r="16245" spans="4:5" x14ac:dyDescent="0.25">
      <c r="D16245" s="6">
        <v>471.27330000000001</v>
      </c>
      <c r="E16245" s="6">
        <v>746.32529999999997</v>
      </c>
    </row>
    <row r="16246" spans="4:5" x14ac:dyDescent="0.25">
      <c r="D16246" s="6">
        <v>4630.6840000000002</v>
      </c>
      <c r="E16246" s="6">
        <v>574.36379999999997</v>
      </c>
    </row>
    <row r="16247" spans="4:5" x14ac:dyDescent="0.25">
      <c r="D16247" s="6">
        <v>520.4973</v>
      </c>
      <c r="E16247" s="6">
        <v>537.79570000000001</v>
      </c>
    </row>
    <row r="16248" spans="4:5" x14ac:dyDescent="0.25">
      <c r="D16248" s="6">
        <v>6538.4290000000001</v>
      </c>
      <c r="E16248" s="6">
        <v>3502.0309999999999</v>
      </c>
    </row>
    <row r="16249" spans="4:5" x14ac:dyDescent="0.25">
      <c r="D16249" s="6">
        <v>544.14490000000001</v>
      </c>
      <c r="E16249" s="6">
        <v>2494.5659999999998</v>
      </c>
    </row>
    <row r="16250" spans="4:5" x14ac:dyDescent="0.25">
      <c r="D16250" s="6">
        <v>517.66030000000001</v>
      </c>
      <c r="E16250" s="6">
        <v>2530.3449999999998</v>
      </c>
    </row>
    <row r="16251" spans="4:5" x14ac:dyDescent="0.25">
      <c r="D16251" s="6">
        <v>492.98689999999999</v>
      </c>
      <c r="E16251" s="6">
        <v>1906.9760000000001</v>
      </c>
    </row>
    <row r="16252" spans="4:5" x14ac:dyDescent="0.25">
      <c r="D16252" s="6">
        <v>621.40700000000004</v>
      </c>
      <c r="E16252" s="6">
        <v>2716.4850000000001</v>
      </c>
    </row>
    <row r="16253" spans="4:5" x14ac:dyDescent="0.25">
      <c r="D16253" s="6">
        <v>508.85719999999998</v>
      </c>
      <c r="E16253" s="6">
        <v>571.8415</v>
      </c>
    </row>
    <row r="16254" spans="4:5" x14ac:dyDescent="0.25">
      <c r="D16254" s="6">
        <v>4085.654</v>
      </c>
      <c r="E16254" s="6">
        <v>1749.1279999999999</v>
      </c>
    </row>
    <row r="16255" spans="4:5" x14ac:dyDescent="0.25">
      <c r="D16255" s="6">
        <v>423.65050000000002</v>
      </c>
      <c r="E16255" s="6">
        <v>1502.758</v>
      </c>
    </row>
    <row r="16256" spans="4:5" x14ac:dyDescent="0.25">
      <c r="D16256" s="6">
        <v>1760.875</v>
      </c>
      <c r="E16256" s="6">
        <v>569.17430000000002</v>
      </c>
    </row>
    <row r="16257" spans="4:5" x14ac:dyDescent="0.25">
      <c r="D16257" s="6">
        <v>654.01930000000004</v>
      </c>
      <c r="E16257" s="6">
        <v>2955.9780000000001</v>
      </c>
    </row>
    <row r="16258" spans="4:5" x14ac:dyDescent="0.25">
      <c r="D16258" s="6">
        <v>504.9701</v>
      </c>
      <c r="E16258" s="6">
        <v>576.23869999999999</v>
      </c>
    </row>
    <row r="16259" spans="4:5" x14ac:dyDescent="0.25">
      <c r="D16259" s="6">
        <v>527.54759999999999</v>
      </c>
      <c r="E16259" s="6">
        <v>578.48159999999996</v>
      </c>
    </row>
    <row r="16260" spans="4:5" x14ac:dyDescent="0.25">
      <c r="D16260" s="6">
        <v>1026.0160000000001</v>
      </c>
      <c r="E16260" s="6">
        <v>2149.9169999999999</v>
      </c>
    </row>
    <row r="16261" spans="4:5" x14ac:dyDescent="0.25">
      <c r="D16261" s="6">
        <v>533.23630000000003</v>
      </c>
      <c r="E16261" s="6">
        <v>848.64279999999997</v>
      </c>
    </row>
    <row r="16262" spans="4:5" x14ac:dyDescent="0.25">
      <c r="D16262" s="6">
        <v>1201.778</v>
      </c>
      <c r="E16262" s="6">
        <v>1180.21</v>
      </c>
    </row>
    <row r="16263" spans="4:5" x14ac:dyDescent="0.25">
      <c r="D16263" s="6">
        <v>470.58030000000002</v>
      </c>
      <c r="E16263" s="6">
        <v>606.66470000000004</v>
      </c>
    </row>
    <row r="16264" spans="4:5" x14ac:dyDescent="0.25">
      <c r="D16264" s="6">
        <v>581.32749999999999</v>
      </c>
      <c r="E16264" s="6">
        <v>1594.222</v>
      </c>
    </row>
    <row r="16265" spans="4:5" x14ac:dyDescent="0.25">
      <c r="D16265" s="6">
        <v>469.01870000000002</v>
      </c>
      <c r="E16265" s="6">
        <v>634.01199999999994</v>
      </c>
    </row>
    <row r="16266" spans="4:5" x14ac:dyDescent="0.25">
      <c r="D16266" s="6">
        <v>483.7636</v>
      </c>
      <c r="E16266" s="6">
        <v>707.46469999999999</v>
      </c>
    </row>
    <row r="16267" spans="4:5" x14ac:dyDescent="0.25">
      <c r="D16267" s="6">
        <v>562.68060000000003</v>
      </c>
      <c r="E16267" s="6">
        <v>3180.8760000000002</v>
      </c>
    </row>
    <row r="16268" spans="4:5" x14ac:dyDescent="0.25">
      <c r="D16268" s="6">
        <v>1250.1759999999999</v>
      </c>
      <c r="E16268" s="6">
        <v>1331.191</v>
      </c>
    </row>
    <row r="16269" spans="4:5" x14ac:dyDescent="0.25">
      <c r="D16269" s="6">
        <v>917.221</v>
      </c>
      <c r="E16269" s="6">
        <v>1087.6030000000001</v>
      </c>
    </row>
    <row r="16270" spans="4:5" x14ac:dyDescent="0.25">
      <c r="D16270" s="6">
        <v>1269</v>
      </c>
      <c r="E16270" s="6">
        <v>733.95749999999998</v>
      </c>
    </row>
    <row r="16271" spans="4:5" x14ac:dyDescent="0.25">
      <c r="D16271" s="6">
        <v>5593.2910000000002</v>
      </c>
      <c r="E16271" s="6">
        <v>3282.2539999999999</v>
      </c>
    </row>
    <row r="16272" spans="4:5" x14ac:dyDescent="0.25">
      <c r="D16272" s="6">
        <v>4085.7</v>
      </c>
      <c r="E16272" s="6">
        <v>4380.9399999999996</v>
      </c>
    </row>
    <row r="16273" spans="4:5" x14ac:dyDescent="0.25">
      <c r="D16273" s="6">
        <v>2110.1109999999999</v>
      </c>
      <c r="E16273" s="6">
        <v>1597.69</v>
      </c>
    </row>
    <row r="16274" spans="4:5" x14ac:dyDescent="0.25">
      <c r="D16274" s="6">
        <v>717.51490000000001</v>
      </c>
      <c r="E16274" s="6">
        <v>1038.9280000000001</v>
      </c>
    </row>
    <row r="16275" spans="4:5" x14ac:dyDescent="0.25">
      <c r="D16275" s="6">
        <v>407.66550000000001</v>
      </c>
      <c r="E16275" s="6">
        <v>1568.5830000000001</v>
      </c>
    </row>
    <row r="16276" spans="4:5" x14ac:dyDescent="0.25">
      <c r="D16276" s="6">
        <v>434.91669999999999</v>
      </c>
      <c r="E16276" s="6">
        <v>1675.107</v>
      </c>
    </row>
    <row r="16277" spans="4:5" x14ac:dyDescent="0.25">
      <c r="D16277" s="6">
        <v>547.73739999999998</v>
      </c>
      <c r="E16277" s="6">
        <v>1758.2170000000001</v>
      </c>
    </row>
    <row r="16278" spans="4:5" x14ac:dyDescent="0.25">
      <c r="D16278" s="6">
        <v>508.07490000000001</v>
      </c>
      <c r="E16278" s="6">
        <v>1476.0309999999999</v>
      </c>
    </row>
    <row r="16279" spans="4:5" x14ac:dyDescent="0.25">
      <c r="D16279" s="6">
        <v>5790.51</v>
      </c>
      <c r="E16279" s="6">
        <v>1821.182</v>
      </c>
    </row>
    <row r="16280" spans="4:5" x14ac:dyDescent="0.25">
      <c r="D16280" s="6">
        <v>409.79219999999998</v>
      </c>
      <c r="E16280" s="6">
        <v>5474.13</v>
      </c>
    </row>
    <row r="16281" spans="4:5" x14ac:dyDescent="0.25">
      <c r="D16281" s="6">
        <v>486.53980000000001</v>
      </c>
      <c r="E16281" s="6">
        <v>514.07039999999995</v>
      </c>
    </row>
    <row r="16282" spans="4:5" x14ac:dyDescent="0.25">
      <c r="D16282" s="6">
        <v>1642.277</v>
      </c>
      <c r="E16282" s="6">
        <v>1131.271</v>
      </c>
    </row>
    <row r="16283" spans="4:5" x14ac:dyDescent="0.25">
      <c r="D16283" s="6">
        <v>724.69979999999998</v>
      </c>
      <c r="E16283" s="6">
        <v>3591.3560000000002</v>
      </c>
    </row>
    <row r="16284" spans="4:5" x14ac:dyDescent="0.25">
      <c r="D16284" s="6">
        <v>5058.5069999999996</v>
      </c>
      <c r="E16284" s="6">
        <v>2594.5079999999998</v>
      </c>
    </row>
    <row r="16285" spans="4:5" x14ac:dyDescent="0.25">
      <c r="D16285" s="6">
        <v>508.1046</v>
      </c>
      <c r="E16285" s="6">
        <v>900.12170000000003</v>
      </c>
    </row>
    <row r="16286" spans="4:5" x14ac:dyDescent="0.25">
      <c r="D16286" s="6">
        <v>4856.4639999999999</v>
      </c>
      <c r="E16286" s="6">
        <v>632.08540000000005</v>
      </c>
    </row>
    <row r="16287" spans="4:5" x14ac:dyDescent="0.25">
      <c r="D16287" s="6">
        <v>914.85519999999997</v>
      </c>
      <c r="E16287" s="6">
        <v>761.2731</v>
      </c>
    </row>
    <row r="16288" spans="4:5" x14ac:dyDescent="0.25">
      <c r="D16288" s="6">
        <v>1108.941</v>
      </c>
      <c r="E16288" s="6">
        <v>1915.2729999999999</v>
      </c>
    </row>
    <row r="16289" spans="4:5" x14ac:dyDescent="0.25">
      <c r="D16289" s="6">
        <v>630.72450000000003</v>
      </c>
      <c r="E16289" s="6">
        <v>2054.5630000000001</v>
      </c>
    </row>
    <row r="16290" spans="4:5" x14ac:dyDescent="0.25">
      <c r="D16290" s="6">
        <v>402.39429999999999</v>
      </c>
      <c r="E16290" s="6">
        <v>6963.9610000000002</v>
      </c>
    </row>
    <row r="16291" spans="4:5" x14ac:dyDescent="0.25">
      <c r="D16291" s="6">
        <v>723.33209999999997</v>
      </c>
      <c r="E16291" s="6">
        <v>615.81690000000003</v>
      </c>
    </row>
    <row r="16292" spans="4:5" x14ac:dyDescent="0.25">
      <c r="D16292" s="6">
        <v>3140.9169999999999</v>
      </c>
      <c r="E16292" s="6">
        <v>3381.335</v>
      </c>
    </row>
    <row r="16293" spans="4:5" x14ac:dyDescent="0.25">
      <c r="D16293" s="6">
        <v>1313.6420000000001</v>
      </c>
      <c r="E16293" s="6">
        <v>872.38379999999995</v>
      </c>
    </row>
    <row r="16294" spans="4:5" x14ac:dyDescent="0.25">
      <c r="D16294" s="6">
        <v>5472.8850000000002</v>
      </c>
      <c r="E16294" s="6">
        <v>817.00869999999998</v>
      </c>
    </row>
    <row r="16295" spans="4:5" x14ac:dyDescent="0.25">
      <c r="D16295" s="6">
        <v>477.99279999999999</v>
      </c>
      <c r="E16295" s="6">
        <v>2272.9850000000001</v>
      </c>
    </row>
    <row r="16296" spans="4:5" x14ac:dyDescent="0.25">
      <c r="D16296" s="6">
        <v>1840.6410000000001</v>
      </c>
      <c r="E16296" s="6">
        <v>1510.8689999999999</v>
      </c>
    </row>
    <row r="16297" spans="4:5" x14ac:dyDescent="0.25">
      <c r="D16297" s="6">
        <v>394.93299999999999</v>
      </c>
      <c r="E16297" s="6">
        <v>2765.067</v>
      </c>
    </row>
    <row r="16298" spans="4:5" x14ac:dyDescent="0.25">
      <c r="D16298" s="6">
        <v>495.47</v>
      </c>
      <c r="E16298" s="6">
        <v>698.1046</v>
      </c>
    </row>
    <row r="16299" spans="4:5" x14ac:dyDescent="0.25">
      <c r="D16299" s="6">
        <v>392</v>
      </c>
      <c r="E16299" s="6">
        <v>5701.0860000000002</v>
      </c>
    </row>
    <row r="16300" spans="4:5" x14ac:dyDescent="0.25">
      <c r="D16300" s="6">
        <v>457.80540000000002</v>
      </c>
      <c r="E16300" s="6">
        <v>4349.75</v>
      </c>
    </row>
    <row r="16301" spans="4:5" x14ac:dyDescent="0.25">
      <c r="D16301" s="6">
        <v>483.15640000000002</v>
      </c>
      <c r="E16301" s="6">
        <v>683.29380000000003</v>
      </c>
    </row>
    <row r="16302" spans="4:5" x14ac:dyDescent="0.25">
      <c r="D16302" s="6">
        <v>4355.674</v>
      </c>
      <c r="E16302" s="6">
        <v>754.31730000000005</v>
      </c>
    </row>
    <row r="16303" spans="4:5" x14ac:dyDescent="0.25">
      <c r="D16303" s="6">
        <v>447.23059999999998</v>
      </c>
      <c r="E16303" s="6">
        <v>6411.64</v>
      </c>
    </row>
    <row r="16304" spans="4:5" x14ac:dyDescent="0.25">
      <c r="D16304" s="6">
        <v>1370.403</v>
      </c>
      <c r="E16304" s="6">
        <v>730.72850000000005</v>
      </c>
    </row>
    <row r="16305" spans="4:5" x14ac:dyDescent="0.25">
      <c r="D16305" s="6">
        <v>487.09399999999999</v>
      </c>
      <c r="E16305" s="6">
        <v>2087.21</v>
      </c>
    </row>
    <row r="16306" spans="4:5" x14ac:dyDescent="0.25">
      <c r="D16306" s="6">
        <v>5078.8459999999995</v>
      </c>
      <c r="E16306" s="6">
        <v>564.32389999999998</v>
      </c>
    </row>
    <row r="16307" spans="4:5" x14ac:dyDescent="0.25">
      <c r="D16307" s="6">
        <v>426.75</v>
      </c>
      <c r="E16307" s="6">
        <v>708.81110000000001</v>
      </c>
    </row>
    <row r="16308" spans="4:5" x14ac:dyDescent="0.25">
      <c r="D16308" s="6">
        <v>444.51900000000001</v>
      </c>
      <c r="E16308" s="6">
        <v>805.30119999999999</v>
      </c>
    </row>
    <row r="16309" spans="4:5" x14ac:dyDescent="0.25">
      <c r="D16309" s="6">
        <v>439.9178</v>
      </c>
      <c r="E16309" s="6">
        <v>746.57979999999998</v>
      </c>
    </row>
    <row r="16310" spans="4:5" x14ac:dyDescent="0.25">
      <c r="D16310" s="6">
        <v>649.18370000000004</v>
      </c>
      <c r="E16310" s="6">
        <v>594.25220000000002</v>
      </c>
    </row>
    <row r="16311" spans="4:5" x14ac:dyDescent="0.25">
      <c r="D16311" s="6">
        <v>521.36019999999996</v>
      </c>
      <c r="E16311" s="6">
        <v>802.01819999999998</v>
      </c>
    </row>
    <row r="16312" spans="4:5" x14ac:dyDescent="0.25">
      <c r="D16312" s="6">
        <v>3519.7530000000002</v>
      </c>
      <c r="E16312" s="6">
        <v>623.36959999999999</v>
      </c>
    </row>
    <row r="16313" spans="4:5" x14ac:dyDescent="0.25">
      <c r="D16313" s="6">
        <v>5122.0010000000002</v>
      </c>
      <c r="E16313" s="6">
        <v>797.10530000000006</v>
      </c>
    </row>
    <row r="16314" spans="4:5" x14ac:dyDescent="0.25">
      <c r="D16314" s="6">
        <v>3842.355</v>
      </c>
      <c r="E16314" s="6">
        <v>717.30909999999994</v>
      </c>
    </row>
    <row r="16315" spans="4:5" x14ac:dyDescent="0.25">
      <c r="D16315" s="6">
        <v>702.67060000000004</v>
      </c>
      <c r="E16315" s="6">
        <v>1987.116</v>
      </c>
    </row>
    <row r="16316" spans="4:5" x14ac:dyDescent="0.25">
      <c r="D16316" s="6">
        <v>456.33330000000001</v>
      </c>
      <c r="E16316" s="6">
        <v>7105.2910000000002</v>
      </c>
    </row>
    <row r="16317" spans="4:5" x14ac:dyDescent="0.25">
      <c r="D16317" s="6">
        <v>4646.0150000000003</v>
      </c>
      <c r="E16317" s="6">
        <v>1555.921</v>
      </c>
    </row>
    <row r="16318" spans="4:5" x14ac:dyDescent="0.25">
      <c r="D16318" s="6">
        <v>451.78730000000002</v>
      </c>
      <c r="E16318" s="6">
        <v>619.50620000000004</v>
      </c>
    </row>
    <row r="16319" spans="4:5" x14ac:dyDescent="0.25">
      <c r="D16319" s="6">
        <v>701.97929999999997</v>
      </c>
      <c r="E16319" s="6">
        <v>1674.9069999999999</v>
      </c>
    </row>
    <row r="16320" spans="4:5" x14ac:dyDescent="0.25">
      <c r="D16320" s="6">
        <v>540.58010000000002</v>
      </c>
      <c r="E16320" s="6">
        <v>2264.4549999999999</v>
      </c>
    </row>
    <row r="16321" spans="4:5" x14ac:dyDescent="0.25">
      <c r="D16321" s="6">
        <v>647.36360000000002</v>
      </c>
      <c r="E16321" s="6">
        <v>7472.4520000000002</v>
      </c>
    </row>
    <row r="16322" spans="4:5" x14ac:dyDescent="0.25">
      <c r="D16322" s="6">
        <v>4727.4430000000002</v>
      </c>
      <c r="E16322" s="6">
        <v>5348.7690000000002</v>
      </c>
    </row>
    <row r="16323" spans="4:5" x14ac:dyDescent="0.25">
      <c r="D16323" s="6">
        <v>5201.9560000000001</v>
      </c>
      <c r="E16323" s="6">
        <v>4041.502</v>
      </c>
    </row>
    <row r="16324" spans="4:5" x14ac:dyDescent="0.25">
      <c r="D16324" s="6">
        <v>942.7604</v>
      </c>
      <c r="E16324" s="6">
        <v>5925.732</v>
      </c>
    </row>
    <row r="16325" spans="4:5" x14ac:dyDescent="0.25">
      <c r="D16325" s="6">
        <v>470.7466</v>
      </c>
      <c r="E16325" s="6">
        <v>2194.098</v>
      </c>
    </row>
    <row r="16326" spans="4:5" x14ac:dyDescent="0.25">
      <c r="D16326" s="6">
        <v>632.57140000000004</v>
      </c>
      <c r="E16326" s="6">
        <v>1553.425</v>
      </c>
    </row>
    <row r="16327" spans="4:5" x14ac:dyDescent="0.25">
      <c r="D16327" s="6">
        <v>1720.932</v>
      </c>
      <c r="E16327" s="6">
        <v>793.85360000000003</v>
      </c>
    </row>
    <row r="16328" spans="4:5" x14ac:dyDescent="0.25">
      <c r="D16328" s="6">
        <v>5418.5720000000001</v>
      </c>
      <c r="E16328" s="6">
        <v>654.68610000000001</v>
      </c>
    </row>
    <row r="16329" spans="4:5" x14ac:dyDescent="0.25">
      <c r="D16329" s="6">
        <v>695.48099999999999</v>
      </c>
      <c r="E16329" s="6">
        <v>2396.0540000000001</v>
      </c>
    </row>
    <row r="16330" spans="4:5" x14ac:dyDescent="0.25">
      <c r="D16330" s="6">
        <v>5532.0129999999999</v>
      </c>
      <c r="E16330" s="6">
        <v>1637.89</v>
      </c>
    </row>
    <row r="16331" spans="4:5" x14ac:dyDescent="0.25">
      <c r="D16331" s="6">
        <v>642.5</v>
      </c>
      <c r="E16331" s="6">
        <v>723.71569999999997</v>
      </c>
    </row>
    <row r="16332" spans="4:5" x14ac:dyDescent="0.25">
      <c r="D16332" s="6">
        <v>519.36099999999999</v>
      </c>
      <c r="E16332" s="6">
        <v>899.4932</v>
      </c>
    </row>
    <row r="16333" spans="4:5" x14ac:dyDescent="0.25">
      <c r="D16333" s="6">
        <v>585.27829999999994</v>
      </c>
      <c r="E16333" s="6">
        <v>644.51469999999995</v>
      </c>
    </row>
    <row r="16334" spans="4:5" x14ac:dyDescent="0.25">
      <c r="D16334" s="6">
        <v>5823.9160000000002</v>
      </c>
      <c r="E16334" s="6">
        <v>3290.6309999999999</v>
      </c>
    </row>
    <row r="16335" spans="4:5" x14ac:dyDescent="0.25">
      <c r="D16335" s="6">
        <v>1731.5820000000001</v>
      </c>
      <c r="E16335" s="6">
        <v>8075.98</v>
      </c>
    </row>
    <row r="16336" spans="4:5" x14ac:dyDescent="0.25">
      <c r="D16336" s="6">
        <v>5023.6229999999996</v>
      </c>
      <c r="E16336" s="6">
        <v>849.35479999999995</v>
      </c>
    </row>
    <row r="16337" spans="4:5" x14ac:dyDescent="0.25">
      <c r="D16337" s="6">
        <v>5349.7839999999997</v>
      </c>
      <c r="E16337" s="6">
        <v>1648.912</v>
      </c>
    </row>
    <row r="16338" spans="4:5" x14ac:dyDescent="0.25">
      <c r="D16338" s="6">
        <v>3344</v>
      </c>
      <c r="E16338" s="6">
        <v>1369.1790000000001</v>
      </c>
    </row>
    <row r="16339" spans="4:5" x14ac:dyDescent="0.25">
      <c r="D16339" s="6">
        <v>8177.3389999999999</v>
      </c>
      <c r="E16339" s="6">
        <v>5713.3019999999997</v>
      </c>
    </row>
    <row r="16340" spans="4:5" x14ac:dyDescent="0.25">
      <c r="D16340" s="6">
        <v>3382.982</v>
      </c>
      <c r="E16340" s="6">
        <v>4089.527</v>
      </c>
    </row>
    <row r="16341" spans="4:5" x14ac:dyDescent="0.25">
      <c r="D16341" s="6">
        <v>5558.2060000000001</v>
      </c>
      <c r="E16341" s="6">
        <v>795.96349999999995</v>
      </c>
    </row>
    <row r="16342" spans="4:5" x14ac:dyDescent="0.25">
      <c r="D16342" s="6">
        <v>474.8571</v>
      </c>
      <c r="E16342" s="6">
        <v>706.88699999999994</v>
      </c>
    </row>
    <row r="16343" spans="4:5" x14ac:dyDescent="0.25">
      <c r="D16343" s="6">
        <v>1389.2950000000001</v>
      </c>
      <c r="E16343" s="6">
        <v>1222.355</v>
      </c>
    </row>
    <row r="16344" spans="4:5" x14ac:dyDescent="0.25">
      <c r="D16344" s="6">
        <v>8876.3739999999998</v>
      </c>
      <c r="E16344" s="6">
        <v>5397.5540000000001</v>
      </c>
    </row>
    <row r="16345" spans="4:5" x14ac:dyDescent="0.25">
      <c r="D16345" s="6">
        <v>505.59249999999997</v>
      </c>
      <c r="E16345" s="6">
        <v>633.98789999999997</v>
      </c>
    </row>
    <row r="16346" spans="4:5" x14ac:dyDescent="0.25">
      <c r="D16346" s="6">
        <v>457.97320000000002</v>
      </c>
      <c r="E16346" s="6">
        <v>1513.8989999999999</v>
      </c>
    </row>
    <row r="16347" spans="4:5" x14ac:dyDescent="0.25">
      <c r="D16347" s="6">
        <v>568.51729999999998</v>
      </c>
      <c r="E16347" s="6">
        <v>5155.1130000000003</v>
      </c>
    </row>
    <row r="16348" spans="4:5" x14ac:dyDescent="0.25">
      <c r="D16348" s="6">
        <v>412.23950000000002</v>
      </c>
      <c r="E16348" s="6">
        <v>659.28859999999997</v>
      </c>
    </row>
    <row r="16349" spans="4:5" x14ac:dyDescent="0.25">
      <c r="D16349" s="6">
        <v>594.44320000000005</v>
      </c>
      <c r="E16349" s="6">
        <v>643.44370000000004</v>
      </c>
    </row>
    <row r="16350" spans="4:5" x14ac:dyDescent="0.25">
      <c r="D16350" s="6">
        <v>487.7371</v>
      </c>
      <c r="E16350" s="6">
        <v>718.35720000000003</v>
      </c>
    </row>
    <row r="16351" spans="4:5" x14ac:dyDescent="0.25">
      <c r="D16351" s="6">
        <v>300.94209999999998</v>
      </c>
      <c r="E16351" s="6">
        <v>934.72410000000002</v>
      </c>
    </row>
    <row r="16352" spans="4:5" x14ac:dyDescent="0.25">
      <c r="D16352" s="6">
        <v>5092.3630000000003</v>
      </c>
      <c r="E16352" s="6">
        <v>1474.682</v>
      </c>
    </row>
    <row r="16353" spans="4:5" x14ac:dyDescent="0.25">
      <c r="D16353" s="6">
        <v>5228.8220000000001</v>
      </c>
      <c r="E16353" s="6">
        <v>5788.6009999999997</v>
      </c>
    </row>
    <row r="16354" spans="4:5" x14ac:dyDescent="0.25">
      <c r="D16354" s="6">
        <v>3124.2310000000002</v>
      </c>
      <c r="E16354" s="6">
        <v>647.16099999999994</v>
      </c>
    </row>
    <row r="16355" spans="4:5" x14ac:dyDescent="0.25">
      <c r="D16355" s="6">
        <v>1575.78</v>
      </c>
      <c r="E16355" s="6">
        <v>1134.1489999999999</v>
      </c>
    </row>
    <row r="16356" spans="4:5" x14ac:dyDescent="0.25">
      <c r="D16356" s="6">
        <v>508.72410000000002</v>
      </c>
      <c r="E16356" s="6">
        <v>2095.3519999999999</v>
      </c>
    </row>
    <row r="16357" spans="4:5" x14ac:dyDescent="0.25">
      <c r="D16357" s="6">
        <v>691.28710000000001</v>
      </c>
      <c r="E16357" s="6">
        <v>629.63</v>
      </c>
    </row>
    <row r="16358" spans="4:5" x14ac:dyDescent="0.25">
      <c r="D16358" s="6">
        <v>4580.3860000000004</v>
      </c>
      <c r="E16358" s="6">
        <v>547.46489999999994</v>
      </c>
    </row>
    <row r="16359" spans="4:5" x14ac:dyDescent="0.25">
      <c r="D16359" s="6">
        <v>1125.018</v>
      </c>
      <c r="E16359" s="6">
        <v>852.72040000000004</v>
      </c>
    </row>
    <row r="16360" spans="4:5" x14ac:dyDescent="0.25">
      <c r="D16360" s="6">
        <v>6219.41</v>
      </c>
      <c r="E16360" s="6">
        <v>566.09069999999997</v>
      </c>
    </row>
    <row r="16361" spans="4:5" x14ac:dyDescent="0.25">
      <c r="D16361" s="6">
        <v>548.3365</v>
      </c>
      <c r="E16361" s="6">
        <v>714.42859999999996</v>
      </c>
    </row>
    <row r="16362" spans="4:5" x14ac:dyDescent="0.25">
      <c r="D16362" s="6">
        <v>6811.6379999999999</v>
      </c>
      <c r="E16362" s="6">
        <v>3579.32</v>
      </c>
    </row>
    <row r="16363" spans="4:5" x14ac:dyDescent="0.25">
      <c r="D16363" s="6">
        <v>500.38940000000002</v>
      </c>
      <c r="E16363" s="6">
        <v>3253.598</v>
      </c>
    </row>
    <row r="16364" spans="4:5" x14ac:dyDescent="0.25">
      <c r="D16364" s="6">
        <v>4735.4870000000001</v>
      </c>
      <c r="E16364" s="6">
        <v>575.38919999999996</v>
      </c>
    </row>
    <row r="16365" spans="4:5" x14ac:dyDescent="0.25">
      <c r="D16365" s="6">
        <v>3636.1619999999998</v>
      </c>
      <c r="E16365" s="6">
        <v>626.88980000000004</v>
      </c>
    </row>
    <row r="16366" spans="4:5" x14ac:dyDescent="0.25">
      <c r="D16366" s="6">
        <v>587.38329999999996</v>
      </c>
      <c r="E16366" s="6">
        <v>7175.9979999999996</v>
      </c>
    </row>
    <row r="16367" spans="4:5" x14ac:dyDescent="0.25">
      <c r="D16367" s="6">
        <v>479.92989999999998</v>
      </c>
      <c r="E16367" s="6">
        <v>4761.4489999999996</v>
      </c>
    </row>
    <row r="16368" spans="4:5" x14ac:dyDescent="0.25">
      <c r="D16368" s="6">
        <v>2019.646</v>
      </c>
      <c r="E16368" s="6">
        <v>1865.6469999999999</v>
      </c>
    </row>
    <row r="16369" spans="4:5" x14ac:dyDescent="0.25">
      <c r="D16369" s="6">
        <v>477.65879999999999</v>
      </c>
      <c r="E16369" s="6">
        <v>1022.133</v>
      </c>
    </row>
    <row r="16370" spans="4:5" x14ac:dyDescent="0.25">
      <c r="D16370" s="6">
        <v>446.95010000000002</v>
      </c>
      <c r="E16370" s="6">
        <v>861.54769999999996</v>
      </c>
    </row>
    <row r="16371" spans="4:5" x14ac:dyDescent="0.25">
      <c r="D16371" s="6">
        <v>503.30380000000002</v>
      </c>
      <c r="E16371" s="6">
        <v>1835.546</v>
      </c>
    </row>
    <row r="16372" spans="4:5" x14ac:dyDescent="0.25">
      <c r="D16372" s="6">
        <v>517.71100000000001</v>
      </c>
      <c r="E16372" s="6">
        <v>5670.2269999999999</v>
      </c>
    </row>
    <row r="16373" spans="4:5" x14ac:dyDescent="0.25">
      <c r="D16373" s="6">
        <v>553.11829999999998</v>
      </c>
      <c r="E16373" s="6">
        <v>1758.739</v>
      </c>
    </row>
    <row r="16374" spans="4:5" x14ac:dyDescent="0.25">
      <c r="D16374" s="6">
        <v>442.21480000000003</v>
      </c>
      <c r="E16374" s="6">
        <v>1154.1569999999999</v>
      </c>
    </row>
    <row r="16375" spans="4:5" x14ac:dyDescent="0.25">
      <c r="D16375" s="6">
        <v>582.99130000000002</v>
      </c>
      <c r="E16375" s="6">
        <v>655.20429999999999</v>
      </c>
    </row>
    <row r="16376" spans="4:5" x14ac:dyDescent="0.25">
      <c r="D16376" s="6">
        <v>570.98990000000003</v>
      </c>
      <c r="E16376" s="6">
        <v>885</v>
      </c>
    </row>
    <row r="16377" spans="4:5" x14ac:dyDescent="0.25">
      <c r="D16377" s="6">
        <v>1552.3789999999999</v>
      </c>
      <c r="E16377" s="6">
        <v>5510.9470000000001</v>
      </c>
    </row>
    <row r="16378" spans="4:5" x14ac:dyDescent="0.25">
      <c r="D16378" s="6">
        <v>545.34100000000001</v>
      </c>
      <c r="E16378" s="6">
        <v>618.47569999999996</v>
      </c>
    </row>
    <row r="16379" spans="4:5" x14ac:dyDescent="0.25">
      <c r="D16379" s="6">
        <v>505.46559999999999</v>
      </c>
      <c r="E16379" s="6">
        <v>651.09630000000004</v>
      </c>
    </row>
    <row r="16380" spans="4:5" x14ac:dyDescent="0.25">
      <c r="D16380" s="6">
        <v>396.24889999999999</v>
      </c>
      <c r="E16380" s="6">
        <v>1020.49</v>
      </c>
    </row>
    <row r="16381" spans="4:5" x14ac:dyDescent="0.25">
      <c r="D16381" s="6">
        <v>4123.2449999999999</v>
      </c>
      <c r="E16381" s="6">
        <v>891.63750000000005</v>
      </c>
    </row>
    <row r="16382" spans="4:5" x14ac:dyDescent="0.25">
      <c r="D16382" s="6">
        <v>696.45249999999999</v>
      </c>
      <c r="E16382" s="6">
        <v>634.43979999999999</v>
      </c>
    </row>
    <row r="16383" spans="4:5" x14ac:dyDescent="0.25">
      <c r="D16383" s="6">
        <v>578.18389999999999</v>
      </c>
      <c r="E16383" s="6">
        <v>1321.5029999999999</v>
      </c>
    </row>
    <row r="16384" spans="4:5" x14ac:dyDescent="0.25">
      <c r="D16384" s="6">
        <v>551.48680000000002</v>
      </c>
      <c r="E16384" s="6">
        <v>2061.027</v>
      </c>
    </row>
    <row r="16385" spans="4:5" x14ac:dyDescent="0.25">
      <c r="D16385" s="6">
        <v>513.30029999999999</v>
      </c>
      <c r="E16385" s="6">
        <v>631.63480000000004</v>
      </c>
    </row>
    <row r="16386" spans="4:5" x14ac:dyDescent="0.25">
      <c r="D16386" s="6">
        <v>517.89639999999997</v>
      </c>
      <c r="E16386" s="6">
        <v>562.39449999999999</v>
      </c>
    </row>
    <row r="16387" spans="4:5" x14ac:dyDescent="0.25">
      <c r="D16387" s="6">
        <v>1352.828</v>
      </c>
      <c r="E16387" s="6">
        <v>5346.1009999999997</v>
      </c>
    </row>
    <row r="16388" spans="4:5" x14ac:dyDescent="0.25">
      <c r="D16388" s="6">
        <v>417.83949999999999</v>
      </c>
      <c r="E16388" s="6">
        <v>618.65239999999994</v>
      </c>
    </row>
    <row r="16389" spans="4:5" x14ac:dyDescent="0.25">
      <c r="D16389" s="6">
        <v>456.51609999999999</v>
      </c>
      <c r="E16389" s="6">
        <v>6056.4530000000004</v>
      </c>
    </row>
    <row r="16390" spans="4:5" x14ac:dyDescent="0.25">
      <c r="D16390" s="6">
        <v>8733.2209999999995</v>
      </c>
      <c r="E16390" s="6">
        <v>5706.9030000000002</v>
      </c>
    </row>
    <row r="16391" spans="4:5" x14ac:dyDescent="0.25">
      <c r="D16391" s="6">
        <v>4858.7349999999997</v>
      </c>
      <c r="E16391" s="6">
        <v>6268.6639999999998</v>
      </c>
    </row>
    <row r="16392" spans="4:5" x14ac:dyDescent="0.25">
      <c r="D16392" s="6">
        <v>542.53070000000002</v>
      </c>
      <c r="E16392" s="6">
        <v>4611.9740000000002</v>
      </c>
    </row>
    <row r="16393" spans="4:5" x14ac:dyDescent="0.25">
      <c r="D16393" s="6">
        <v>3970.1860000000001</v>
      </c>
      <c r="E16393" s="6">
        <v>1464.616</v>
      </c>
    </row>
    <row r="16394" spans="4:5" x14ac:dyDescent="0.25">
      <c r="D16394" s="6">
        <v>511.50869999999998</v>
      </c>
      <c r="E16394" s="6">
        <v>570.88070000000005</v>
      </c>
    </row>
    <row r="16395" spans="4:5" x14ac:dyDescent="0.25">
      <c r="D16395" s="6">
        <v>598.56119999999999</v>
      </c>
      <c r="E16395" s="6">
        <v>597.8759</v>
      </c>
    </row>
    <row r="16396" spans="4:5" x14ac:dyDescent="0.25">
      <c r="D16396" s="6">
        <v>475.46129999999999</v>
      </c>
      <c r="E16396" s="6">
        <v>1367.4449999999999</v>
      </c>
    </row>
    <row r="16397" spans="4:5" x14ac:dyDescent="0.25">
      <c r="D16397" s="6">
        <v>512.31349999999998</v>
      </c>
      <c r="E16397" s="6">
        <v>677.54729999999995</v>
      </c>
    </row>
    <row r="16398" spans="4:5" x14ac:dyDescent="0.25">
      <c r="D16398" s="6">
        <v>548.44159999999999</v>
      </c>
      <c r="E16398" s="6">
        <v>1368.3910000000001</v>
      </c>
    </row>
    <row r="16399" spans="4:5" x14ac:dyDescent="0.25">
      <c r="D16399" s="6">
        <v>4549.2749999999996</v>
      </c>
      <c r="E16399" s="6">
        <v>3373.8620000000001</v>
      </c>
    </row>
    <row r="16400" spans="4:5" x14ac:dyDescent="0.25">
      <c r="D16400" s="6">
        <v>467.77809999999999</v>
      </c>
      <c r="E16400" s="6">
        <v>3475.5819999999999</v>
      </c>
    </row>
    <row r="16401" spans="4:5" x14ac:dyDescent="0.25">
      <c r="D16401" s="6">
        <v>471.07889999999998</v>
      </c>
      <c r="E16401" s="6">
        <v>619.87189999999998</v>
      </c>
    </row>
    <row r="16402" spans="4:5" x14ac:dyDescent="0.25">
      <c r="D16402" s="6">
        <v>1140.971</v>
      </c>
      <c r="E16402" s="6">
        <v>612.98310000000004</v>
      </c>
    </row>
    <row r="16403" spans="4:5" x14ac:dyDescent="0.25">
      <c r="D16403" s="6">
        <v>429.05689999999998</v>
      </c>
      <c r="E16403" s="6">
        <v>792.11069999999995</v>
      </c>
    </row>
    <row r="16404" spans="4:5" x14ac:dyDescent="0.25">
      <c r="D16404" s="6">
        <v>4177.3900000000003</v>
      </c>
      <c r="E16404" s="6">
        <v>1931.5709999999999</v>
      </c>
    </row>
    <row r="16405" spans="4:5" x14ac:dyDescent="0.25">
      <c r="D16405" s="6">
        <v>660.45609999999999</v>
      </c>
      <c r="E16405" s="6">
        <v>2047.1369999999999</v>
      </c>
    </row>
    <row r="16406" spans="4:5" x14ac:dyDescent="0.25">
      <c r="D16406" s="6">
        <v>537.22739999999999</v>
      </c>
      <c r="E16406" s="6">
        <v>1510.962</v>
      </c>
    </row>
    <row r="16407" spans="4:5" x14ac:dyDescent="0.25">
      <c r="D16407" s="6">
        <v>651.22529999999995</v>
      </c>
      <c r="E16407" s="6">
        <v>1638.8019999999999</v>
      </c>
    </row>
    <row r="16408" spans="4:5" x14ac:dyDescent="0.25">
      <c r="D16408" s="6">
        <v>487.35899999999998</v>
      </c>
      <c r="E16408" s="6">
        <v>543.30809999999997</v>
      </c>
    </row>
    <row r="16409" spans="4:5" x14ac:dyDescent="0.25">
      <c r="D16409" s="6">
        <v>592.7518</v>
      </c>
      <c r="E16409" s="6">
        <v>2289.64</v>
      </c>
    </row>
    <row r="16410" spans="4:5" x14ac:dyDescent="0.25">
      <c r="D16410" s="6">
        <v>610.45119999999997</v>
      </c>
      <c r="E16410" s="6">
        <v>7797.6689999999999</v>
      </c>
    </row>
    <row r="16411" spans="4:5" x14ac:dyDescent="0.25">
      <c r="D16411" s="6">
        <v>668.23860000000002</v>
      </c>
      <c r="E16411" s="6">
        <v>1378.5909999999999</v>
      </c>
    </row>
    <row r="16412" spans="4:5" x14ac:dyDescent="0.25">
      <c r="D16412" s="6">
        <v>684.9615</v>
      </c>
      <c r="E16412" s="6">
        <v>1184.165</v>
      </c>
    </row>
    <row r="16413" spans="4:5" x14ac:dyDescent="0.25">
      <c r="D16413" s="6">
        <v>446.3981</v>
      </c>
      <c r="E16413" s="6">
        <v>1822.114</v>
      </c>
    </row>
    <row r="16414" spans="4:5" x14ac:dyDescent="0.25">
      <c r="D16414" s="6">
        <v>843.05060000000003</v>
      </c>
      <c r="E16414" s="6">
        <v>1833.511</v>
      </c>
    </row>
    <row r="16415" spans="4:5" x14ac:dyDescent="0.25">
      <c r="D16415" s="6">
        <v>4098.7380000000003</v>
      </c>
      <c r="E16415" s="6">
        <v>1393.856</v>
      </c>
    </row>
    <row r="16416" spans="4:5" x14ac:dyDescent="0.25">
      <c r="D16416" s="6">
        <v>456.92500000000001</v>
      </c>
      <c r="E16416" s="6">
        <v>3484.7460000000001</v>
      </c>
    </row>
    <row r="16417" spans="4:5" x14ac:dyDescent="0.25">
      <c r="D16417" s="6">
        <v>475.2346</v>
      </c>
      <c r="E16417" s="6">
        <v>2978.951</v>
      </c>
    </row>
    <row r="16418" spans="4:5" x14ac:dyDescent="0.25">
      <c r="D16418" s="6">
        <v>516.65089999999998</v>
      </c>
      <c r="E16418" s="6">
        <v>818.96379999999999</v>
      </c>
    </row>
    <row r="16419" spans="4:5" x14ac:dyDescent="0.25">
      <c r="D16419" s="6">
        <v>531.68619999999999</v>
      </c>
      <c r="E16419" s="6">
        <v>524.00210000000004</v>
      </c>
    </row>
    <row r="16420" spans="4:5" x14ac:dyDescent="0.25">
      <c r="D16420" s="6">
        <v>448.15890000000002</v>
      </c>
      <c r="E16420" s="6">
        <v>1813.9480000000001</v>
      </c>
    </row>
    <row r="16421" spans="4:5" x14ac:dyDescent="0.25">
      <c r="D16421" s="6">
        <v>509.43340000000001</v>
      </c>
      <c r="E16421" s="6">
        <v>1488.9259999999999</v>
      </c>
    </row>
    <row r="16422" spans="4:5" x14ac:dyDescent="0.25">
      <c r="D16422" s="6">
        <v>517.04539999999997</v>
      </c>
      <c r="E16422" s="6">
        <v>1600.4490000000001</v>
      </c>
    </row>
    <row r="16423" spans="4:5" x14ac:dyDescent="0.25">
      <c r="D16423" s="6">
        <v>591.79039999999998</v>
      </c>
      <c r="E16423" s="6">
        <v>756.38850000000002</v>
      </c>
    </row>
    <row r="16424" spans="4:5" x14ac:dyDescent="0.25">
      <c r="D16424" s="6">
        <v>444.58589999999998</v>
      </c>
      <c r="E16424" s="6">
        <v>2059.7759999999998</v>
      </c>
    </row>
    <row r="16425" spans="4:5" x14ac:dyDescent="0.25">
      <c r="D16425" s="6">
        <v>594.66669999999999</v>
      </c>
      <c r="E16425" s="6">
        <v>806.02499999999998</v>
      </c>
    </row>
    <row r="16426" spans="4:5" x14ac:dyDescent="0.25">
      <c r="D16426" s="6">
        <v>504.3698</v>
      </c>
      <c r="E16426" s="6">
        <v>764.90260000000001</v>
      </c>
    </row>
    <row r="16427" spans="4:5" x14ac:dyDescent="0.25">
      <c r="D16427" s="6">
        <v>812.24469999999997</v>
      </c>
      <c r="E16427" s="6">
        <v>1439.9059999999999</v>
      </c>
    </row>
    <row r="16428" spans="4:5" x14ac:dyDescent="0.25">
      <c r="D16428" s="6">
        <v>509.97680000000003</v>
      </c>
      <c r="E16428" s="6">
        <v>4696.0559999999996</v>
      </c>
    </row>
    <row r="16429" spans="4:5" x14ac:dyDescent="0.25">
      <c r="D16429" s="6">
        <v>1050.9880000000001</v>
      </c>
      <c r="E16429" s="6">
        <v>2125.9160000000002</v>
      </c>
    </row>
    <row r="16430" spans="4:5" x14ac:dyDescent="0.25">
      <c r="D16430" s="6">
        <v>423.45569999999998</v>
      </c>
      <c r="E16430" s="6">
        <v>646.59389999999996</v>
      </c>
    </row>
    <row r="16431" spans="4:5" x14ac:dyDescent="0.25">
      <c r="D16431" s="6">
        <v>1614.8140000000001</v>
      </c>
      <c r="E16431" s="6">
        <v>611.20910000000003</v>
      </c>
    </row>
    <row r="16432" spans="4:5" x14ac:dyDescent="0.25">
      <c r="D16432" s="6">
        <v>637.59439999999995</v>
      </c>
      <c r="E16432" s="6">
        <v>609.99739999999997</v>
      </c>
    </row>
    <row r="16433" spans="4:5" x14ac:dyDescent="0.25">
      <c r="D16433" s="6">
        <v>451.61160000000001</v>
      </c>
      <c r="E16433" s="6">
        <v>2780.2280000000001</v>
      </c>
    </row>
    <row r="16434" spans="4:5" x14ac:dyDescent="0.25">
      <c r="D16434" s="6">
        <v>1587.6590000000001</v>
      </c>
      <c r="E16434" s="6">
        <v>5621.12</v>
      </c>
    </row>
    <row r="16435" spans="4:5" x14ac:dyDescent="0.25">
      <c r="D16435" s="6">
        <v>387.86189999999999</v>
      </c>
      <c r="E16435" s="6">
        <v>4647.7640000000001</v>
      </c>
    </row>
    <row r="16436" spans="4:5" x14ac:dyDescent="0.25">
      <c r="D16436" s="6">
        <v>494.9538</v>
      </c>
      <c r="E16436" s="6">
        <v>1618.8219999999999</v>
      </c>
    </row>
    <row r="16437" spans="4:5" x14ac:dyDescent="0.25">
      <c r="D16437" s="6">
        <v>3103.1280000000002</v>
      </c>
      <c r="E16437" s="6">
        <v>2166.1080000000002</v>
      </c>
    </row>
    <row r="16438" spans="4:5" x14ac:dyDescent="0.25">
      <c r="D16438" s="6">
        <v>1179.01</v>
      </c>
      <c r="E16438" s="6">
        <v>6762.8919999999998</v>
      </c>
    </row>
    <row r="16439" spans="4:5" x14ac:dyDescent="0.25">
      <c r="D16439" s="6">
        <v>497.87889999999999</v>
      </c>
      <c r="E16439" s="6">
        <v>589.66669999999999</v>
      </c>
    </row>
    <row r="16440" spans="4:5" x14ac:dyDescent="0.25">
      <c r="D16440" s="6">
        <v>538.43799999999999</v>
      </c>
      <c r="E16440" s="6">
        <v>602.71699999999998</v>
      </c>
    </row>
    <row r="16441" spans="4:5" x14ac:dyDescent="0.25">
      <c r="D16441" s="6">
        <v>4524.6930000000002</v>
      </c>
      <c r="E16441" s="6">
        <v>2179.5439999999999</v>
      </c>
    </row>
    <row r="16442" spans="4:5" x14ac:dyDescent="0.25">
      <c r="D16442" s="6">
        <v>1166.9680000000001</v>
      </c>
      <c r="E16442" s="6">
        <v>3411.2379999999998</v>
      </c>
    </row>
    <row r="16443" spans="4:5" x14ac:dyDescent="0.25">
      <c r="D16443" s="6">
        <v>666.78099999999995</v>
      </c>
      <c r="E16443" s="6">
        <v>3402.4349999999999</v>
      </c>
    </row>
    <row r="16444" spans="4:5" x14ac:dyDescent="0.25">
      <c r="D16444" s="6">
        <v>3509.7539999999999</v>
      </c>
      <c r="E16444" s="6">
        <v>734.02319999999997</v>
      </c>
    </row>
    <row r="16445" spans="4:5" x14ac:dyDescent="0.25">
      <c r="D16445" s="6">
        <v>2003.165</v>
      </c>
      <c r="E16445" s="6">
        <v>678.50890000000004</v>
      </c>
    </row>
    <row r="16446" spans="4:5" x14ac:dyDescent="0.25">
      <c r="D16446" s="6">
        <v>496.072</v>
      </c>
      <c r="E16446" s="6">
        <v>630.89070000000004</v>
      </c>
    </row>
    <row r="16447" spans="4:5" x14ac:dyDescent="0.25">
      <c r="D16447" s="6">
        <v>875.65210000000002</v>
      </c>
      <c r="E16447" s="6">
        <v>2013.9670000000001</v>
      </c>
    </row>
    <row r="16448" spans="4:5" x14ac:dyDescent="0.25">
      <c r="D16448" s="6">
        <v>525.55930000000001</v>
      </c>
      <c r="E16448" s="6">
        <v>640.19510000000002</v>
      </c>
    </row>
    <row r="16449" spans="4:5" x14ac:dyDescent="0.25">
      <c r="D16449" s="6">
        <v>512.34490000000005</v>
      </c>
      <c r="E16449" s="6">
        <v>571.76919999999996</v>
      </c>
    </row>
    <row r="16450" spans="4:5" x14ac:dyDescent="0.25">
      <c r="D16450" s="6">
        <v>497.24380000000002</v>
      </c>
      <c r="E16450" s="6">
        <v>3644.826</v>
      </c>
    </row>
    <row r="16451" spans="4:5" x14ac:dyDescent="0.25">
      <c r="D16451" s="6">
        <v>624.37620000000004</v>
      </c>
      <c r="E16451" s="6">
        <v>862.87609999999995</v>
      </c>
    </row>
    <row r="16452" spans="4:5" x14ac:dyDescent="0.25">
      <c r="D16452" s="6">
        <v>541.90560000000005</v>
      </c>
      <c r="E16452" s="6">
        <v>800.37540000000001</v>
      </c>
    </row>
    <row r="16453" spans="4:5" x14ac:dyDescent="0.25">
      <c r="D16453" s="6">
        <v>663.04759999999999</v>
      </c>
      <c r="E16453" s="6">
        <v>1360.73</v>
      </c>
    </row>
    <row r="16454" spans="4:5" x14ac:dyDescent="0.25">
      <c r="D16454" s="6">
        <v>542.59130000000005</v>
      </c>
      <c r="E16454" s="6">
        <v>1954.452</v>
      </c>
    </row>
    <row r="16455" spans="4:5" x14ac:dyDescent="0.25">
      <c r="D16455" s="6">
        <v>503.02300000000002</v>
      </c>
      <c r="E16455" s="6">
        <v>2130.8110000000001</v>
      </c>
    </row>
    <row r="16456" spans="4:5" x14ac:dyDescent="0.25">
      <c r="D16456" s="6">
        <v>442.4085</v>
      </c>
      <c r="E16456" s="6">
        <v>627.63630000000001</v>
      </c>
    </row>
    <row r="16457" spans="4:5" x14ac:dyDescent="0.25">
      <c r="D16457" s="6">
        <v>569.49940000000004</v>
      </c>
      <c r="E16457" s="6">
        <v>1865.703</v>
      </c>
    </row>
    <row r="16458" spans="4:5" x14ac:dyDescent="0.25">
      <c r="D16458" s="6">
        <v>399.83319999999998</v>
      </c>
      <c r="E16458" s="6">
        <v>3451.165</v>
      </c>
    </row>
    <row r="16459" spans="4:5" x14ac:dyDescent="0.25">
      <c r="D16459" s="6">
        <v>435.1592</v>
      </c>
      <c r="E16459" s="6">
        <v>666.30409999999995</v>
      </c>
    </row>
    <row r="16460" spans="4:5" x14ac:dyDescent="0.25">
      <c r="D16460" s="6">
        <v>583.61270000000002</v>
      </c>
      <c r="E16460" s="6">
        <v>1683.451</v>
      </c>
    </row>
    <row r="16461" spans="4:5" x14ac:dyDescent="0.25">
      <c r="D16461" s="6">
        <v>533.62950000000001</v>
      </c>
      <c r="E16461" s="6">
        <v>4296.7030000000004</v>
      </c>
    </row>
    <row r="16462" spans="4:5" x14ac:dyDescent="0.25">
      <c r="D16462" s="6">
        <v>430.01620000000003</v>
      </c>
      <c r="E16462" s="6">
        <v>539.75890000000004</v>
      </c>
    </row>
    <row r="16463" spans="4:5" x14ac:dyDescent="0.25">
      <c r="D16463" s="6">
        <v>525.95450000000005</v>
      </c>
      <c r="E16463" s="6">
        <v>10430.530000000001</v>
      </c>
    </row>
    <row r="16464" spans="4:5" x14ac:dyDescent="0.25">
      <c r="D16464" s="6">
        <v>620.57500000000005</v>
      </c>
      <c r="E16464" s="6">
        <v>544.56219999999996</v>
      </c>
    </row>
    <row r="16465" spans="4:5" x14ac:dyDescent="0.25">
      <c r="D16465" s="6">
        <v>1977.953</v>
      </c>
      <c r="E16465" s="6">
        <v>683.68010000000004</v>
      </c>
    </row>
    <row r="16466" spans="4:5" x14ac:dyDescent="0.25">
      <c r="D16466" s="6">
        <v>5262.7089999999998</v>
      </c>
      <c r="E16466" s="6">
        <v>6361.1319999999996</v>
      </c>
    </row>
    <row r="16467" spans="4:5" x14ac:dyDescent="0.25">
      <c r="D16467" s="6">
        <v>4100.1729999999998</v>
      </c>
      <c r="E16467" s="6">
        <v>753.26009999999997</v>
      </c>
    </row>
    <row r="16468" spans="4:5" x14ac:dyDescent="0.25">
      <c r="D16468" s="6">
        <v>407.64280000000002</v>
      </c>
      <c r="E16468" s="6">
        <v>599.86559999999997</v>
      </c>
    </row>
    <row r="16469" spans="4:5" x14ac:dyDescent="0.25">
      <c r="D16469" s="6">
        <v>1588.0530000000001</v>
      </c>
      <c r="E16469" s="6">
        <v>827.09780000000001</v>
      </c>
    </row>
    <row r="16470" spans="4:5" x14ac:dyDescent="0.25">
      <c r="D16470" s="6">
        <v>606.8492</v>
      </c>
      <c r="E16470" s="6">
        <v>1729.288</v>
      </c>
    </row>
    <row r="16471" spans="4:5" x14ac:dyDescent="0.25">
      <c r="D16471" s="6">
        <v>3712.8009999999999</v>
      </c>
      <c r="E16471" s="6">
        <v>2776.9360000000001</v>
      </c>
    </row>
    <row r="16472" spans="4:5" x14ac:dyDescent="0.25">
      <c r="D16472" s="6">
        <v>507.83629999999999</v>
      </c>
      <c r="E16472" s="6">
        <v>593.41980000000001</v>
      </c>
    </row>
    <row r="16473" spans="4:5" x14ac:dyDescent="0.25">
      <c r="D16473" s="6">
        <v>459.64019999999999</v>
      </c>
      <c r="E16473" s="6">
        <v>5229.0590000000002</v>
      </c>
    </row>
    <row r="16474" spans="4:5" x14ac:dyDescent="0.25">
      <c r="D16474" s="6">
        <v>7057.4620000000004</v>
      </c>
      <c r="E16474" s="6">
        <v>1176.856</v>
      </c>
    </row>
    <row r="16475" spans="4:5" x14ac:dyDescent="0.25">
      <c r="D16475" s="6">
        <v>3939.33</v>
      </c>
      <c r="E16475" s="6">
        <v>2601.4920000000002</v>
      </c>
    </row>
    <row r="16476" spans="4:5" x14ac:dyDescent="0.25">
      <c r="D16476" s="6">
        <v>474.00389999999999</v>
      </c>
      <c r="E16476" s="6">
        <v>2067.3879999999999</v>
      </c>
    </row>
    <row r="16477" spans="4:5" x14ac:dyDescent="0.25">
      <c r="D16477" s="6">
        <v>1790.9290000000001</v>
      </c>
      <c r="E16477" s="6">
        <v>5070.3500000000004</v>
      </c>
    </row>
    <row r="16478" spans="4:5" x14ac:dyDescent="0.25">
      <c r="D16478" s="6">
        <v>419.34359999999998</v>
      </c>
      <c r="E16478" s="6">
        <v>1458.404</v>
      </c>
    </row>
    <row r="16479" spans="4:5" x14ac:dyDescent="0.25">
      <c r="D16479" s="6">
        <v>409.69670000000002</v>
      </c>
      <c r="E16479" s="6">
        <v>642.87630000000001</v>
      </c>
    </row>
    <row r="16480" spans="4:5" x14ac:dyDescent="0.25">
      <c r="D16480" s="6">
        <v>3142.212</v>
      </c>
      <c r="E16480" s="6">
        <v>740.2491</v>
      </c>
    </row>
    <row r="16481" spans="4:5" x14ac:dyDescent="0.25">
      <c r="D16481" s="6">
        <v>389.27420000000001</v>
      </c>
      <c r="E16481" s="6">
        <v>608.94619999999998</v>
      </c>
    </row>
    <row r="16482" spans="4:5" x14ac:dyDescent="0.25">
      <c r="D16482" s="6">
        <v>1180.425</v>
      </c>
      <c r="E16482" s="6">
        <v>566.93849999999998</v>
      </c>
    </row>
    <row r="16483" spans="4:5" x14ac:dyDescent="0.25">
      <c r="D16483" s="6">
        <v>6164.6270000000004</v>
      </c>
      <c r="E16483" s="6">
        <v>1602.6669999999999</v>
      </c>
    </row>
    <row r="16484" spans="4:5" x14ac:dyDescent="0.25">
      <c r="D16484" s="6">
        <v>5792.4639999999999</v>
      </c>
      <c r="E16484" s="6">
        <v>936.60829999999999</v>
      </c>
    </row>
    <row r="16485" spans="4:5" x14ac:dyDescent="0.25">
      <c r="D16485" s="6">
        <v>513.13969999999995</v>
      </c>
      <c r="E16485" s="6">
        <v>1804.3710000000001</v>
      </c>
    </row>
    <row r="16486" spans="4:5" x14ac:dyDescent="0.25">
      <c r="D16486" s="6">
        <v>785.46010000000001</v>
      </c>
      <c r="E16486" s="6">
        <v>716.30169999999998</v>
      </c>
    </row>
    <row r="16487" spans="4:5" x14ac:dyDescent="0.25">
      <c r="D16487" s="6">
        <v>531.34649999999999</v>
      </c>
      <c r="E16487" s="6">
        <v>848.55610000000001</v>
      </c>
    </row>
    <row r="16488" spans="4:5" x14ac:dyDescent="0.25">
      <c r="D16488" s="6">
        <v>513.66669999999999</v>
      </c>
      <c r="E16488" s="6">
        <v>585.3125</v>
      </c>
    </row>
    <row r="16489" spans="4:5" x14ac:dyDescent="0.25">
      <c r="D16489" s="6">
        <v>428.88440000000003</v>
      </c>
      <c r="E16489" s="6">
        <v>1237.3330000000001</v>
      </c>
    </row>
    <row r="16490" spans="4:5" x14ac:dyDescent="0.25">
      <c r="D16490" s="6">
        <v>456.98309999999998</v>
      </c>
      <c r="E16490" s="6">
        <v>591.31960000000004</v>
      </c>
    </row>
    <row r="16491" spans="4:5" x14ac:dyDescent="0.25">
      <c r="D16491" s="6">
        <v>580.49099999999999</v>
      </c>
      <c r="E16491" s="6">
        <v>617.64089999999999</v>
      </c>
    </row>
    <row r="16492" spans="4:5" x14ac:dyDescent="0.25">
      <c r="D16492" s="6">
        <v>1683.345</v>
      </c>
      <c r="E16492" s="6">
        <v>1178.78</v>
      </c>
    </row>
    <row r="16493" spans="4:5" x14ac:dyDescent="0.25">
      <c r="D16493" s="6">
        <v>4655.915</v>
      </c>
      <c r="E16493" s="6">
        <v>1463.7739999999999</v>
      </c>
    </row>
    <row r="16494" spans="4:5" x14ac:dyDescent="0.25">
      <c r="D16494" s="6">
        <v>560.34889999999996</v>
      </c>
      <c r="E16494" s="6">
        <v>643.86149999999998</v>
      </c>
    </row>
    <row r="16495" spans="4:5" x14ac:dyDescent="0.25">
      <c r="D16495" s="6">
        <v>471.95710000000003</v>
      </c>
      <c r="E16495" s="6">
        <v>583.65740000000005</v>
      </c>
    </row>
    <row r="16496" spans="4:5" x14ac:dyDescent="0.25">
      <c r="D16496" s="6">
        <v>406.45330000000001</v>
      </c>
      <c r="E16496" s="6">
        <v>2924.444</v>
      </c>
    </row>
    <row r="16497" spans="4:5" x14ac:dyDescent="0.25">
      <c r="D16497" s="6">
        <v>458.77870000000001</v>
      </c>
      <c r="E16497" s="6">
        <v>5608.6360000000004</v>
      </c>
    </row>
    <row r="16498" spans="4:5" x14ac:dyDescent="0.25">
      <c r="D16498" s="6">
        <v>425.25630000000001</v>
      </c>
      <c r="E16498" s="6">
        <v>1757.5920000000001</v>
      </c>
    </row>
    <row r="16499" spans="4:5" x14ac:dyDescent="0.25">
      <c r="D16499" s="6">
        <v>618.5</v>
      </c>
      <c r="E16499" s="6">
        <v>791.44619999999998</v>
      </c>
    </row>
    <row r="16500" spans="4:5" x14ac:dyDescent="0.25">
      <c r="D16500" s="6">
        <v>6074.527</v>
      </c>
      <c r="E16500" s="6">
        <v>717.68529999999998</v>
      </c>
    </row>
    <row r="16501" spans="4:5" x14ac:dyDescent="0.25">
      <c r="D16501" s="6">
        <v>578.57339999999999</v>
      </c>
      <c r="E16501" s="6">
        <v>593.22090000000003</v>
      </c>
    </row>
    <row r="16502" spans="4:5" x14ac:dyDescent="0.25">
      <c r="D16502" s="6">
        <v>548.55799999999999</v>
      </c>
      <c r="E16502" s="6">
        <v>1294.5709999999999</v>
      </c>
    </row>
    <row r="16503" spans="4:5" x14ac:dyDescent="0.25">
      <c r="D16503" s="6">
        <v>2259.7890000000002</v>
      </c>
      <c r="E16503" s="6">
        <v>807.95619999999997</v>
      </c>
    </row>
    <row r="16504" spans="4:5" x14ac:dyDescent="0.25">
      <c r="D16504" s="6">
        <v>480.18529999999998</v>
      </c>
      <c r="E16504" s="6">
        <v>4307.518</v>
      </c>
    </row>
    <row r="16505" spans="4:5" x14ac:dyDescent="0.25">
      <c r="D16505" s="6">
        <v>4823.8429999999998</v>
      </c>
      <c r="E16505" s="6">
        <v>634.69910000000004</v>
      </c>
    </row>
    <row r="16506" spans="4:5" x14ac:dyDescent="0.25">
      <c r="D16506" s="6">
        <v>5628.0039999999999</v>
      </c>
      <c r="E16506" s="6">
        <v>1619.1849999999999</v>
      </c>
    </row>
    <row r="16507" spans="4:5" x14ac:dyDescent="0.25">
      <c r="D16507" s="6">
        <v>650.32309999999995</v>
      </c>
      <c r="E16507" s="6">
        <v>619.45839999999998</v>
      </c>
    </row>
    <row r="16508" spans="4:5" x14ac:dyDescent="0.25">
      <c r="D16508" s="6">
        <v>635.86210000000005</v>
      </c>
      <c r="E16508" s="6">
        <v>1408.135</v>
      </c>
    </row>
    <row r="16509" spans="4:5" x14ac:dyDescent="0.25">
      <c r="D16509" s="6">
        <v>1691.086</v>
      </c>
      <c r="E16509" s="6">
        <v>987.25</v>
      </c>
    </row>
    <row r="16510" spans="4:5" x14ac:dyDescent="0.25">
      <c r="D16510" s="6">
        <v>644.90949999999998</v>
      </c>
      <c r="E16510" s="6">
        <v>715.14670000000001</v>
      </c>
    </row>
    <row r="16511" spans="4:5" x14ac:dyDescent="0.25">
      <c r="D16511" s="6">
        <v>447.2346</v>
      </c>
      <c r="E16511" s="6">
        <v>726.83199999999999</v>
      </c>
    </row>
    <row r="16512" spans="4:5" x14ac:dyDescent="0.25">
      <c r="D16512" s="6">
        <v>574.99030000000005</v>
      </c>
      <c r="E16512" s="6">
        <v>767.70809999999994</v>
      </c>
    </row>
    <row r="16513" spans="4:5" x14ac:dyDescent="0.25">
      <c r="D16513" s="6">
        <v>533.78639999999996</v>
      </c>
      <c r="E16513" s="6">
        <v>1966.577</v>
      </c>
    </row>
    <row r="16514" spans="4:5" x14ac:dyDescent="0.25">
      <c r="D16514" s="6">
        <v>430.96839999999997</v>
      </c>
      <c r="E16514" s="6">
        <v>1928.2629999999999</v>
      </c>
    </row>
    <row r="16515" spans="4:5" x14ac:dyDescent="0.25">
      <c r="D16515" s="6">
        <v>974.00789999999995</v>
      </c>
      <c r="E16515" s="6">
        <v>4117</v>
      </c>
    </row>
    <row r="16516" spans="4:5" x14ac:dyDescent="0.25">
      <c r="D16516" s="6">
        <v>645.0104</v>
      </c>
      <c r="E16516" s="6">
        <v>1886.2619999999999</v>
      </c>
    </row>
    <row r="16517" spans="4:5" x14ac:dyDescent="0.25">
      <c r="D16517" s="6">
        <v>453.75900000000001</v>
      </c>
      <c r="E16517" s="6">
        <v>828.55930000000001</v>
      </c>
    </row>
    <row r="16518" spans="4:5" x14ac:dyDescent="0.25">
      <c r="D16518" s="6">
        <v>6353.6719999999996</v>
      </c>
      <c r="E16518" s="6">
        <v>719.26800000000003</v>
      </c>
    </row>
    <row r="16519" spans="4:5" x14ac:dyDescent="0.25">
      <c r="D16519" s="6">
        <v>1008.925</v>
      </c>
      <c r="E16519" s="6">
        <v>611.58789999999999</v>
      </c>
    </row>
    <row r="16520" spans="4:5" x14ac:dyDescent="0.25">
      <c r="D16520" s="6">
        <v>437.91640000000001</v>
      </c>
      <c r="E16520" s="6">
        <v>3158.172</v>
      </c>
    </row>
    <row r="16521" spans="4:5" x14ac:dyDescent="0.25">
      <c r="D16521" s="6">
        <v>769.88850000000002</v>
      </c>
      <c r="E16521" s="6">
        <v>801.30690000000004</v>
      </c>
    </row>
    <row r="16522" spans="4:5" x14ac:dyDescent="0.25">
      <c r="D16522" s="6">
        <v>532.77279999999996</v>
      </c>
      <c r="E16522" s="6">
        <v>6305.7719999999999</v>
      </c>
    </row>
    <row r="16523" spans="4:5" x14ac:dyDescent="0.25">
      <c r="D16523" s="6">
        <v>7125.0450000000001</v>
      </c>
      <c r="E16523" s="6">
        <v>1792.4159999999999</v>
      </c>
    </row>
    <row r="16524" spans="4:5" x14ac:dyDescent="0.25">
      <c r="D16524" s="6">
        <v>695.84720000000004</v>
      </c>
      <c r="E16524" s="6">
        <v>1007.295</v>
      </c>
    </row>
    <row r="16525" spans="4:5" x14ac:dyDescent="0.25">
      <c r="D16525" s="6">
        <v>2103.8870000000002</v>
      </c>
      <c r="E16525" s="6">
        <v>2322.0439999999999</v>
      </c>
    </row>
    <row r="16526" spans="4:5" x14ac:dyDescent="0.25">
      <c r="D16526" s="6">
        <v>5099.1170000000002</v>
      </c>
      <c r="E16526" s="6">
        <v>893.83810000000005</v>
      </c>
    </row>
    <row r="16527" spans="4:5" x14ac:dyDescent="0.25">
      <c r="D16527" s="6">
        <v>518.49249999999995</v>
      </c>
      <c r="E16527" s="6">
        <v>1379.4269999999999</v>
      </c>
    </row>
    <row r="16528" spans="4:5" x14ac:dyDescent="0.25">
      <c r="D16528" s="6">
        <v>535.28279999999995</v>
      </c>
      <c r="E16528" s="6">
        <v>750.32659999999998</v>
      </c>
    </row>
    <row r="16529" spans="4:5" x14ac:dyDescent="0.25">
      <c r="D16529" s="6">
        <v>465.0378</v>
      </c>
      <c r="E16529" s="6">
        <v>2818.299</v>
      </c>
    </row>
    <row r="16530" spans="4:5" x14ac:dyDescent="0.25">
      <c r="D16530" s="6">
        <v>456.76209999999998</v>
      </c>
      <c r="E16530" s="6">
        <v>2824.6660000000002</v>
      </c>
    </row>
    <row r="16531" spans="4:5" x14ac:dyDescent="0.25">
      <c r="D16531" s="6">
        <v>440.22669999999999</v>
      </c>
      <c r="E16531" s="6">
        <v>1410.7529999999999</v>
      </c>
    </row>
    <row r="16532" spans="4:5" x14ac:dyDescent="0.25">
      <c r="D16532" s="6">
        <v>1024.6849999999999</v>
      </c>
      <c r="E16532" s="6">
        <v>594.4597</v>
      </c>
    </row>
    <row r="16533" spans="4:5" x14ac:dyDescent="0.25">
      <c r="D16533" s="6">
        <v>529.88620000000003</v>
      </c>
      <c r="E16533" s="6">
        <v>627.36609999999996</v>
      </c>
    </row>
    <row r="16534" spans="4:5" x14ac:dyDescent="0.25">
      <c r="D16534" s="6">
        <v>512.57399999999996</v>
      </c>
      <c r="E16534" s="6">
        <v>1339.241</v>
      </c>
    </row>
    <row r="16535" spans="4:5" x14ac:dyDescent="0.25">
      <c r="D16535" s="6">
        <v>747.98649999999998</v>
      </c>
      <c r="E16535" s="6">
        <v>600.49260000000004</v>
      </c>
    </row>
    <row r="16536" spans="4:5" x14ac:dyDescent="0.25">
      <c r="D16536" s="6">
        <v>1028.8710000000001</v>
      </c>
      <c r="E16536" s="6">
        <v>942.51430000000005</v>
      </c>
    </row>
    <row r="16537" spans="4:5" x14ac:dyDescent="0.25">
      <c r="D16537" s="6">
        <v>489.67840000000001</v>
      </c>
      <c r="E16537" s="6">
        <v>677.83150000000001</v>
      </c>
    </row>
    <row r="16538" spans="4:5" x14ac:dyDescent="0.25">
      <c r="D16538" s="6">
        <v>600.39599999999996</v>
      </c>
      <c r="E16538" s="6">
        <v>587.03390000000002</v>
      </c>
    </row>
    <row r="16539" spans="4:5" x14ac:dyDescent="0.25">
      <c r="D16539" s="6">
        <v>601.91189999999995</v>
      </c>
      <c r="E16539" s="6">
        <v>1739.617</v>
      </c>
    </row>
    <row r="16540" spans="4:5" x14ac:dyDescent="0.25">
      <c r="D16540" s="6">
        <v>539.06209999999999</v>
      </c>
      <c r="E16540" s="6">
        <v>619.70609999999999</v>
      </c>
    </row>
    <row r="16541" spans="4:5" x14ac:dyDescent="0.25">
      <c r="D16541" s="6">
        <v>472.4307</v>
      </c>
      <c r="E16541" s="6">
        <v>754.9556</v>
      </c>
    </row>
    <row r="16542" spans="4:5" x14ac:dyDescent="0.25">
      <c r="D16542" s="6">
        <v>5559.4279999999999</v>
      </c>
      <c r="E16542" s="6">
        <v>1828.9590000000001</v>
      </c>
    </row>
    <row r="16543" spans="4:5" x14ac:dyDescent="0.25">
      <c r="D16543" s="6">
        <v>513.12549999999999</v>
      </c>
      <c r="E16543" s="6">
        <v>967.12120000000004</v>
      </c>
    </row>
    <row r="16544" spans="4:5" x14ac:dyDescent="0.25">
      <c r="D16544" s="6">
        <v>498.5301</v>
      </c>
      <c r="E16544" s="6">
        <v>668.56679999999994</v>
      </c>
    </row>
    <row r="16545" spans="4:5" x14ac:dyDescent="0.25">
      <c r="D16545" s="6">
        <v>613.59199999999998</v>
      </c>
      <c r="E16545" s="6">
        <v>581.04819999999995</v>
      </c>
    </row>
    <row r="16546" spans="4:5" x14ac:dyDescent="0.25">
      <c r="D16546" s="6">
        <v>434.56689999999998</v>
      </c>
      <c r="E16546" s="6">
        <v>1719.5060000000001</v>
      </c>
    </row>
    <row r="16547" spans="4:5" x14ac:dyDescent="0.25">
      <c r="D16547" s="6">
        <v>4403</v>
      </c>
      <c r="E16547" s="6">
        <v>697.26160000000004</v>
      </c>
    </row>
    <row r="16548" spans="4:5" x14ac:dyDescent="0.25">
      <c r="D16548" s="6">
        <v>5145.1130000000003</v>
      </c>
      <c r="E16548" s="6">
        <v>1186.9100000000001</v>
      </c>
    </row>
    <row r="16549" spans="4:5" x14ac:dyDescent="0.25">
      <c r="D16549" s="6">
        <v>477.64359999999999</v>
      </c>
      <c r="E16549" s="6">
        <v>2161.9810000000002</v>
      </c>
    </row>
    <row r="16550" spans="4:5" x14ac:dyDescent="0.25">
      <c r="D16550" s="6">
        <v>534.57470000000001</v>
      </c>
      <c r="E16550" s="6">
        <v>1166.2760000000001</v>
      </c>
    </row>
    <row r="16551" spans="4:5" x14ac:dyDescent="0.25">
      <c r="D16551" s="6">
        <v>3726.6950000000002</v>
      </c>
      <c r="E16551" s="6">
        <v>569.20680000000004</v>
      </c>
    </row>
    <row r="16552" spans="4:5" x14ac:dyDescent="0.25">
      <c r="D16552" s="6">
        <v>1537.903</v>
      </c>
      <c r="E16552" s="6">
        <v>947.39189999999996</v>
      </c>
    </row>
    <row r="16553" spans="4:5" x14ac:dyDescent="0.25">
      <c r="D16553" s="6">
        <v>487.62</v>
      </c>
      <c r="E16553" s="6">
        <v>680.88030000000003</v>
      </c>
    </row>
    <row r="16554" spans="4:5" x14ac:dyDescent="0.25">
      <c r="D16554" s="6">
        <v>406.0729</v>
      </c>
      <c r="E16554" s="6">
        <v>1804.78</v>
      </c>
    </row>
    <row r="16555" spans="4:5" x14ac:dyDescent="0.25">
      <c r="D16555" s="6">
        <v>519.09299999999996</v>
      </c>
      <c r="E16555" s="6">
        <v>1609.7660000000001</v>
      </c>
    </row>
    <row r="16556" spans="4:5" x14ac:dyDescent="0.25">
      <c r="D16556" s="6">
        <v>6681.3209999999999</v>
      </c>
      <c r="E16556" s="6">
        <v>657.79830000000004</v>
      </c>
    </row>
    <row r="16557" spans="4:5" x14ac:dyDescent="0.25">
      <c r="D16557" s="6">
        <v>713.69230000000005</v>
      </c>
      <c r="E16557" s="6">
        <v>1889.7940000000001</v>
      </c>
    </row>
    <row r="16558" spans="4:5" x14ac:dyDescent="0.25">
      <c r="D16558" s="6">
        <v>495.62360000000001</v>
      </c>
      <c r="E16558" s="6">
        <v>2372.297</v>
      </c>
    </row>
    <row r="16559" spans="4:5" x14ac:dyDescent="0.25">
      <c r="D16559" s="6">
        <v>507.779</v>
      </c>
      <c r="E16559" s="6">
        <v>2608.779</v>
      </c>
    </row>
    <row r="16560" spans="4:5" x14ac:dyDescent="0.25">
      <c r="D16560" s="6">
        <v>603.20180000000005</v>
      </c>
      <c r="E16560" s="6">
        <v>793.92939999999999</v>
      </c>
    </row>
    <row r="16561" spans="4:5" x14ac:dyDescent="0.25">
      <c r="D16561" s="6">
        <v>570.84360000000004</v>
      </c>
      <c r="E16561" s="6">
        <v>1296.8409999999999</v>
      </c>
    </row>
    <row r="16562" spans="4:5" x14ac:dyDescent="0.25">
      <c r="D16562" s="6">
        <v>536.60640000000001</v>
      </c>
      <c r="E16562" s="6">
        <v>1270.1579999999999</v>
      </c>
    </row>
    <row r="16563" spans="4:5" x14ac:dyDescent="0.25">
      <c r="D16563" s="6">
        <v>676.86009999999999</v>
      </c>
      <c r="E16563" s="6">
        <v>1743.444</v>
      </c>
    </row>
    <row r="16564" spans="4:5" x14ac:dyDescent="0.25">
      <c r="D16564" s="6">
        <v>710.95640000000003</v>
      </c>
      <c r="E16564" s="6">
        <v>2047.415</v>
      </c>
    </row>
    <row r="16565" spans="4:5" x14ac:dyDescent="0.25">
      <c r="D16565" s="6">
        <v>447.24340000000001</v>
      </c>
      <c r="E16565" s="6">
        <v>699.42859999999996</v>
      </c>
    </row>
    <row r="16566" spans="4:5" x14ac:dyDescent="0.25">
      <c r="D16566" s="6">
        <v>555.55840000000001</v>
      </c>
      <c r="E16566" s="6">
        <v>5011.59</v>
      </c>
    </row>
    <row r="16567" spans="4:5" x14ac:dyDescent="0.25">
      <c r="D16567" s="6">
        <v>5616.0479999999998</v>
      </c>
      <c r="E16567" s="6">
        <v>3606.8519999999999</v>
      </c>
    </row>
    <row r="16568" spans="4:5" x14ac:dyDescent="0.25">
      <c r="D16568" s="6">
        <v>3271.9520000000002</v>
      </c>
      <c r="E16568" s="6">
        <v>530.81849999999997</v>
      </c>
    </row>
    <row r="16569" spans="4:5" x14ac:dyDescent="0.25">
      <c r="D16569" s="6">
        <v>4384.2139999999999</v>
      </c>
      <c r="E16569" s="6">
        <v>4080.3429999999998</v>
      </c>
    </row>
    <row r="16570" spans="4:5" x14ac:dyDescent="0.25">
      <c r="D16570" s="6">
        <v>636.52189999999996</v>
      </c>
      <c r="E16570" s="6">
        <v>620.32449999999994</v>
      </c>
    </row>
    <row r="16571" spans="4:5" x14ac:dyDescent="0.25">
      <c r="D16571" s="6">
        <v>563.04300000000001</v>
      </c>
      <c r="E16571" s="6">
        <v>1802.9580000000001</v>
      </c>
    </row>
    <row r="16572" spans="4:5" x14ac:dyDescent="0.25">
      <c r="D16572" s="6">
        <v>11653.35</v>
      </c>
      <c r="E16572" s="6">
        <v>667.30139999999994</v>
      </c>
    </row>
    <row r="16573" spans="4:5" x14ac:dyDescent="0.25">
      <c r="D16573" s="6">
        <v>500.06470000000002</v>
      </c>
      <c r="E16573" s="6">
        <v>8249.0220000000008</v>
      </c>
    </row>
    <row r="16574" spans="4:5" x14ac:dyDescent="0.25">
      <c r="D16574" s="6">
        <v>930.27779999999996</v>
      </c>
      <c r="E16574" s="6">
        <v>693.22810000000004</v>
      </c>
    </row>
    <row r="16575" spans="4:5" x14ac:dyDescent="0.25">
      <c r="D16575" s="6">
        <v>503.81479999999999</v>
      </c>
      <c r="E16575" s="6">
        <v>741.57820000000004</v>
      </c>
    </row>
    <row r="16576" spans="4:5" x14ac:dyDescent="0.25">
      <c r="D16576" s="6">
        <v>538.298</v>
      </c>
      <c r="E16576" s="6">
        <v>653.9348</v>
      </c>
    </row>
    <row r="16577" spans="4:5" x14ac:dyDescent="0.25">
      <c r="D16577" s="6">
        <v>4825.2309999999998</v>
      </c>
      <c r="E16577" s="6">
        <v>2362.029</v>
      </c>
    </row>
    <row r="16578" spans="4:5" x14ac:dyDescent="0.25">
      <c r="D16578" s="6">
        <v>550.47649999999999</v>
      </c>
      <c r="E16578" s="6">
        <v>588.15570000000002</v>
      </c>
    </row>
    <row r="16579" spans="4:5" x14ac:dyDescent="0.25">
      <c r="D16579" s="6">
        <v>792.5326</v>
      </c>
      <c r="E16579" s="6">
        <v>713.3836</v>
      </c>
    </row>
    <row r="16580" spans="4:5" x14ac:dyDescent="0.25">
      <c r="D16580" s="6">
        <v>1169.729</v>
      </c>
      <c r="E16580" s="6">
        <v>690.67570000000001</v>
      </c>
    </row>
    <row r="16581" spans="4:5" x14ac:dyDescent="0.25">
      <c r="D16581" s="6">
        <v>3387.3679999999999</v>
      </c>
      <c r="E16581" s="6">
        <v>2229.4070000000002</v>
      </c>
    </row>
    <row r="16582" spans="4:5" x14ac:dyDescent="0.25">
      <c r="D16582" s="6">
        <v>456.25659999999999</v>
      </c>
      <c r="E16582" s="6">
        <v>2073.7049999999999</v>
      </c>
    </row>
    <row r="16583" spans="4:5" x14ac:dyDescent="0.25">
      <c r="D16583" s="6">
        <v>473.53969999999998</v>
      </c>
      <c r="E16583" s="6">
        <v>1607.8679999999999</v>
      </c>
    </row>
    <row r="16584" spans="4:5" x14ac:dyDescent="0.25">
      <c r="D16584" s="6">
        <v>4914.9790000000003</v>
      </c>
      <c r="E16584" s="6">
        <v>3416.16</v>
      </c>
    </row>
    <row r="16585" spans="4:5" x14ac:dyDescent="0.25">
      <c r="D16585" s="6">
        <v>715.73080000000004</v>
      </c>
      <c r="E16585" s="6">
        <v>951.78380000000004</v>
      </c>
    </row>
    <row r="16586" spans="4:5" x14ac:dyDescent="0.25">
      <c r="D16586" s="6">
        <v>3959.2510000000002</v>
      </c>
      <c r="E16586" s="6">
        <v>891.81129999999996</v>
      </c>
    </row>
    <row r="16587" spans="4:5" x14ac:dyDescent="0.25">
      <c r="D16587" s="6">
        <v>490.4504</v>
      </c>
      <c r="E16587" s="6">
        <v>4501.8100000000004</v>
      </c>
    </row>
    <row r="16588" spans="4:5" x14ac:dyDescent="0.25">
      <c r="D16588" s="6">
        <v>576.31529999999998</v>
      </c>
      <c r="E16588" s="6">
        <v>4865.5739999999996</v>
      </c>
    </row>
    <row r="16589" spans="4:5" x14ac:dyDescent="0.25">
      <c r="D16589" s="6">
        <v>592.44179999999994</v>
      </c>
      <c r="E16589" s="6">
        <v>675.91399999999999</v>
      </c>
    </row>
    <row r="16590" spans="4:5" x14ac:dyDescent="0.25">
      <c r="D16590" s="6">
        <v>2324.4389999999999</v>
      </c>
      <c r="E16590" s="6">
        <v>830.27179999999998</v>
      </c>
    </row>
    <row r="16591" spans="4:5" x14ac:dyDescent="0.25">
      <c r="D16591" s="6">
        <v>3078</v>
      </c>
      <c r="E16591" s="6">
        <v>2369.527</v>
      </c>
    </row>
    <row r="16592" spans="4:5" x14ac:dyDescent="0.25">
      <c r="D16592" s="6">
        <v>464.78919999999999</v>
      </c>
      <c r="E16592" s="6">
        <v>624.29070000000002</v>
      </c>
    </row>
    <row r="16593" spans="4:5" x14ac:dyDescent="0.25">
      <c r="D16593" s="6">
        <v>451.75319999999999</v>
      </c>
      <c r="E16593" s="6">
        <v>780.95429999999999</v>
      </c>
    </row>
    <row r="16594" spans="4:5" x14ac:dyDescent="0.25">
      <c r="D16594" s="6">
        <v>498.98500000000001</v>
      </c>
      <c r="E16594" s="6">
        <v>516.70899999999995</v>
      </c>
    </row>
    <row r="16595" spans="4:5" x14ac:dyDescent="0.25">
      <c r="D16595" s="6">
        <v>520.221</v>
      </c>
      <c r="E16595" s="6">
        <v>1587.8209999999999</v>
      </c>
    </row>
    <row r="16596" spans="4:5" x14ac:dyDescent="0.25">
      <c r="D16596" s="6">
        <v>546.01930000000004</v>
      </c>
      <c r="E16596" s="6">
        <v>6748.8959999999997</v>
      </c>
    </row>
    <row r="16597" spans="4:5" x14ac:dyDescent="0.25">
      <c r="D16597" s="6">
        <v>502.3596</v>
      </c>
      <c r="E16597" s="6">
        <v>1420.8710000000001</v>
      </c>
    </row>
    <row r="16598" spans="4:5" x14ac:dyDescent="0.25">
      <c r="D16598" s="6">
        <v>625.55529999999999</v>
      </c>
      <c r="E16598" s="6">
        <v>490.18380000000002</v>
      </c>
    </row>
    <row r="16599" spans="4:5" x14ac:dyDescent="0.25">
      <c r="D16599" s="6">
        <v>426.7509</v>
      </c>
      <c r="E16599" s="6">
        <v>614.01059999999995</v>
      </c>
    </row>
    <row r="16600" spans="4:5" x14ac:dyDescent="0.25">
      <c r="D16600" s="6">
        <v>1503.951</v>
      </c>
      <c r="E16600" s="6">
        <v>1655.2929999999999</v>
      </c>
    </row>
    <row r="16601" spans="4:5" x14ac:dyDescent="0.25">
      <c r="D16601" s="6">
        <v>477.11900000000003</v>
      </c>
      <c r="E16601" s="6">
        <v>5553.6970000000001</v>
      </c>
    </row>
    <row r="16602" spans="4:5" x14ac:dyDescent="0.25">
      <c r="D16602" s="6">
        <v>497.14049999999997</v>
      </c>
      <c r="E16602" s="6">
        <v>679.07650000000001</v>
      </c>
    </row>
    <row r="16603" spans="4:5" x14ac:dyDescent="0.25">
      <c r="D16603" s="6">
        <v>4420.8119999999999</v>
      </c>
      <c r="E16603" s="6">
        <v>626.01310000000001</v>
      </c>
    </row>
    <row r="16604" spans="4:5" x14ac:dyDescent="0.25">
      <c r="D16604" s="6">
        <v>801.6422</v>
      </c>
      <c r="E16604" s="6">
        <v>561.58810000000005</v>
      </c>
    </row>
    <row r="16605" spans="4:5" x14ac:dyDescent="0.25">
      <c r="D16605" s="6">
        <v>4449.6360000000004</v>
      </c>
      <c r="E16605" s="6">
        <v>3480.364</v>
      </c>
    </row>
    <row r="16606" spans="4:5" x14ac:dyDescent="0.25">
      <c r="D16606" s="6">
        <v>454.74900000000002</v>
      </c>
      <c r="E16606" s="6">
        <v>1067.952</v>
      </c>
    </row>
    <row r="16607" spans="4:5" x14ac:dyDescent="0.25">
      <c r="D16607" s="6">
        <v>449.70780000000002</v>
      </c>
      <c r="E16607" s="6">
        <v>2663.7240000000002</v>
      </c>
    </row>
    <row r="16608" spans="4:5" x14ac:dyDescent="0.25">
      <c r="D16608" s="6">
        <v>1438.7239999999999</v>
      </c>
      <c r="E16608" s="6">
        <v>1658.2270000000001</v>
      </c>
    </row>
    <row r="16609" spans="4:5" x14ac:dyDescent="0.25">
      <c r="D16609" s="6">
        <v>438.8098</v>
      </c>
      <c r="E16609" s="6">
        <v>2053.1990000000001</v>
      </c>
    </row>
    <row r="16610" spans="4:5" x14ac:dyDescent="0.25">
      <c r="D16610" s="6">
        <v>524.02650000000006</v>
      </c>
      <c r="E16610" s="6">
        <v>4777.2730000000001</v>
      </c>
    </row>
    <row r="16611" spans="4:5" x14ac:dyDescent="0.25">
      <c r="D16611" s="6">
        <v>4806.7839999999997</v>
      </c>
      <c r="E16611" s="6">
        <v>703.70659999999998</v>
      </c>
    </row>
    <row r="16612" spans="4:5" x14ac:dyDescent="0.25">
      <c r="D16612" s="6">
        <v>506.44749999999999</v>
      </c>
      <c r="E16612" s="6">
        <v>608.57709999999997</v>
      </c>
    </row>
    <row r="16613" spans="4:5" x14ac:dyDescent="0.25">
      <c r="D16613" s="6">
        <v>543.52560000000005</v>
      </c>
      <c r="E16613" s="6">
        <v>474.89</v>
      </c>
    </row>
    <row r="16614" spans="4:5" x14ac:dyDescent="0.25">
      <c r="D16614" s="6">
        <v>498.58640000000003</v>
      </c>
      <c r="E16614" s="6">
        <v>845.10699999999997</v>
      </c>
    </row>
    <row r="16615" spans="4:5" x14ac:dyDescent="0.25">
      <c r="D16615" s="6">
        <v>1433.528</v>
      </c>
      <c r="E16615" s="6">
        <v>1392</v>
      </c>
    </row>
    <row r="16616" spans="4:5" x14ac:dyDescent="0.25">
      <c r="D16616" s="6">
        <v>1246.3230000000001</v>
      </c>
      <c r="E16616" s="6">
        <v>649.61320000000001</v>
      </c>
    </row>
    <row r="16617" spans="4:5" x14ac:dyDescent="0.25">
      <c r="D16617" s="6">
        <v>5556.2569999999996</v>
      </c>
      <c r="E16617" s="6">
        <v>956.4162</v>
      </c>
    </row>
    <row r="16618" spans="4:5" x14ac:dyDescent="0.25">
      <c r="D16618" s="6">
        <v>519.97339999999997</v>
      </c>
      <c r="E16618" s="6">
        <v>611.65859999999998</v>
      </c>
    </row>
    <row r="16619" spans="4:5" x14ac:dyDescent="0.25">
      <c r="D16619" s="6">
        <v>4463.2640000000001</v>
      </c>
      <c r="E16619" s="6">
        <v>2543.9630000000002</v>
      </c>
    </row>
    <row r="16620" spans="4:5" x14ac:dyDescent="0.25">
      <c r="D16620" s="6">
        <v>477.27089999999998</v>
      </c>
      <c r="E16620" s="6">
        <v>5703.9369999999999</v>
      </c>
    </row>
    <row r="16621" spans="4:5" x14ac:dyDescent="0.25">
      <c r="D16621" s="6">
        <v>5048.1710000000003</v>
      </c>
      <c r="E16621" s="6">
        <v>971.5539</v>
      </c>
    </row>
    <row r="16622" spans="4:5" x14ac:dyDescent="0.25">
      <c r="D16622" s="6">
        <v>6214.6959999999999</v>
      </c>
      <c r="E16622" s="6">
        <v>1272.675</v>
      </c>
    </row>
    <row r="16623" spans="4:5" x14ac:dyDescent="0.25">
      <c r="D16623" s="6">
        <v>1060.798</v>
      </c>
      <c r="E16623" s="6">
        <v>1512.143</v>
      </c>
    </row>
    <row r="16624" spans="4:5" x14ac:dyDescent="0.25">
      <c r="D16624" s="6">
        <v>452.3657</v>
      </c>
      <c r="E16624" s="6">
        <v>750.5462</v>
      </c>
    </row>
    <row r="16625" spans="4:5" x14ac:dyDescent="0.25">
      <c r="D16625" s="6">
        <v>1143.5519999999999</v>
      </c>
      <c r="E16625" s="6">
        <v>814.26620000000003</v>
      </c>
    </row>
    <row r="16626" spans="4:5" x14ac:dyDescent="0.25">
      <c r="D16626" s="6">
        <v>427.73559999999998</v>
      </c>
      <c r="E16626" s="6">
        <v>1673.4159999999999</v>
      </c>
    </row>
    <row r="16627" spans="4:5" x14ac:dyDescent="0.25">
      <c r="D16627" s="6">
        <v>526.49969999999996</v>
      </c>
      <c r="E16627" s="6">
        <v>628.07960000000003</v>
      </c>
    </row>
    <row r="16628" spans="4:5" x14ac:dyDescent="0.25">
      <c r="D16628" s="6">
        <v>464.95920000000001</v>
      </c>
      <c r="E16628" s="6">
        <v>5047.299</v>
      </c>
    </row>
    <row r="16629" spans="4:5" x14ac:dyDescent="0.25">
      <c r="D16629" s="6">
        <v>757.85410000000002</v>
      </c>
      <c r="E16629" s="6">
        <v>1386.71</v>
      </c>
    </row>
    <row r="16630" spans="4:5" x14ac:dyDescent="0.25">
      <c r="D16630" s="6">
        <v>525.56619999999998</v>
      </c>
      <c r="E16630" s="6">
        <v>1492.7539999999999</v>
      </c>
    </row>
    <row r="16631" spans="4:5" x14ac:dyDescent="0.25">
      <c r="D16631" s="6">
        <v>3353.8609999999999</v>
      </c>
      <c r="E16631" s="6">
        <v>1439.2729999999999</v>
      </c>
    </row>
    <row r="16632" spans="4:5" x14ac:dyDescent="0.25">
      <c r="D16632" s="6">
        <v>5005.5410000000002</v>
      </c>
      <c r="E16632" s="6">
        <v>3629.154</v>
      </c>
    </row>
    <row r="16633" spans="4:5" x14ac:dyDescent="0.25">
      <c r="D16633" s="6">
        <v>4300.7</v>
      </c>
      <c r="E16633" s="6">
        <v>672.17589999999996</v>
      </c>
    </row>
    <row r="16634" spans="4:5" x14ac:dyDescent="0.25">
      <c r="D16634" s="6">
        <v>1830.875</v>
      </c>
      <c r="E16634" s="6">
        <v>844.82029999999997</v>
      </c>
    </row>
    <row r="16635" spans="4:5" x14ac:dyDescent="0.25">
      <c r="D16635" s="6">
        <v>1476.98</v>
      </c>
      <c r="E16635" s="6">
        <v>731.87009999999998</v>
      </c>
    </row>
    <row r="16636" spans="4:5" x14ac:dyDescent="0.25">
      <c r="D16636" s="6">
        <v>477.91879999999998</v>
      </c>
      <c r="E16636" s="6">
        <v>700.88480000000004</v>
      </c>
    </row>
    <row r="16637" spans="4:5" x14ac:dyDescent="0.25">
      <c r="D16637" s="6">
        <v>409.70749999999998</v>
      </c>
      <c r="E16637" s="6">
        <v>739.78869999999995</v>
      </c>
    </row>
    <row r="16638" spans="4:5" x14ac:dyDescent="0.25">
      <c r="D16638" s="6">
        <v>3639.76</v>
      </c>
      <c r="E16638" s="6">
        <v>1290.3920000000001</v>
      </c>
    </row>
    <row r="16639" spans="4:5" x14ac:dyDescent="0.25">
      <c r="D16639" s="6">
        <v>6735.8</v>
      </c>
      <c r="E16639" s="6">
        <v>5732.366</v>
      </c>
    </row>
    <row r="16640" spans="4:5" x14ac:dyDescent="0.25">
      <c r="D16640" s="6">
        <v>1353.7529999999999</v>
      </c>
      <c r="E16640" s="6">
        <v>3146.8429999999998</v>
      </c>
    </row>
    <row r="16641" spans="4:5" x14ac:dyDescent="0.25">
      <c r="D16641" s="6">
        <v>416.6832</v>
      </c>
      <c r="E16641" s="6">
        <v>1499.211</v>
      </c>
    </row>
    <row r="16642" spans="4:5" x14ac:dyDescent="0.25">
      <c r="D16642" s="6">
        <v>510.40030000000002</v>
      </c>
      <c r="E16642" s="6">
        <v>647.30909999999994</v>
      </c>
    </row>
    <row r="16643" spans="4:5" x14ac:dyDescent="0.25">
      <c r="D16643" s="6">
        <v>784.85550000000001</v>
      </c>
      <c r="E16643" s="6">
        <v>613.9171</v>
      </c>
    </row>
    <row r="16644" spans="4:5" x14ac:dyDescent="0.25">
      <c r="D16644" s="6">
        <v>424.06</v>
      </c>
      <c r="E16644" s="6">
        <v>729.07510000000002</v>
      </c>
    </row>
    <row r="16645" spans="4:5" x14ac:dyDescent="0.25">
      <c r="D16645" s="6">
        <v>6060.2889999999998</v>
      </c>
      <c r="E16645" s="6">
        <v>728.43050000000005</v>
      </c>
    </row>
    <row r="16646" spans="4:5" x14ac:dyDescent="0.25">
      <c r="D16646" s="6">
        <v>4930.5860000000002</v>
      </c>
      <c r="E16646" s="6">
        <v>597.4846</v>
      </c>
    </row>
    <row r="16647" spans="4:5" x14ac:dyDescent="0.25">
      <c r="D16647" s="6">
        <v>1464.499</v>
      </c>
      <c r="E16647" s="6">
        <v>776.54930000000002</v>
      </c>
    </row>
    <row r="16648" spans="4:5" x14ac:dyDescent="0.25">
      <c r="D16648" s="6">
        <v>625</v>
      </c>
      <c r="E16648" s="6">
        <v>2030.2940000000001</v>
      </c>
    </row>
    <row r="16649" spans="4:5" x14ac:dyDescent="0.25">
      <c r="D16649" s="6">
        <v>588.33399999999995</v>
      </c>
      <c r="E16649" s="6">
        <v>1839.8820000000001</v>
      </c>
    </row>
    <row r="16650" spans="4:5" x14ac:dyDescent="0.25">
      <c r="D16650" s="6">
        <v>6049.6660000000002</v>
      </c>
      <c r="E16650" s="6">
        <v>638.81470000000002</v>
      </c>
    </row>
    <row r="16651" spans="4:5" x14ac:dyDescent="0.25">
      <c r="D16651" s="6">
        <v>442.12819999999999</v>
      </c>
      <c r="E16651" s="6">
        <v>1530.2650000000001</v>
      </c>
    </row>
    <row r="16652" spans="4:5" x14ac:dyDescent="0.25">
      <c r="D16652" s="6">
        <v>3891.5630000000001</v>
      </c>
      <c r="E16652" s="6">
        <v>576.36839999999995</v>
      </c>
    </row>
    <row r="16653" spans="4:5" x14ac:dyDescent="0.25">
      <c r="D16653" s="6">
        <v>571.17089999999996</v>
      </c>
      <c r="E16653" s="6">
        <v>2156.42</v>
      </c>
    </row>
    <row r="16654" spans="4:5" x14ac:dyDescent="0.25">
      <c r="D16654" s="6">
        <v>1219.82</v>
      </c>
      <c r="E16654" s="6">
        <v>1610.944</v>
      </c>
    </row>
    <row r="16655" spans="4:5" x14ac:dyDescent="0.25">
      <c r="D16655" s="6">
        <v>459.5308</v>
      </c>
      <c r="E16655" s="6">
        <v>642.76080000000002</v>
      </c>
    </row>
    <row r="16656" spans="4:5" x14ac:dyDescent="0.25">
      <c r="D16656" s="6">
        <v>578.69060000000002</v>
      </c>
      <c r="E16656" s="6">
        <v>2047.5</v>
      </c>
    </row>
    <row r="16657" spans="4:5" x14ac:dyDescent="0.25">
      <c r="D16657" s="6">
        <v>424.40480000000002</v>
      </c>
      <c r="E16657" s="6">
        <v>1607.9949999999999</v>
      </c>
    </row>
    <row r="16658" spans="4:5" x14ac:dyDescent="0.25">
      <c r="D16658" s="6">
        <v>4837.1589999999997</v>
      </c>
      <c r="E16658" s="6">
        <v>2075.482</v>
      </c>
    </row>
    <row r="16659" spans="4:5" x14ac:dyDescent="0.25">
      <c r="D16659" s="6">
        <v>569.85850000000005</v>
      </c>
      <c r="E16659" s="6">
        <v>4659.7579999999998</v>
      </c>
    </row>
    <row r="16660" spans="4:5" x14ac:dyDescent="0.25">
      <c r="D16660" s="6">
        <v>1181.2439999999999</v>
      </c>
      <c r="E16660" s="6">
        <v>7786.0940000000001</v>
      </c>
    </row>
    <row r="16661" spans="4:5" x14ac:dyDescent="0.25">
      <c r="D16661" s="6">
        <v>405.04809999999998</v>
      </c>
      <c r="E16661" s="6">
        <v>3704.819</v>
      </c>
    </row>
    <row r="16662" spans="4:5" x14ac:dyDescent="0.25">
      <c r="D16662" s="6">
        <v>441.58769999999998</v>
      </c>
      <c r="E16662" s="6">
        <v>1784.9079999999999</v>
      </c>
    </row>
    <row r="16663" spans="4:5" x14ac:dyDescent="0.25">
      <c r="D16663" s="6">
        <v>621.77869999999996</v>
      </c>
      <c r="E16663" s="6">
        <v>1815.8140000000001</v>
      </c>
    </row>
    <row r="16664" spans="4:5" x14ac:dyDescent="0.25">
      <c r="D16664" s="6">
        <v>757.42539999999997</v>
      </c>
      <c r="E16664" s="6">
        <v>802.52520000000004</v>
      </c>
    </row>
    <row r="16665" spans="4:5" x14ac:dyDescent="0.25">
      <c r="D16665" s="6">
        <v>394.81819999999999</v>
      </c>
      <c r="E16665" s="6">
        <v>2182.6149999999998</v>
      </c>
    </row>
    <row r="16666" spans="4:5" x14ac:dyDescent="0.25">
      <c r="D16666" s="6">
        <v>552.17430000000002</v>
      </c>
      <c r="E16666" s="6">
        <v>730.14490000000001</v>
      </c>
    </row>
    <row r="16667" spans="4:5" x14ac:dyDescent="0.25">
      <c r="D16667" s="6">
        <v>520.61839999999995</v>
      </c>
      <c r="E16667" s="6">
        <v>3330.2890000000002</v>
      </c>
    </row>
    <row r="16668" spans="4:5" x14ac:dyDescent="0.25">
      <c r="D16668" s="6">
        <v>541.66290000000004</v>
      </c>
      <c r="E16668" s="6">
        <v>1433.03</v>
      </c>
    </row>
    <row r="16669" spans="4:5" x14ac:dyDescent="0.25">
      <c r="D16669" s="6">
        <v>513.9248</v>
      </c>
      <c r="E16669" s="6">
        <v>609.36530000000005</v>
      </c>
    </row>
    <row r="16670" spans="4:5" x14ac:dyDescent="0.25">
      <c r="D16670" s="6">
        <v>4138.1099999999997</v>
      </c>
      <c r="E16670" s="6">
        <v>1761.212</v>
      </c>
    </row>
    <row r="16671" spans="4:5" x14ac:dyDescent="0.25">
      <c r="D16671" s="6">
        <v>4483.9560000000001</v>
      </c>
      <c r="E16671" s="6">
        <v>657.44719999999995</v>
      </c>
    </row>
    <row r="16672" spans="4:5" x14ac:dyDescent="0.25">
      <c r="D16672" s="6">
        <v>419.91840000000002</v>
      </c>
      <c r="E16672" s="6">
        <v>559.62490000000003</v>
      </c>
    </row>
    <row r="16673" spans="4:5" x14ac:dyDescent="0.25">
      <c r="D16673" s="6">
        <v>2112.1109999999999</v>
      </c>
      <c r="E16673" s="6">
        <v>651.8614</v>
      </c>
    </row>
    <row r="16674" spans="4:5" x14ac:dyDescent="0.25">
      <c r="D16674" s="6">
        <v>2924.9920000000002</v>
      </c>
      <c r="E16674" s="6">
        <v>1257.2080000000001</v>
      </c>
    </row>
    <row r="16675" spans="4:5" x14ac:dyDescent="0.25">
      <c r="D16675" s="6">
        <v>5000.3590000000004</v>
      </c>
      <c r="E16675" s="6">
        <v>5719.0969999999998</v>
      </c>
    </row>
    <row r="16676" spans="4:5" x14ac:dyDescent="0.25">
      <c r="D16676" s="6">
        <v>544.14580000000001</v>
      </c>
      <c r="E16676" s="6">
        <v>839.06020000000001</v>
      </c>
    </row>
    <row r="16677" spans="4:5" x14ac:dyDescent="0.25">
      <c r="D16677" s="6">
        <v>706.86530000000005</v>
      </c>
      <c r="E16677" s="6">
        <v>2710.2379999999998</v>
      </c>
    </row>
    <row r="16678" spans="4:5" x14ac:dyDescent="0.25">
      <c r="D16678" s="6">
        <v>4251.3149999999996</v>
      </c>
      <c r="E16678" s="6">
        <v>1900.259</v>
      </c>
    </row>
    <row r="16679" spans="4:5" x14ac:dyDescent="0.25">
      <c r="D16679" s="6">
        <v>6886.2749999999996</v>
      </c>
      <c r="E16679" s="6">
        <v>1879.655</v>
      </c>
    </row>
    <row r="16680" spans="4:5" x14ac:dyDescent="0.25">
      <c r="D16680" s="6">
        <v>363.82670000000002</v>
      </c>
      <c r="E16680" s="6">
        <v>927.13559999999995</v>
      </c>
    </row>
    <row r="16681" spans="4:5" x14ac:dyDescent="0.25">
      <c r="D16681" s="6">
        <v>504.4923</v>
      </c>
      <c r="E16681" s="6">
        <v>1231.8330000000001</v>
      </c>
    </row>
    <row r="16682" spans="4:5" x14ac:dyDescent="0.25">
      <c r="D16682" s="6">
        <v>444.65969999999999</v>
      </c>
      <c r="E16682" s="6">
        <v>2157.2289999999998</v>
      </c>
    </row>
    <row r="16683" spans="4:5" x14ac:dyDescent="0.25">
      <c r="D16683" s="6">
        <v>498.58339999999998</v>
      </c>
      <c r="E16683" s="6">
        <v>619.70090000000005</v>
      </c>
    </row>
    <row r="16684" spans="4:5" x14ac:dyDescent="0.25">
      <c r="D16684" s="6">
        <v>549.42610000000002</v>
      </c>
      <c r="E16684" s="6">
        <v>590.14620000000002</v>
      </c>
    </row>
    <row r="16685" spans="4:5" x14ac:dyDescent="0.25">
      <c r="D16685" s="6">
        <v>785.50789999999995</v>
      </c>
      <c r="E16685" s="6">
        <v>618.66909999999996</v>
      </c>
    </row>
    <row r="16686" spans="4:5" x14ac:dyDescent="0.25">
      <c r="D16686" s="6">
        <v>944.09550000000002</v>
      </c>
      <c r="E16686" s="6">
        <v>707.02340000000004</v>
      </c>
    </row>
    <row r="16687" spans="4:5" x14ac:dyDescent="0.25">
      <c r="D16687" s="6">
        <v>540.60429999999997</v>
      </c>
      <c r="E16687" s="6">
        <v>1300.998</v>
      </c>
    </row>
    <row r="16688" spans="4:5" x14ac:dyDescent="0.25">
      <c r="D16688" s="6">
        <v>492.66759999999999</v>
      </c>
      <c r="E16688" s="6">
        <v>1564.9</v>
      </c>
    </row>
    <row r="16689" spans="4:5" x14ac:dyDescent="0.25">
      <c r="D16689" s="6">
        <v>861.78279999999995</v>
      </c>
      <c r="E16689" s="6">
        <v>1492.693</v>
      </c>
    </row>
    <row r="16690" spans="4:5" x14ac:dyDescent="0.25">
      <c r="D16690" s="6">
        <v>485.63639999999998</v>
      </c>
      <c r="E16690" s="6">
        <v>2592.3020000000001</v>
      </c>
    </row>
    <row r="16691" spans="4:5" x14ac:dyDescent="0.25">
      <c r="D16691" s="6">
        <v>1366.1030000000001</v>
      </c>
      <c r="E16691" s="6">
        <v>1496.5119999999999</v>
      </c>
    </row>
    <row r="16692" spans="4:5" x14ac:dyDescent="0.25">
      <c r="D16692" s="6">
        <v>1324.117</v>
      </c>
      <c r="E16692" s="6">
        <v>1664.191</v>
      </c>
    </row>
    <row r="16693" spans="4:5" x14ac:dyDescent="0.25">
      <c r="D16693" s="6">
        <v>3654.6840000000002</v>
      </c>
      <c r="E16693" s="6">
        <v>2410.7820000000002</v>
      </c>
    </row>
    <row r="16694" spans="4:5" x14ac:dyDescent="0.25">
      <c r="D16694" s="6">
        <v>615.06330000000003</v>
      </c>
      <c r="E16694" s="6">
        <v>646.29489999999998</v>
      </c>
    </row>
    <row r="16695" spans="4:5" x14ac:dyDescent="0.25">
      <c r="D16695" s="6">
        <v>471.41230000000002</v>
      </c>
      <c r="E16695" s="6">
        <v>623.87310000000002</v>
      </c>
    </row>
    <row r="16696" spans="4:5" x14ac:dyDescent="0.25">
      <c r="D16696" s="6">
        <v>4395.46</v>
      </c>
      <c r="E16696" s="6">
        <v>1878.3140000000001</v>
      </c>
    </row>
    <row r="16697" spans="4:5" x14ac:dyDescent="0.25">
      <c r="D16697" s="6">
        <v>682.10109999999997</v>
      </c>
      <c r="E16697" s="6">
        <v>952.79499999999996</v>
      </c>
    </row>
    <row r="16698" spans="4:5" x14ac:dyDescent="0.25">
      <c r="D16698" s="6">
        <v>4256.232</v>
      </c>
      <c r="E16698" s="6">
        <v>1382.8209999999999</v>
      </c>
    </row>
    <row r="16699" spans="4:5" x14ac:dyDescent="0.25">
      <c r="D16699" s="6">
        <v>438.2004</v>
      </c>
      <c r="E16699" s="6">
        <v>1517.1669999999999</v>
      </c>
    </row>
    <row r="16700" spans="4:5" x14ac:dyDescent="0.25">
      <c r="D16700" s="6">
        <v>488.75909999999999</v>
      </c>
      <c r="E16700" s="6">
        <v>1522.164</v>
      </c>
    </row>
    <row r="16701" spans="4:5" x14ac:dyDescent="0.25">
      <c r="D16701" s="6">
        <v>461.84960000000001</v>
      </c>
      <c r="E16701" s="6">
        <v>637.14739999999995</v>
      </c>
    </row>
    <row r="16702" spans="4:5" x14ac:dyDescent="0.25">
      <c r="D16702" s="6">
        <v>1345.1210000000001</v>
      </c>
      <c r="E16702" s="6">
        <v>699.35389999999995</v>
      </c>
    </row>
    <row r="16703" spans="4:5" x14ac:dyDescent="0.25">
      <c r="D16703" s="6">
        <v>421.7208</v>
      </c>
      <c r="E16703" s="6">
        <v>1490.6089999999999</v>
      </c>
    </row>
    <row r="16704" spans="4:5" x14ac:dyDescent="0.25">
      <c r="D16704" s="6">
        <v>445.47160000000002</v>
      </c>
      <c r="E16704" s="6">
        <v>1425.3420000000001</v>
      </c>
    </row>
    <row r="16705" spans="4:5" x14ac:dyDescent="0.25">
      <c r="D16705" s="6">
        <v>513.46079999999995</v>
      </c>
      <c r="E16705" s="6">
        <v>565.66719999999998</v>
      </c>
    </row>
    <row r="16706" spans="4:5" x14ac:dyDescent="0.25">
      <c r="D16706" s="6">
        <v>6655.6779999999999</v>
      </c>
      <c r="E16706" s="6">
        <v>6917.7960000000003</v>
      </c>
    </row>
    <row r="16707" spans="4:5" x14ac:dyDescent="0.25">
      <c r="D16707" s="6">
        <v>507.38749999999999</v>
      </c>
      <c r="E16707" s="6">
        <v>911.76819999999998</v>
      </c>
    </row>
    <row r="16708" spans="4:5" x14ac:dyDescent="0.25">
      <c r="D16708" s="6">
        <v>4452.9279999999999</v>
      </c>
      <c r="E16708" s="6">
        <v>687.94579999999996</v>
      </c>
    </row>
    <row r="16709" spans="4:5" x14ac:dyDescent="0.25">
      <c r="D16709" s="6">
        <v>680.74329999999998</v>
      </c>
      <c r="E16709" s="6">
        <v>911.30409999999995</v>
      </c>
    </row>
    <row r="16710" spans="4:5" x14ac:dyDescent="0.25">
      <c r="D16710" s="6">
        <v>516.66030000000001</v>
      </c>
      <c r="E16710" s="6">
        <v>580.12580000000003</v>
      </c>
    </row>
    <row r="16711" spans="4:5" x14ac:dyDescent="0.25">
      <c r="D16711" s="6">
        <v>525.94989999999996</v>
      </c>
      <c r="E16711" s="6">
        <v>717.1748</v>
      </c>
    </row>
    <row r="16712" spans="4:5" x14ac:dyDescent="0.25">
      <c r="D16712" s="6">
        <v>4775.2690000000002</v>
      </c>
      <c r="E16712" s="6">
        <v>5186.3329999999996</v>
      </c>
    </row>
    <row r="16713" spans="4:5" x14ac:dyDescent="0.25">
      <c r="D16713" s="6">
        <v>7104.0150000000003</v>
      </c>
      <c r="E16713" s="6">
        <v>1696.0450000000001</v>
      </c>
    </row>
    <row r="16714" spans="4:5" x14ac:dyDescent="0.25">
      <c r="D16714" s="6">
        <v>458.08609999999999</v>
      </c>
      <c r="E16714" s="6">
        <v>974.50130000000001</v>
      </c>
    </row>
    <row r="16715" spans="4:5" x14ac:dyDescent="0.25">
      <c r="D16715" s="6">
        <v>4389.9679999999998</v>
      </c>
      <c r="E16715" s="6">
        <v>1035.2059999999999</v>
      </c>
    </row>
    <row r="16716" spans="4:5" x14ac:dyDescent="0.25">
      <c r="D16716" s="6">
        <v>517.8818</v>
      </c>
      <c r="E16716" s="6">
        <v>1309.8489999999999</v>
      </c>
    </row>
    <row r="16717" spans="4:5" x14ac:dyDescent="0.25">
      <c r="D16717" s="6">
        <v>426.65280000000001</v>
      </c>
      <c r="E16717" s="6">
        <v>1871.123</v>
      </c>
    </row>
    <row r="16718" spans="4:5" x14ac:dyDescent="0.25">
      <c r="D16718" s="6">
        <v>424.73149999999998</v>
      </c>
      <c r="E16718" s="6">
        <v>625.62699999999995</v>
      </c>
    </row>
    <row r="16719" spans="4:5" x14ac:dyDescent="0.25">
      <c r="D16719" s="6">
        <v>470.09500000000003</v>
      </c>
      <c r="E16719" s="6">
        <v>2810.68</v>
      </c>
    </row>
    <row r="16720" spans="4:5" x14ac:dyDescent="0.25">
      <c r="D16720" s="6">
        <v>604.05290000000002</v>
      </c>
      <c r="E16720" s="6">
        <v>3441.4870000000001</v>
      </c>
    </row>
    <row r="16721" spans="4:5" x14ac:dyDescent="0.25">
      <c r="D16721" s="6">
        <v>530.9896</v>
      </c>
      <c r="E16721" s="6">
        <v>3508.473</v>
      </c>
    </row>
    <row r="16722" spans="4:5" x14ac:dyDescent="0.25">
      <c r="D16722" s="6">
        <v>3842.6669999999999</v>
      </c>
      <c r="E16722" s="6">
        <v>1723.9369999999999</v>
      </c>
    </row>
    <row r="16723" spans="4:5" x14ac:dyDescent="0.25">
      <c r="D16723" s="6">
        <v>2303.7399999999998</v>
      </c>
      <c r="E16723" s="6">
        <v>5925.0129999999999</v>
      </c>
    </row>
    <row r="16724" spans="4:5" x14ac:dyDescent="0.25">
      <c r="D16724" s="6">
        <v>4878.924</v>
      </c>
      <c r="E16724" s="6">
        <v>1975.9459999999999</v>
      </c>
    </row>
    <row r="16725" spans="4:5" x14ac:dyDescent="0.25">
      <c r="D16725" s="6">
        <v>129.8571</v>
      </c>
      <c r="E16725" s="6">
        <v>868.48090000000002</v>
      </c>
    </row>
    <row r="16726" spans="4:5" x14ac:dyDescent="0.25">
      <c r="D16726" s="6">
        <v>495.07240000000002</v>
      </c>
      <c r="E16726" s="6">
        <v>676.70240000000001</v>
      </c>
    </row>
    <row r="16727" spans="4:5" x14ac:dyDescent="0.25">
      <c r="D16727" s="6">
        <v>1502.9059999999999</v>
      </c>
      <c r="E16727" s="6">
        <v>6950.3140000000003</v>
      </c>
    </row>
    <row r="16728" spans="4:5" x14ac:dyDescent="0.25">
      <c r="D16728" s="6">
        <v>617.41819999999996</v>
      </c>
      <c r="E16728" s="6">
        <v>748.45460000000003</v>
      </c>
    </row>
    <row r="16729" spans="4:5" x14ac:dyDescent="0.25">
      <c r="D16729" s="6">
        <v>432.86090000000002</v>
      </c>
      <c r="E16729" s="6">
        <v>5256.2629999999999</v>
      </c>
    </row>
    <row r="16730" spans="4:5" x14ac:dyDescent="0.25">
      <c r="D16730" s="6">
        <v>512.57500000000005</v>
      </c>
      <c r="E16730" s="6">
        <v>585.30380000000002</v>
      </c>
    </row>
    <row r="16731" spans="4:5" x14ac:dyDescent="0.25">
      <c r="D16731" s="6">
        <v>768.55930000000001</v>
      </c>
      <c r="E16731" s="6">
        <v>1380.896</v>
      </c>
    </row>
    <row r="16732" spans="4:5" x14ac:dyDescent="0.25">
      <c r="D16732" s="6">
        <v>2658.5790000000002</v>
      </c>
      <c r="E16732" s="6">
        <v>10074.9</v>
      </c>
    </row>
    <row r="16733" spans="4:5" x14ac:dyDescent="0.25">
      <c r="D16733" s="6">
        <v>6205.03</v>
      </c>
      <c r="E16733" s="6">
        <v>530.02200000000005</v>
      </c>
    </row>
    <row r="16734" spans="4:5" x14ac:dyDescent="0.25">
      <c r="D16734" s="6">
        <v>560.00009999999997</v>
      </c>
      <c r="E16734" s="6">
        <v>1572.8979999999999</v>
      </c>
    </row>
    <row r="16735" spans="4:5" x14ac:dyDescent="0.25">
      <c r="D16735" s="6">
        <v>707.91459999999995</v>
      </c>
      <c r="E16735" s="6">
        <v>7234.7179999999998</v>
      </c>
    </row>
    <row r="16736" spans="4:5" x14ac:dyDescent="0.25">
      <c r="D16736" s="6">
        <v>1654.086</v>
      </c>
      <c r="E16736" s="6">
        <v>2076.1190000000001</v>
      </c>
    </row>
    <row r="16737" spans="4:5" x14ac:dyDescent="0.25">
      <c r="D16737" s="6">
        <v>456.87709999999998</v>
      </c>
      <c r="E16737" s="6">
        <v>694.73720000000003</v>
      </c>
    </row>
    <row r="16738" spans="4:5" x14ac:dyDescent="0.25">
      <c r="D16738" s="6">
        <v>496.33600000000001</v>
      </c>
      <c r="E16738" s="6">
        <v>657.72969999999998</v>
      </c>
    </row>
    <row r="16739" spans="4:5" x14ac:dyDescent="0.25">
      <c r="D16739" s="6">
        <v>476.60390000000001</v>
      </c>
      <c r="E16739" s="6">
        <v>556.80150000000003</v>
      </c>
    </row>
    <row r="16740" spans="4:5" x14ac:dyDescent="0.25">
      <c r="D16740" s="6">
        <v>487.18959999999998</v>
      </c>
      <c r="E16740" s="6">
        <v>552.52980000000002</v>
      </c>
    </row>
    <row r="16741" spans="4:5" x14ac:dyDescent="0.25">
      <c r="D16741" s="6">
        <v>965.74699999999996</v>
      </c>
      <c r="E16741" s="6">
        <v>535.73879999999997</v>
      </c>
    </row>
    <row r="16742" spans="4:5" x14ac:dyDescent="0.25">
      <c r="D16742" s="6">
        <v>418.66230000000002</v>
      </c>
      <c r="E16742" s="6">
        <v>5846.8329999999996</v>
      </c>
    </row>
    <row r="16743" spans="4:5" x14ac:dyDescent="0.25">
      <c r="D16743" s="6">
        <v>598.16110000000003</v>
      </c>
      <c r="E16743" s="6">
        <v>585.00570000000005</v>
      </c>
    </row>
    <row r="16744" spans="4:5" x14ac:dyDescent="0.25">
      <c r="D16744" s="6">
        <v>503.74930000000001</v>
      </c>
      <c r="E16744" s="6">
        <v>1092.72</v>
      </c>
    </row>
    <row r="16745" spans="4:5" x14ac:dyDescent="0.25">
      <c r="D16745" s="6">
        <v>646.04269999999997</v>
      </c>
      <c r="E16745" s="6">
        <v>1493.2619999999999</v>
      </c>
    </row>
    <row r="16746" spans="4:5" x14ac:dyDescent="0.25">
      <c r="D16746" s="6">
        <v>1352.1030000000001</v>
      </c>
      <c r="E16746" s="6">
        <v>614.76509999999996</v>
      </c>
    </row>
    <row r="16747" spans="4:5" x14ac:dyDescent="0.25">
      <c r="D16747" s="6">
        <v>704.45</v>
      </c>
      <c r="E16747" s="6">
        <v>5664.5749999999998</v>
      </c>
    </row>
    <row r="16748" spans="4:5" x14ac:dyDescent="0.25">
      <c r="D16748" s="6">
        <v>519.54600000000005</v>
      </c>
      <c r="E16748" s="6">
        <v>2256.8139999999999</v>
      </c>
    </row>
    <row r="16749" spans="4:5" x14ac:dyDescent="0.25">
      <c r="D16749" s="6">
        <v>4107.8829999999998</v>
      </c>
      <c r="E16749" s="6">
        <v>1268</v>
      </c>
    </row>
    <row r="16750" spans="4:5" x14ac:dyDescent="0.25">
      <c r="D16750" s="6">
        <v>509.31450000000001</v>
      </c>
      <c r="E16750" s="6">
        <v>584.66909999999996</v>
      </c>
    </row>
    <row r="16751" spans="4:5" x14ac:dyDescent="0.25">
      <c r="D16751" s="6">
        <v>682.5</v>
      </c>
      <c r="E16751" s="6">
        <v>678.94770000000005</v>
      </c>
    </row>
    <row r="16752" spans="4:5" x14ac:dyDescent="0.25">
      <c r="D16752" s="6">
        <v>466.6859</v>
      </c>
      <c r="E16752" s="6">
        <v>568.72029999999995</v>
      </c>
    </row>
    <row r="16753" spans="4:5" x14ac:dyDescent="0.25">
      <c r="D16753" s="6">
        <v>4248</v>
      </c>
      <c r="E16753" s="6">
        <v>1660.855</v>
      </c>
    </row>
    <row r="16754" spans="4:5" x14ac:dyDescent="0.25">
      <c r="D16754" s="6">
        <v>8827.3449999999993</v>
      </c>
      <c r="E16754" s="6">
        <v>718.9982</v>
      </c>
    </row>
    <row r="16755" spans="4:5" x14ac:dyDescent="0.25">
      <c r="D16755" s="6">
        <v>455.40050000000002</v>
      </c>
      <c r="E16755" s="6">
        <v>1482.1759999999999</v>
      </c>
    </row>
    <row r="16756" spans="4:5" x14ac:dyDescent="0.25">
      <c r="D16756" s="6">
        <v>375.69659999999999</v>
      </c>
      <c r="E16756" s="6">
        <v>584.37130000000002</v>
      </c>
    </row>
    <row r="16757" spans="4:5" x14ac:dyDescent="0.25">
      <c r="D16757" s="6">
        <v>467.56689999999998</v>
      </c>
      <c r="E16757" s="6">
        <v>774</v>
      </c>
    </row>
    <row r="16758" spans="4:5" x14ac:dyDescent="0.25">
      <c r="D16758" s="6">
        <v>502.34320000000002</v>
      </c>
      <c r="E16758" s="6">
        <v>440.04430000000002</v>
      </c>
    </row>
    <row r="16759" spans="4:5" x14ac:dyDescent="0.25">
      <c r="D16759" s="6">
        <v>538.26199999999994</v>
      </c>
      <c r="E16759" s="6">
        <v>2514.0149999999999</v>
      </c>
    </row>
    <row r="16760" spans="4:5" x14ac:dyDescent="0.25">
      <c r="D16760" s="6">
        <v>3467.4589999999998</v>
      </c>
      <c r="E16760" s="6">
        <v>482.06229999999999</v>
      </c>
    </row>
    <row r="16761" spans="4:5" x14ac:dyDescent="0.25">
      <c r="D16761" s="6">
        <v>525.61220000000003</v>
      </c>
      <c r="E16761" s="6">
        <v>1399.971</v>
      </c>
    </row>
    <row r="16762" spans="4:5" x14ac:dyDescent="0.25">
      <c r="D16762" s="6">
        <v>4381.8100000000004</v>
      </c>
      <c r="E16762" s="6">
        <v>1944.7650000000001</v>
      </c>
    </row>
    <row r="16763" spans="4:5" x14ac:dyDescent="0.25">
      <c r="D16763" s="6">
        <v>3997.4650000000001</v>
      </c>
      <c r="E16763" s="6">
        <v>1657.4349999999999</v>
      </c>
    </row>
    <row r="16764" spans="4:5" x14ac:dyDescent="0.25">
      <c r="D16764" s="6">
        <v>608.78620000000001</v>
      </c>
      <c r="E16764" s="6">
        <v>658.40509999999995</v>
      </c>
    </row>
    <row r="16765" spans="4:5" x14ac:dyDescent="0.25">
      <c r="D16765" s="6">
        <v>3207.2109999999998</v>
      </c>
      <c r="E16765" s="6">
        <v>590.97370000000001</v>
      </c>
    </row>
    <row r="16766" spans="4:5" x14ac:dyDescent="0.25">
      <c r="D16766" s="6">
        <v>673.92819999999995</v>
      </c>
      <c r="E16766" s="6">
        <v>933.41669999999999</v>
      </c>
    </row>
    <row r="16767" spans="4:5" x14ac:dyDescent="0.25">
      <c r="D16767" s="6">
        <v>517.48950000000002</v>
      </c>
      <c r="E16767" s="6">
        <v>576.69920000000002</v>
      </c>
    </row>
    <row r="16768" spans="4:5" x14ac:dyDescent="0.25">
      <c r="D16768" s="6">
        <v>444.42840000000001</v>
      </c>
      <c r="E16768" s="6">
        <v>605.38149999999996</v>
      </c>
    </row>
    <row r="16769" spans="4:5" x14ac:dyDescent="0.25">
      <c r="D16769" s="6">
        <v>1199.153</v>
      </c>
      <c r="E16769" s="6">
        <v>3513.6109999999999</v>
      </c>
    </row>
    <row r="16770" spans="4:5" x14ac:dyDescent="0.25">
      <c r="D16770" s="6">
        <v>564.37860000000001</v>
      </c>
      <c r="E16770" s="6">
        <v>1614.126</v>
      </c>
    </row>
    <row r="16771" spans="4:5" x14ac:dyDescent="0.25">
      <c r="D16771" s="6">
        <v>525.76400000000001</v>
      </c>
      <c r="E16771" s="6">
        <v>1717.0219999999999</v>
      </c>
    </row>
    <row r="16772" spans="4:5" x14ac:dyDescent="0.25">
      <c r="D16772" s="6">
        <v>627.84709999999995</v>
      </c>
      <c r="E16772" s="6">
        <v>2654.8789999999999</v>
      </c>
    </row>
    <row r="16773" spans="4:5" x14ac:dyDescent="0.25">
      <c r="D16773" s="6">
        <v>4943.5360000000001</v>
      </c>
      <c r="E16773" s="6">
        <v>1126.097</v>
      </c>
    </row>
    <row r="16774" spans="4:5" x14ac:dyDescent="0.25">
      <c r="D16774" s="6">
        <v>586.92579999999998</v>
      </c>
      <c r="E16774" s="6">
        <v>1107.0129999999999</v>
      </c>
    </row>
    <row r="16775" spans="4:5" x14ac:dyDescent="0.25">
      <c r="D16775" s="6">
        <v>3981.279</v>
      </c>
      <c r="E16775" s="6">
        <v>668.43790000000001</v>
      </c>
    </row>
    <row r="16776" spans="4:5" x14ac:dyDescent="0.25">
      <c r="D16776" s="6">
        <v>5042.259</v>
      </c>
      <c r="E16776" s="6">
        <v>635.41359999999997</v>
      </c>
    </row>
    <row r="16777" spans="4:5" x14ac:dyDescent="0.25">
      <c r="D16777" s="6">
        <v>5399.2049999999999</v>
      </c>
      <c r="E16777" s="6">
        <v>507.15219999999999</v>
      </c>
    </row>
    <row r="16778" spans="4:5" x14ac:dyDescent="0.25">
      <c r="D16778" s="6">
        <v>4431.3959999999997</v>
      </c>
      <c r="E16778" s="6">
        <v>2387.4749999999999</v>
      </c>
    </row>
    <row r="16779" spans="4:5" x14ac:dyDescent="0.25">
      <c r="D16779" s="6">
        <v>761.44770000000005</v>
      </c>
      <c r="E16779" s="6">
        <v>2365.5059999999999</v>
      </c>
    </row>
    <row r="16780" spans="4:5" x14ac:dyDescent="0.25">
      <c r="D16780" s="6">
        <v>241.04169999999999</v>
      </c>
      <c r="E16780" s="6">
        <v>1376.7809999999999</v>
      </c>
    </row>
    <row r="16781" spans="4:5" x14ac:dyDescent="0.25">
      <c r="D16781" s="6">
        <v>1586.55</v>
      </c>
      <c r="E16781" s="6">
        <v>1806.845</v>
      </c>
    </row>
    <row r="16782" spans="4:5" x14ac:dyDescent="0.25">
      <c r="D16782" s="6">
        <v>470.75580000000002</v>
      </c>
      <c r="E16782" s="6">
        <v>2232.23</v>
      </c>
    </row>
    <row r="16783" spans="4:5" x14ac:dyDescent="0.25">
      <c r="D16783" s="6">
        <v>679.21429999999998</v>
      </c>
      <c r="E16783" s="6">
        <v>2224.3209999999999</v>
      </c>
    </row>
    <row r="16784" spans="4:5" x14ac:dyDescent="0.25">
      <c r="D16784" s="6">
        <v>413.2826</v>
      </c>
      <c r="E16784" s="6">
        <v>856.03240000000005</v>
      </c>
    </row>
    <row r="16785" spans="4:5" x14ac:dyDescent="0.25">
      <c r="D16785" s="6">
        <v>487.35019999999997</v>
      </c>
      <c r="E16785" s="6">
        <v>2445.413</v>
      </c>
    </row>
    <row r="16786" spans="4:5" x14ac:dyDescent="0.25">
      <c r="D16786" s="6">
        <v>516.67340000000002</v>
      </c>
      <c r="E16786" s="6">
        <v>711.09379999999999</v>
      </c>
    </row>
    <row r="16787" spans="4:5" x14ac:dyDescent="0.25">
      <c r="D16787" s="6">
        <v>4578.1019999999999</v>
      </c>
      <c r="E16787" s="6">
        <v>587.45090000000005</v>
      </c>
    </row>
    <row r="16788" spans="4:5" x14ac:dyDescent="0.25">
      <c r="D16788" s="6">
        <v>419.72129999999999</v>
      </c>
      <c r="E16788" s="6">
        <v>633.125</v>
      </c>
    </row>
    <row r="16789" spans="4:5" x14ac:dyDescent="0.25">
      <c r="D16789" s="6">
        <v>415.46100000000001</v>
      </c>
      <c r="E16789" s="6">
        <v>503.17380000000003</v>
      </c>
    </row>
    <row r="16790" spans="4:5" x14ac:dyDescent="0.25">
      <c r="D16790" s="6">
        <v>357.04020000000003</v>
      </c>
      <c r="E16790" s="6">
        <v>897.68309999999997</v>
      </c>
    </row>
    <row r="16791" spans="4:5" x14ac:dyDescent="0.25">
      <c r="D16791" s="6">
        <v>467.40170000000001</v>
      </c>
      <c r="E16791" s="6">
        <v>594.65319999999997</v>
      </c>
    </row>
    <row r="16792" spans="4:5" x14ac:dyDescent="0.25">
      <c r="D16792" s="6">
        <v>531.5806</v>
      </c>
      <c r="E16792" s="6">
        <v>1716.742</v>
      </c>
    </row>
    <row r="16793" spans="4:5" x14ac:dyDescent="0.25">
      <c r="D16793" s="6">
        <v>4418.835</v>
      </c>
      <c r="E16793" s="6">
        <v>6637.5429999999997</v>
      </c>
    </row>
    <row r="16794" spans="4:5" x14ac:dyDescent="0.25">
      <c r="D16794" s="6">
        <v>516.74890000000005</v>
      </c>
      <c r="E16794" s="6">
        <v>1655.066</v>
      </c>
    </row>
    <row r="16795" spans="4:5" x14ac:dyDescent="0.25">
      <c r="D16795" s="6">
        <v>406.98759999999999</v>
      </c>
      <c r="E16795" s="6">
        <v>699.30259999999998</v>
      </c>
    </row>
    <row r="16796" spans="4:5" x14ac:dyDescent="0.25">
      <c r="D16796" s="6">
        <v>2574.924</v>
      </c>
      <c r="E16796" s="6">
        <v>619.80550000000005</v>
      </c>
    </row>
    <row r="16797" spans="4:5" x14ac:dyDescent="0.25">
      <c r="D16797" s="6">
        <v>3814.3409999999999</v>
      </c>
      <c r="E16797" s="6">
        <v>4881.6239999999998</v>
      </c>
    </row>
    <row r="16798" spans="4:5" x14ac:dyDescent="0.25">
      <c r="D16798" s="6">
        <v>499.1447</v>
      </c>
      <c r="E16798" s="6">
        <v>645.08950000000004</v>
      </c>
    </row>
    <row r="16799" spans="4:5" x14ac:dyDescent="0.25">
      <c r="D16799" s="6">
        <v>490.73270000000002</v>
      </c>
      <c r="E16799" s="6">
        <v>2026.2529999999999</v>
      </c>
    </row>
    <row r="16800" spans="4:5" x14ac:dyDescent="0.25">
      <c r="D16800" s="6">
        <v>497.49959999999999</v>
      </c>
      <c r="E16800" s="6">
        <v>1948.0350000000001</v>
      </c>
    </row>
    <row r="16801" spans="4:5" x14ac:dyDescent="0.25">
      <c r="D16801" s="6">
        <v>1057.5440000000001</v>
      </c>
      <c r="E16801" s="6">
        <v>2160.0709999999999</v>
      </c>
    </row>
    <row r="16802" spans="4:5" x14ac:dyDescent="0.25">
      <c r="D16802" s="6">
        <v>462.61349999999999</v>
      </c>
      <c r="E16802" s="6">
        <v>1475.6489999999999</v>
      </c>
    </row>
    <row r="16803" spans="4:5" x14ac:dyDescent="0.25">
      <c r="D16803" s="6">
        <v>5444.1210000000001</v>
      </c>
      <c r="E16803" s="6">
        <v>1610.854</v>
      </c>
    </row>
    <row r="16804" spans="4:5" x14ac:dyDescent="0.25">
      <c r="D16804" s="6">
        <v>622.75030000000004</v>
      </c>
      <c r="E16804" s="6">
        <v>2405.3690000000001</v>
      </c>
    </row>
    <row r="16805" spans="4:5" x14ac:dyDescent="0.25">
      <c r="D16805" s="6">
        <v>5666.3590000000004</v>
      </c>
      <c r="E16805" s="6">
        <v>1561.2739999999999</v>
      </c>
    </row>
    <row r="16806" spans="4:5" x14ac:dyDescent="0.25">
      <c r="D16806" s="6">
        <v>5176.8900000000003</v>
      </c>
      <c r="E16806" s="6">
        <v>660.31489999999997</v>
      </c>
    </row>
    <row r="16807" spans="4:5" x14ac:dyDescent="0.25">
      <c r="D16807" s="6">
        <v>546.38549999999998</v>
      </c>
      <c r="E16807" s="6">
        <v>851.48860000000002</v>
      </c>
    </row>
    <row r="16808" spans="4:5" x14ac:dyDescent="0.25">
      <c r="D16808" s="6">
        <v>1648.567</v>
      </c>
      <c r="E16808" s="6">
        <v>685.69500000000005</v>
      </c>
    </row>
    <row r="16809" spans="4:5" x14ac:dyDescent="0.25">
      <c r="D16809" s="6">
        <v>7072.2370000000001</v>
      </c>
      <c r="E16809" s="6">
        <v>5634.6930000000002</v>
      </c>
    </row>
    <row r="16810" spans="4:5" x14ac:dyDescent="0.25">
      <c r="D16810" s="6">
        <v>459.71839999999997</v>
      </c>
      <c r="E16810" s="6">
        <v>568.40359999999998</v>
      </c>
    </row>
    <row r="16811" spans="4:5" x14ac:dyDescent="0.25">
      <c r="D16811" s="6">
        <v>482.67099999999999</v>
      </c>
      <c r="E16811" s="6">
        <v>659.85019999999997</v>
      </c>
    </row>
    <row r="16812" spans="4:5" x14ac:dyDescent="0.25">
      <c r="D16812" s="6">
        <v>616.8981</v>
      </c>
      <c r="E16812" s="6">
        <v>2528.7930000000001</v>
      </c>
    </row>
    <row r="16813" spans="4:5" x14ac:dyDescent="0.25">
      <c r="D16813" s="6">
        <v>438.29329999999999</v>
      </c>
      <c r="E16813" s="6">
        <v>3293.7869999999998</v>
      </c>
    </row>
    <row r="16814" spans="4:5" x14ac:dyDescent="0.25">
      <c r="D16814" s="6">
        <v>5221.4769999999999</v>
      </c>
      <c r="E16814" s="6">
        <v>842.81799999999998</v>
      </c>
    </row>
    <row r="16815" spans="4:5" x14ac:dyDescent="0.25">
      <c r="D16815" s="6">
        <v>495.50749999999999</v>
      </c>
      <c r="E16815" s="6">
        <v>2459.8389999999999</v>
      </c>
    </row>
    <row r="16816" spans="4:5" x14ac:dyDescent="0.25">
      <c r="D16816" s="6">
        <v>2590.826</v>
      </c>
      <c r="E16816" s="6">
        <v>1845.03</v>
      </c>
    </row>
    <row r="16817" spans="4:5" x14ac:dyDescent="0.25">
      <c r="D16817" s="6">
        <v>507.3999</v>
      </c>
      <c r="E16817" s="6">
        <v>6455.3760000000002</v>
      </c>
    </row>
    <row r="16818" spans="4:5" x14ac:dyDescent="0.25">
      <c r="D16818" s="6">
        <v>5270.652</v>
      </c>
      <c r="E16818" s="6">
        <v>4402.13</v>
      </c>
    </row>
    <row r="16819" spans="4:5" x14ac:dyDescent="0.25">
      <c r="D16819" s="6">
        <v>1268.7370000000001</v>
      </c>
      <c r="E16819" s="6">
        <v>3635.136</v>
      </c>
    </row>
    <row r="16820" spans="4:5" x14ac:dyDescent="0.25">
      <c r="D16820" s="6">
        <v>484.33199999999999</v>
      </c>
      <c r="E16820" s="6">
        <v>550.14689999999996</v>
      </c>
    </row>
    <row r="16821" spans="4:5" x14ac:dyDescent="0.25">
      <c r="D16821" s="6">
        <v>1713.6679999999999</v>
      </c>
      <c r="E16821" s="6">
        <v>2339.3249999999998</v>
      </c>
    </row>
    <row r="16822" spans="4:5" x14ac:dyDescent="0.25">
      <c r="D16822" s="6">
        <v>558.78430000000003</v>
      </c>
      <c r="E16822" s="6">
        <v>1225.135</v>
      </c>
    </row>
    <row r="16823" spans="4:5" x14ac:dyDescent="0.25">
      <c r="D16823" s="6">
        <v>447.0686</v>
      </c>
      <c r="E16823" s="6">
        <v>811.39970000000005</v>
      </c>
    </row>
    <row r="16824" spans="4:5" x14ac:dyDescent="0.25">
      <c r="D16824" s="6">
        <v>477.05270000000002</v>
      </c>
      <c r="E16824" s="6">
        <v>1068.6579999999999</v>
      </c>
    </row>
    <row r="16825" spans="4:5" x14ac:dyDescent="0.25">
      <c r="D16825" s="6">
        <v>4849.5839999999998</v>
      </c>
      <c r="E16825" s="6">
        <v>699.73940000000005</v>
      </c>
    </row>
    <row r="16826" spans="4:5" x14ac:dyDescent="0.25">
      <c r="D16826" s="6">
        <v>650.36369999999999</v>
      </c>
      <c r="E16826" s="6">
        <v>1656.6110000000001</v>
      </c>
    </row>
    <row r="16827" spans="4:5" x14ac:dyDescent="0.25">
      <c r="D16827" s="6">
        <v>441.2518</v>
      </c>
      <c r="E16827" s="6">
        <v>1407.288</v>
      </c>
    </row>
    <row r="16828" spans="4:5" x14ac:dyDescent="0.25">
      <c r="D16828" s="6">
        <v>547.29679999999996</v>
      </c>
      <c r="E16828" s="6">
        <v>2173.277</v>
      </c>
    </row>
    <row r="16829" spans="4:5" x14ac:dyDescent="0.25">
      <c r="D16829" s="6">
        <v>449.9289</v>
      </c>
      <c r="E16829" s="6">
        <v>1653.6659999999999</v>
      </c>
    </row>
    <row r="16830" spans="4:5" x14ac:dyDescent="0.25">
      <c r="D16830" s="6">
        <v>389</v>
      </c>
      <c r="E16830" s="6">
        <v>454.84469999999999</v>
      </c>
    </row>
    <row r="16831" spans="4:5" x14ac:dyDescent="0.25">
      <c r="D16831" s="6">
        <v>571.10059999999999</v>
      </c>
      <c r="E16831" s="6">
        <v>801.59410000000003</v>
      </c>
    </row>
    <row r="16832" spans="4:5" x14ac:dyDescent="0.25">
      <c r="D16832" s="6">
        <v>461.79340000000002</v>
      </c>
      <c r="E16832" s="6">
        <v>842</v>
      </c>
    </row>
    <row r="16833" spans="4:5" x14ac:dyDescent="0.25">
      <c r="D16833" s="6">
        <v>414.01819999999998</v>
      </c>
      <c r="E16833" s="6">
        <v>618.8845</v>
      </c>
    </row>
    <row r="16834" spans="4:5" x14ac:dyDescent="0.25">
      <c r="D16834" s="6">
        <v>470.09899999999999</v>
      </c>
      <c r="E16834" s="6">
        <v>1542.636</v>
      </c>
    </row>
    <row r="16835" spans="4:5" x14ac:dyDescent="0.25">
      <c r="D16835" s="6">
        <v>483.55970000000002</v>
      </c>
      <c r="E16835" s="6">
        <v>651.625</v>
      </c>
    </row>
    <row r="16836" spans="4:5" x14ac:dyDescent="0.25">
      <c r="D16836" s="6">
        <v>528.3913</v>
      </c>
      <c r="E16836" s="6">
        <v>1463.203</v>
      </c>
    </row>
    <row r="16837" spans="4:5" x14ac:dyDescent="0.25">
      <c r="D16837" s="6">
        <v>417.02679999999998</v>
      </c>
      <c r="E16837" s="6">
        <v>3615.0210000000002</v>
      </c>
    </row>
    <row r="16838" spans="4:5" x14ac:dyDescent="0.25">
      <c r="D16838" s="6">
        <v>1359.1089999999999</v>
      </c>
      <c r="E16838" s="6">
        <v>2047.289</v>
      </c>
    </row>
    <row r="16839" spans="4:5" x14ac:dyDescent="0.25">
      <c r="D16839" s="6">
        <v>4078.0830000000001</v>
      </c>
      <c r="E16839" s="6">
        <v>1380.3610000000001</v>
      </c>
    </row>
    <row r="16840" spans="4:5" x14ac:dyDescent="0.25">
      <c r="D16840" s="6">
        <v>626.94259999999997</v>
      </c>
      <c r="E16840" s="6">
        <v>502.58710000000002</v>
      </c>
    </row>
    <row r="16841" spans="4:5" x14ac:dyDescent="0.25">
      <c r="D16841" s="6">
        <v>607.30409999999995</v>
      </c>
      <c r="E16841" s="6">
        <v>817.53309999999999</v>
      </c>
    </row>
    <row r="16842" spans="4:5" x14ac:dyDescent="0.25">
      <c r="D16842" s="6">
        <v>379.72910000000002</v>
      </c>
      <c r="E16842" s="6">
        <v>1345.306</v>
      </c>
    </row>
    <row r="16843" spans="4:5" x14ac:dyDescent="0.25">
      <c r="D16843" s="6">
        <v>5769.0510000000004</v>
      </c>
      <c r="E16843" s="6">
        <v>614.3546</v>
      </c>
    </row>
    <row r="16844" spans="4:5" x14ac:dyDescent="0.25">
      <c r="D16844" s="6">
        <v>560.01310000000001</v>
      </c>
      <c r="E16844" s="6">
        <v>2532.7530000000002</v>
      </c>
    </row>
    <row r="16845" spans="4:5" x14ac:dyDescent="0.25">
      <c r="D16845" s="6">
        <v>4778.5889999999999</v>
      </c>
      <c r="E16845" s="6">
        <v>2435.1030000000001</v>
      </c>
    </row>
    <row r="16846" spans="4:5" x14ac:dyDescent="0.25">
      <c r="D16846" s="6">
        <v>373.65940000000001</v>
      </c>
      <c r="E16846" s="6">
        <v>1693.124</v>
      </c>
    </row>
    <row r="16847" spans="4:5" x14ac:dyDescent="0.25">
      <c r="D16847" s="6">
        <v>466.41800000000001</v>
      </c>
      <c r="E16847" s="6">
        <v>678.75490000000002</v>
      </c>
    </row>
    <row r="16848" spans="4:5" x14ac:dyDescent="0.25">
      <c r="D16848" s="6">
        <v>485.53039999999999</v>
      </c>
      <c r="E16848" s="6">
        <v>920.69179999999994</v>
      </c>
    </row>
    <row r="16849" spans="4:5" x14ac:dyDescent="0.25">
      <c r="D16849" s="6">
        <v>717.40269999999998</v>
      </c>
      <c r="E16849" s="6">
        <v>1437.787</v>
      </c>
    </row>
    <row r="16850" spans="4:5" x14ac:dyDescent="0.25">
      <c r="D16850" s="6">
        <v>886.03570000000002</v>
      </c>
      <c r="E16850" s="6">
        <v>1477.51</v>
      </c>
    </row>
    <row r="16851" spans="4:5" x14ac:dyDescent="0.25">
      <c r="D16851" s="6">
        <v>581.30690000000004</v>
      </c>
      <c r="E16851" s="6">
        <v>1615.7750000000001</v>
      </c>
    </row>
    <row r="16852" spans="4:5" x14ac:dyDescent="0.25">
      <c r="D16852" s="6">
        <v>566.53120000000001</v>
      </c>
      <c r="E16852" s="6">
        <v>1023.307</v>
      </c>
    </row>
    <row r="16853" spans="4:5" x14ac:dyDescent="0.25">
      <c r="D16853" s="6">
        <v>1413.4169999999999</v>
      </c>
      <c r="E16853" s="6">
        <v>1746.3789999999999</v>
      </c>
    </row>
    <row r="16854" spans="4:5" x14ac:dyDescent="0.25">
      <c r="D16854" s="6">
        <v>430.9572</v>
      </c>
      <c r="E16854" s="6">
        <v>758.24199999999996</v>
      </c>
    </row>
    <row r="16855" spans="4:5" x14ac:dyDescent="0.25">
      <c r="D16855" s="6">
        <v>2211.9899999999998</v>
      </c>
      <c r="E16855" s="6">
        <v>1278.431</v>
      </c>
    </row>
    <row r="16856" spans="4:5" x14ac:dyDescent="0.25">
      <c r="D16856" s="6">
        <v>407.48439999999999</v>
      </c>
      <c r="E16856" s="6">
        <v>534.9316</v>
      </c>
    </row>
    <row r="16857" spans="4:5" x14ac:dyDescent="0.25">
      <c r="D16857" s="6">
        <v>458.62920000000003</v>
      </c>
      <c r="E16857" s="6">
        <v>753.25639999999999</v>
      </c>
    </row>
    <row r="16858" spans="4:5" x14ac:dyDescent="0.25">
      <c r="D16858" s="6">
        <v>453.05079999999998</v>
      </c>
      <c r="E16858" s="6">
        <v>853.13319999999999</v>
      </c>
    </row>
    <row r="16859" spans="4:5" x14ac:dyDescent="0.25">
      <c r="D16859" s="6">
        <v>1099.077</v>
      </c>
      <c r="E16859" s="6">
        <v>3638.9940000000001</v>
      </c>
    </row>
    <row r="16860" spans="4:5" x14ac:dyDescent="0.25">
      <c r="D16860" s="6">
        <v>510.18950000000001</v>
      </c>
      <c r="E16860" s="6">
        <v>581.91959999999995</v>
      </c>
    </row>
    <row r="16861" spans="4:5" x14ac:dyDescent="0.25">
      <c r="D16861" s="6">
        <v>518.05349999999999</v>
      </c>
      <c r="E16861" s="6">
        <v>1364.5409999999999</v>
      </c>
    </row>
    <row r="16862" spans="4:5" x14ac:dyDescent="0.25">
      <c r="D16862" s="6">
        <v>4299.5129999999999</v>
      </c>
      <c r="E16862" s="6">
        <v>490.74430000000001</v>
      </c>
    </row>
    <row r="16863" spans="4:5" x14ac:dyDescent="0.25">
      <c r="D16863" s="6">
        <v>415.387</v>
      </c>
      <c r="E16863" s="6">
        <v>1942.1320000000001</v>
      </c>
    </row>
    <row r="16864" spans="4:5" x14ac:dyDescent="0.25">
      <c r="D16864" s="6">
        <v>535.8673</v>
      </c>
      <c r="E16864" s="6">
        <v>1564.3420000000001</v>
      </c>
    </row>
    <row r="16865" spans="4:5" x14ac:dyDescent="0.25">
      <c r="D16865" s="6">
        <v>539.59249999999997</v>
      </c>
      <c r="E16865" s="6">
        <v>1182.3910000000001</v>
      </c>
    </row>
    <row r="16866" spans="4:5" x14ac:dyDescent="0.25">
      <c r="D16866" s="6">
        <v>760.12059999999997</v>
      </c>
      <c r="E16866" s="6">
        <v>668.60419999999999</v>
      </c>
    </row>
    <row r="16867" spans="4:5" x14ac:dyDescent="0.25">
      <c r="D16867" s="6">
        <v>473.3458</v>
      </c>
      <c r="E16867" s="6">
        <v>586.60059999999999</v>
      </c>
    </row>
    <row r="16868" spans="4:5" x14ac:dyDescent="0.25">
      <c r="D16868" s="6">
        <v>552.87869999999998</v>
      </c>
      <c r="E16868" s="6">
        <v>1394.7570000000001</v>
      </c>
    </row>
    <row r="16869" spans="4:5" x14ac:dyDescent="0.25">
      <c r="D16869" s="6">
        <v>578.2826</v>
      </c>
      <c r="E16869" s="6">
        <v>582.15290000000005</v>
      </c>
    </row>
    <row r="16870" spans="4:5" x14ac:dyDescent="0.25">
      <c r="D16870" s="6">
        <v>3064.65</v>
      </c>
      <c r="E16870" s="6">
        <v>2132.4929999999999</v>
      </c>
    </row>
    <row r="16871" spans="4:5" x14ac:dyDescent="0.25">
      <c r="D16871" s="6">
        <v>3391.3939999999998</v>
      </c>
      <c r="E16871" s="6">
        <v>1456.528</v>
      </c>
    </row>
    <row r="16872" spans="4:5" x14ac:dyDescent="0.25">
      <c r="D16872" s="6">
        <v>1197.9880000000001</v>
      </c>
      <c r="E16872" s="6">
        <v>2717.3890000000001</v>
      </c>
    </row>
    <row r="16873" spans="4:5" x14ac:dyDescent="0.25">
      <c r="D16873" s="6">
        <v>417.00470000000001</v>
      </c>
      <c r="E16873" s="6">
        <v>1811.636</v>
      </c>
    </row>
    <row r="16874" spans="4:5" x14ac:dyDescent="0.25">
      <c r="D16874" s="6">
        <v>467.28919999999999</v>
      </c>
      <c r="E16874" s="6">
        <v>4904.0749999999998</v>
      </c>
    </row>
    <row r="16875" spans="4:5" x14ac:dyDescent="0.25">
      <c r="D16875" s="6">
        <v>1196.434</v>
      </c>
      <c r="E16875" s="6">
        <v>671.09379999999999</v>
      </c>
    </row>
    <row r="16876" spans="4:5" x14ac:dyDescent="0.25">
      <c r="D16876" s="6">
        <v>364.07749999999999</v>
      </c>
      <c r="E16876" s="6">
        <v>651.2473</v>
      </c>
    </row>
    <row r="16877" spans="4:5" x14ac:dyDescent="0.25">
      <c r="D16877" s="6">
        <v>13904.94</v>
      </c>
      <c r="E16877" s="6">
        <v>750.57259999999997</v>
      </c>
    </row>
    <row r="16878" spans="4:5" x14ac:dyDescent="0.25">
      <c r="D16878" s="6">
        <v>1148.5039999999999</v>
      </c>
      <c r="E16878" s="6">
        <v>5193.9719999999998</v>
      </c>
    </row>
    <row r="16879" spans="4:5" x14ac:dyDescent="0.25">
      <c r="D16879" s="6">
        <v>1353.3309999999999</v>
      </c>
      <c r="E16879" s="6">
        <v>643.26310000000001</v>
      </c>
    </row>
    <row r="16880" spans="4:5" x14ac:dyDescent="0.25">
      <c r="D16880" s="6">
        <v>475.34429999999998</v>
      </c>
      <c r="E16880" s="6">
        <v>577.73530000000005</v>
      </c>
    </row>
    <row r="16881" spans="4:5" x14ac:dyDescent="0.25">
      <c r="D16881" s="6">
        <v>4314.1310000000003</v>
      </c>
      <c r="E16881" s="6">
        <v>882.48130000000003</v>
      </c>
    </row>
    <row r="16882" spans="4:5" x14ac:dyDescent="0.25">
      <c r="D16882" s="6">
        <v>491.91180000000003</v>
      </c>
      <c r="E16882" s="6">
        <v>668.45039999999995</v>
      </c>
    </row>
    <row r="16883" spans="4:5" x14ac:dyDescent="0.25">
      <c r="D16883" s="6">
        <v>438.77929999999998</v>
      </c>
      <c r="E16883" s="6">
        <v>2470.2049999999999</v>
      </c>
    </row>
    <row r="16884" spans="4:5" x14ac:dyDescent="0.25">
      <c r="D16884" s="6">
        <v>533.21379999999999</v>
      </c>
      <c r="E16884" s="6">
        <v>1726.442</v>
      </c>
    </row>
    <row r="16885" spans="4:5" x14ac:dyDescent="0.25">
      <c r="D16885" s="6">
        <v>505.69580000000002</v>
      </c>
      <c r="E16885" s="6">
        <v>1173.787</v>
      </c>
    </row>
    <row r="16886" spans="4:5" x14ac:dyDescent="0.25">
      <c r="D16886" s="6">
        <v>585.87109999999996</v>
      </c>
      <c r="E16886" s="6">
        <v>1147.579</v>
      </c>
    </row>
    <row r="16887" spans="4:5" x14ac:dyDescent="0.25">
      <c r="D16887" s="6">
        <v>521.72649999999999</v>
      </c>
      <c r="E16887" s="6">
        <v>936.43790000000001</v>
      </c>
    </row>
    <row r="16888" spans="4:5" x14ac:dyDescent="0.25">
      <c r="D16888" s="6">
        <v>730.87530000000004</v>
      </c>
      <c r="E16888" s="6">
        <v>1748.279</v>
      </c>
    </row>
    <row r="16889" spans="4:5" x14ac:dyDescent="0.25">
      <c r="D16889" s="6">
        <v>487</v>
      </c>
      <c r="E16889" s="6">
        <v>4480.4489999999996</v>
      </c>
    </row>
    <row r="16890" spans="4:5" x14ac:dyDescent="0.25">
      <c r="D16890" s="6">
        <v>401.1123</v>
      </c>
      <c r="E16890" s="6">
        <v>611.9796</v>
      </c>
    </row>
    <row r="16891" spans="4:5" x14ac:dyDescent="0.25">
      <c r="D16891" s="6">
        <v>646.15679999999998</v>
      </c>
      <c r="E16891" s="6">
        <v>562.95029999999997</v>
      </c>
    </row>
    <row r="16892" spans="4:5" x14ac:dyDescent="0.25">
      <c r="D16892" s="6">
        <v>503.04989999999998</v>
      </c>
      <c r="E16892" s="6">
        <v>1816.95</v>
      </c>
    </row>
    <row r="16893" spans="4:5" x14ac:dyDescent="0.25">
      <c r="D16893" s="6">
        <v>481.14170000000001</v>
      </c>
      <c r="E16893" s="6">
        <v>822.30259999999998</v>
      </c>
    </row>
    <row r="16894" spans="4:5" x14ac:dyDescent="0.25">
      <c r="D16894" s="6">
        <v>423.60599999999999</v>
      </c>
      <c r="E16894" s="6">
        <v>1706.5350000000001</v>
      </c>
    </row>
    <row r="16895" spans="4:5" x14ac:dyDescent="0.25">
      <c r="D16895" s="6">
        <v>429.81360000000001</v>
      </c>
      <c r="E16895" s="6">
        <v>1727.7619999999999</v>
      </c>
    </row>
    <row r="16896" spans="4:5" x14ac:dyDescent="0.25">
      <c r="D16896" s="6">
        <v>4691.0280000000002</v>
      </c>
      <c r="E16896" s="6">
        <v>6617.1750000000002</v>
      </c>
    </row>
    <row r="16897" spans="4:5" x14ac:dyDescent="0.25">
      <c r="D16897" s="6">
        <v>347.77170000000001</v>
      </c>
      <c r="E16897" s="6">
        <v>1575.973</v>
      </c>
    </row>
    <row r="16898" spans="4:5" x14ac:dyDescent="0.25">
      <c r="D16898" s="6">
        <v>4889.4660000000003</v>
      </c>
      <c r="E16898" s="6">
        <v>856.01689999999996</v>
      </c>
    </row>
    <row r="16899" spans="4:5" x14ac:dyDescent="0.25">
      <c r="D16899" s="6">
        <v>521.93240000000003</v>
      </c>
      <c r="E16899" s="6">
        <v>635.03639999999996</v>
      </c>
    </row>
    <row r="16900" spans="4:5" x14ac:dyDescent="0.25">
      <c r="D16900" s="6">
        <v>518.24350000000004</v>
      </c>
      <c r="E16900" s="6">
        <v>582.47850000000005</v>
      </c>
    </row>
    <row r="16901" spans="4:5" x14ac:dyDescent="0.25">
      <c r="D16901" s="6">
        <v>442.79759999999999</v>
      </c>
      <c r="E16901" s="6">
        <v>1379.8309999999999</v>
      </c>
    </row>
    <row r="16902" spans="4:5" x14ac:dyDescent="0.25">
      <c r="D16902" s="6">
        <v>1674.75</v>
      </c>
      <c r="E16902" s="6">
        <v>1821.586</v>
      </c>
    </row>
    <row r="16903" spans="4:5" x14ac:dyDescent="0.25">
      <c r="D16903" s="6">
        <v>490.29329999999999</v>
      </c>
      <c r="E16903" s="6">
        <v>965.26649999999995</v>
      </c>
    </row>
    <row r="16904" spans="4:5" x14ac:dyDescent="0.25">
      <c r="D16904" s="6">
        <v>519.70349999999996</v>
      </c>
      <c r="E16904" s="6">
        <v>585.99860000000001</v>
      </c>
    </row>
    <row r="16905" spans="4:5" x14ac:dyDescent="0.25">
      <c r="D16905" s="6">
        <v>850.61360000000002</v>
      </c>
      <c r="E16905" s="6">
        <v>1171.7370000000001</v>
      </c>
    </row>
    <row r="16906" spans="4:5" x14ac:dyDescent="0.25">
      <c r="D16906" s="6">
        <v>448.10849999999999</v>
      </c>
      <c r="E16906" s="6">
        <v>1814.7380000000001</v>
      </c>
    </row>
    <row r="16907" spans="4:5" x14ac:dyDescent="0.25">
      <c r="D16907" s="6">
        <v>4204.3209999999999</v>
      </c>
      <c r="E16907" s="6">
        <v>555.75810000000001</v>
      </c>
    </row>
    <row r="16908" spans="4:5" x14ac:dyDescent="0.25">
      <c r="D16908" s="6">
        <v>684.02629999999999</v>
      </c>
      <c r="E16908" s="6">
        <v>554.25990000000002</v>
      </c>
    </row>
    <row r="16909" spans="4:5" x14ac:dyDescent="0.25">
      <c r="D16909" s="6">
        <v>2811.9960000000001</v>
      </c>
      <c r="E16909" s="6">
        <v>698.77760000000001</v>
      </c>
    </row>
    <row r="16910" spans="4:5" x14ac:dyDescent="0.25">
      <c r="D16910" s="6">
        <v>387.66759999999999</v>
      </c>
      <c r="E16910" s="6">
        <v>699.30319999999995</v>
      </c>
    </row>
    <row r="16911" spans="4:5" x14ac:dyDescent="0.25">
      <c r="D16911" s="6">
        <v>460.85550000000001</v>
      </c>
      <c r="E16911" s="6">
        <v>2100.1660000000002</v>
      </c>
    </row>
    <row r="16912" spans="4:5" x14ac:dyDescent="0.25">
      <c r="D16912" s="6">
        <v>460.2731</v>
      </c>
      <c r="E16912" s="6">
        <v>2137.9630000000002</v>
      </c>
    </row>
    <row r="16913" spans="4:5" x14ac:dyDescent="0.25">
      <c r="D16913" s="6">
        <v>587.71789999999999</v>
      </c>
      <c r="E16913" s="6">
        <v>4346.1729999999998</v>
      </c>
    </row>
    <row r="16914" spans="4:5" x14ac:dyDescent="0.25">
      <c r="D16914" s="6">
        <v>528.58249999999998</v>
      </c>
      <c r="E16914" s="6">
        <v>611.5</v>
      </c>
    </row>
    <row r="16915" spans="4:5" x14ac:dyDescent="0.25">
      <c r="D16915" s="6">
        <v>547.51890000000003</v>
      </c>
      <c r="E16915" s="6">
        <v>1526.91</v>
      </c>
    </row>
    <row r="16916" spans="4:5" x14ac:dyDescent="0.25">
      <c r="D16916" s="6">
        <v>1131.597</v>
      </c>
      <c r="E16916" s="6">
        <v>736.00019999999995</v>
      </c>
    </row>
    <row r="16917" spans="4:5" x14ac:dyDescent="0.25">
      <c r="D16917" s="6">
        <v>721.42380000000003</v>
      </c>
      <c r="E16917" s="6">
        <v>1029.0540000000001</v>
      </c>
    </row>
    <row r="16918" spans="4:5" x14ac:dyDescent="0.25">
      <c r="D16918" s="6">
        <v>3682.607</v>
      </c>
      <c r="E16918" s="6">
        <v>631.15070000000003</v>
      </c>
    </row>
    <row r="16919" spans="4:5" x14ac:dyDescent="0.25">
      <c r="D16919" s="6">
        <v>544.07619999999997</v>
      </c>
      <c r="E16919" s="6">
        <v>627.88430000000005</v>
      </c>
    </row>
    <row r="16920" spans="4:5" x14ac:dyDescent="0.25">
      <c r="D16920" s="6">
        <v>1524.15</v>
      </c>
      <c r="E16920" s="6">
        <v>3291.4740000000002</v>
      </c>
    </row>
    <row r="16921" spans="4:5" x14ac:dyDescent="0.25">
      <c r="D16921" s="6">
        <v>391.50330000000002</v>
      </c>
      <c r="E16921" s="6">
        <v>1674.69</v>
      </c>
    </row>
    <row r="16922" spans="4:5" x14ac:dyDescent="0.25">
      <c r="D16922" s="6">
        <v>5222.8360000000002</v>
      </c>
      <c r="E16922" s="6">
        <v>567.5145</v>
      </c>
    </row>
    <row r="16923" spans="4:5" x14ac:dyDescent="0.25">
      <c r="D16923" s="6">
        <v>456.7747</v>
      </c>
      <c r="E16923" s="6">
        <v>664.48260000000005</v>
      </c>
    </row>
    <row r="16924" spans="4:5" x14ac:dyDescent="0.25">
      <c r="D16924" s="6">
        <v>4340.7460000000001</v>
      </c>
      <c r="E16924" s="6">
        <v>1962.8430000000001</v>
      </c>
    </row>
    <row r="16925" spans="4:5" x14ac:dyDescent="0.25">
      <c r="D16925" s="6">
        <v>3901.5659999999998</v>
      </c>
      <c r="E16925" s="6">
        <v>547.26779999999997</v>
      </c>
    </row>
    <row r="16926" spans="4:5" x14ac:dyDescent="0.25">
      <c r="D16926" s="6">
        <v>5013.6469999999999</v>
      </c>
      <c r="E16926" s="6">
        <v>1693.5719999999999</v>
      </c>
    </row>
    <row r="16927" spans="4:5" x14ac:dyDescent="0.25">
      <c r="D16927" s="6">
        <v>780.61630000000002</v>
      </c>
      <c r="E16927" s="6">
        <v>4229.5969999999998</v>
      </c>
    </row>
    <row r="16928" spans="4:5" x14ac:dyDescent="0.25">
      <c r="D16928" s="6">
        <v>508.46199999999999</v>
      </c>
      <c r="E16928" s="6">
        <v>2386.078</v>
      </c>
    </row>
    <row r="16929" spans="4:5" x14ac:dyDescent="0.25">
      <c r="D16929" s="6">
        <v>456.2876</v>
      </c>
      <c r="E16929" s="6">
        <v>658.17319999999995</v>
      </c>
    </row>
    <row r="16930" spans="4:5" x14ac:dyDescent="0.25">
      <c r="D16930" s="6">
        <v>471.5702</v>
      </c>
      <c r="E16930" s="6">
        <v>5216.6049999999996</v>
      </c>
    </row>
    <row r="16931" spans="4:5" x14ac:dyDescent="0.25">
      <c r="D16931" s="6">
        <v>1467.9490000000001</v>
      </c>
      <c r="E16931" s="6">
        <v>1486.104</v>
      </c>
    </row>
    <row r="16932" spans="4:5" x14ac:dyDescent="0.25">
      <c r="D16932" s="6">
        <v>4350.4129999999996</v>
      </c>
      <c r="E16932" s="6">
        <v>1191.702</v>
      </c>
    </row>
    <row r="16933" spans="4:5" x14ac:dyDescent="0.25">
      <c r="D16933" s="6">
        <v>1091.079</v>
      </c>
      <c r="E16933" s="6">
        <v>2125.2930000000001</v>
      </c>
    </row>
    <row r="16934" spans="4:5" x14ac:dyDescent="0.25">
      <c r="D16934" s="6">
        <v>2188.8809999999999</v>
      </c>
      <c r="E16934" s="6">
        <v>1473.4</v>
      </c>
    </row>
    <row r="16935" spans="4:5" x14ac:dyDescent="0.25">
      <c r="D16935" s="6">
        <v>1432.0219999999999</v>
      </c>
      <c r="E16935" s="6">
        <v>3599.4740000000002</v>
      </c>
    </row>
    <row r="16936" spans="4:5" x14ac:dyDescent="0.25">
      <c r="D16936" s="6">
        <v>3646.1439999999998</v>
      </c>
      <c r="E16936" s="6">
        <v>688.9547</v>
      </c>
    </row>
    <row r="16937" spans="4:5" x14ac:dyDescent="0.25">
      <c r="D16937" s="6">
        <v>3223.1109999999999</v>
      </c>
      <c r="E16937" s="6">
        <v>718.02840000000003</v>
      </c>
    </row>
    <row r="16938" spans="4:5" x14ac:dyDescent="0.25">
      <c r="D16938" s="6">
        <v>3771.2930000000001</v>
      </c>
      <c r="E16938" s="6">
        <v>4518.4390000000003</v>
      </c>
    </row>
    <row r="16939" spans="4:5" x14ac:dyDescent="0.25">
      <c r="D16939" s="6">
        <v>523.10979999999995</v>
      </c>
      <c r="E16939" s="6">
        <v>549.44140000000004</v>
      </c>
    </row>
    <row r="16940" spans="4:5" x14ac:dyDescent="0.25">
      <c r="D16940" s="6">
        <v>661.13350000000003</v>
      </c>
      <c r="E16940" s="6">
        <v>1796.223</v>
      </c>
    </row>
    <row r="16941" spans="4:5" x14ac:dyDescent="0.25">
      <c r="D16941" s="6">
        <v>4703.0339999999997</v>
      </c>
      <c r="E16941" s="6">
        <v>576.43140000000005</v>
      </c>
    </row>
    <row r="16942" spans="4:5" x14ac:dyDescent="0.25">
      <c r="D16942" s="6">
        <v>4230.9369999999999</v>
      </c>
      <c r="E16942" s="6">
        <v>735.10050000000001</v>
      </c>
    </row>
    <row r="16943" spans="4:5" x14ac:dyDescent="0.25">
      <c r="D16943" s="6">
        <v>449</v>
      </c>
      <c r="E16943" s="6">
        <v>717.96659999999997</v>
      </c>
    </row>
    <row r="16944" spans="4:5" x14ac:dyDescent="0.25">
      <c r="D16944" s="6">
        <v>5355.9129999999996</v>
      </c>
      <c r="E16944" s="6">
        <v>1751.069</v>
      </c>
    </row>
    <row r="16945" spans="4:5" x14ac:dyDescent="0.25">
      <c r="D16945" s="6">
        <v>748.90300000000002</v>
      </c>
      <c r="E16945" s="6">
        <v>682.56560000000002</v>
      </c>
    </row>
    <row r="16946" spans="4:5" x14ac:dyDescent="0.25">
      <c r="D16946" s="6">
        <v>2980.1239999999998</v>
      </c>
      <c r="E16946" s="6">
        <v>700.11210000000005</v>
      </c>
    </row>
    <row r="16947" spans="4:5" x14ac:dyDescent="0.25">
      <c r="D16947" s="6">
        <v>4626.0919999999996</v>
      </c>
      <c r="E16947" s="6">
        <v>5341.2389999999996</v>
      </c>
    </row>
    <row r="16948" spans="4:5" x14ac:dyDescent="0.25">
      <c r="D16948" s="6">
        <v>4408.9229999999998</v>
      </c>
      <c r="E16948" s="6">
        <v>1877.672</v>
      </c>
    </row>
    <row r="16949" spans="4:5" x14ac:dyDescent="0.25">
      <c r="D16949" s="6">
        <v>542.69740000000002</v>
      </c>
      <c r="E16949" s="6">
        <v>5047.0910000000003</v>
      </c>
    </row>
    <row r="16950" spans="4:5" x14ac:dyDescent="0.25">
      <c r="D16950" s="6">
        <v>4014.7</v>
      </c>
      <c r="E16950" s="6">
        <v>6882.79</v>
      </c>
    </row>
    <row r="16951" spans="4:5" x14ac:dyDescent="0.25">
      <c r="D16951" s="6">
        <v>513.17269999999996</v>
      </c>
      <c r="E16951" s="6">
        <v>1155.8109999999999</v>
      </c>
    </row>
    <row r="16952" spans="4:5" x14ac:dyDescent="0.25">
      <c r="D16952" s="6">
        <v>417.91669999999999</v>
      </c>
      <c r="E16952" s="6">
        <v>883.76170000000002</v>
      </c>
    </row>
    <row r="16953" spans="4:5" x14ac:dyDescent="0.25">
      <c r="D16953" s="6">
        <v>382.81819999999999</v>
      </c>
      <c r="E16953" s="6">
        <v>640.35550000000001</v>
      </c>
    </row>
    <row r="16954" spans="4:5" x14ac:dyDescent="0.25">
      <c r="D16954" s="6">
        <v>470.61149999999998</v>
      </c>
      <c r="E16954" s="6">
        <v>618.99900000000002</v>
      </c>
    </row>
    <row r="16955" spans="4:5" x14ac:dyDescent="0.25">
      <c r="D16955" s="6">
        <v>409.51089999999999</v>
      </c>
      <c r="E16955" s="6">
        <v>828.01949999999999</v>
      </c>
    </row>
    <row r="16956" spans="4:5" x14ac:dyDescent="0.25">
      <c r="D16956" s="6">
        <v>1287.6010000000001</v>
      </c>
      <c r="E16956" s="6">
        <v>3468.009</v>
      </c>
    </row>
    <row r="16957" spans="4:5" x14ac:dyDescent="0.25">
      <c r="D16957" s="6">
        <v>560.76930000000004</v>
      </c>
      <c r="E16957" s="6">
        <v>7550.0619999999999</v>
      </c>
    </row>
    <row r="16958" spans="4:5" x14ac:dyDescent="0.25">
      <c r="D16958" s="6">
        <v>3950.6770000000001</v>
      </c>
      <c r="E16958" s="6">
        <v>601.63810000000001</v>
      </c>
    </row>
    <row r="16959" spans="4:5" x14ac:dyDescent="0.25">
      <c r="D16959" s="6">
        <v>669.95159999999998</v>
      </c>
      <c r="E16959" s="6">
        <v>1469.559</v>
      </c>
    </row>
    <row r="16960" spans="4:5" x14ac:dyDescent="0.25">
      <c r="D16960" s="6">
        <v>502.1207</v>
      </c>
      <c r="E16960" s="6">
        <v>2124.87</v>
      </c>
    </row>
    <row r="16961" spans="4:5" x14ac:dyDescent="0.25">
      <c r="D16961" s="6">
        <v>4154.9139999999998</v>
      </c>
      <c r="E16961" s="6">
        <v>526.78800000000001</v>
      </c>
    </row>
    <row r="16962" spans="4:5" x14ac:dyDescent="0.25">
      <c r="D16962" s="6">
        <v>466.51600000000002</v>
      </c>
      <c r="E16962" s="6">
        <v>1079.0730000000001</v>
      </c>
    </row>
    <row r="16963" spans="4:5" x14ac:dyDescent="0.25">
      <c r="D16963" s="6">
        <v>488.89449999999999</v>
      </c>
      <c r="E16963" s="6">
        <v>3175.3919999999998</v>
      </c>
    </row>
    <row r="16964" spans="4:5" x14ac:dyDescent="0.25">
      <c r="D16964" s="6">
        <v>531.08100000000002</v>
      </c>
      <c r="E16964" s="6">
        <v>1129.69</v>
      </c>
    </row>
    <row r="16965" spans="4:5" x14ac:dyDescent="0.25">
      <c r="D16965" s="6">
        <v>424.10270000000003</v>
      </c>
      <c r="E16965" s="6">
        <v>725.14250000000004</v>
      </c>
    </row>
    <row r="16966" spans="4:5" x14ac:dyDescent="0.25">
      <c r="D16966" s="6">
        <v>481.37759999999997</v>
      </c>
      <c r="E16966" s="6">
        <v>645.69179999999994</v>
      </c>
    </row>
    <row r="16967" spans="4:5" x14ac:dyDescent="0.25">
      <c r="D16967" s="6">
        <v>511.15839999999997</v>
      </c>
      <c r="E16967" s="6">
        <v>613.81219999999996</v>
      </c>
    </row>
    <row r="16968" spans="4:5" x14ac:dyDescent="0.25">
      <c r="D16968" s="6">
        <v>546.63130000000001</v>
      </c>
      <c r="E16968" s="6">
        <v>1346.626</v>
      </c>
    </row>
    <row r="16969" spans="4:5" x14ac:dyDescent="0.25">
      <c r="D16969" s="6">
        <v>2406.4160000000002</v>
      </c>
      <c r="E16969" s="6">
        <v>1808.431</v>
      </c>
    </row>
    <row r="16970" spans="4:5" x14ac:dyDescent="0.25">
      <c r="D16970" s="6">
        <v>479.0718</v>
      </c>
      <c r="E16970" s="6">
        <v>1168.242</v>
      </c>
    </row>
    <row r="16971" spans="4:5" x14ac:dyDescent="0.25">
      <c r="D16971" s="6">
        <v>478.91950000000003</v>
      </c>
      <c r="E16971" s="6">
        <v>2315.5659999999998</v>
      </c>
    </row>
    <row r="16972" spans="4:5" x14ac:dyDescent="0.25">
      <c r="D16972" s="6">
        <v>4454.21</v>
      </c>
      <c r="E16972" s="6">
        <v>2520.5509999999999</v>
      </c>
    </row>
    <row r="16973" spans="4:5" x14ac:dyDescent="0.25">
      <c r="D16973" s="6">
        <v>1015.389</v>
      </c>
      <c r="E16973" s="6">
        <v>995.14380000000006</v>
      </c>
    </row>
    <row r="16974" spans="4:5" x14ac:dyDescent="0.25">
      <c r="D16974" s="6">
        <v>1000.611</v>
      </c>
      <c r="E16974" s="6">
        <v>753.09860000000003</v>
      </c>
    </row>
    <row r="16975" spans="4:5" x14ac:dyDescent="0.25">
      <c r="D16975" s="6">
        <v>538.88059999999996</v>
      </c>
      <c r="E16975" s="6">
        <v>556.83450000000005</v>
      </c>
    </row>
    <row r="16976" spans="4:5" x14ac:dyDescent="0.25">
      <c r="D16976" s="6">
        <v>5250.4409999999998</v>
      </c>
      <c r="E16976" s="6">
        <v>601.78909999999996</v>
      </c>
    </row>
    <row r="16977" spans="4:5" x14ac:dyDescent="0.25">
      <c r="D16977" s="6">
        <v>445.60590000000002</v>
      </c>
      <c r="E16977" s="6">
        <v>4809.1589999999997</v>
      </c>
    </row>
    <row r="16978" spans="4:5" x14ac:dyDescent="0.25">
      <c r="D16978" s="6">
        <v>442.35309999999998</v>
      </c>
      <c r="E16978" s="6">
        <v>671.32150000000001</v>
      </c>
    </row>
    <row r="16979" spans="4:5" x14ac:dyDescent="0.25">
      <c r="D16979" s="6">
        <v>480.30450000000002</v>
      </c>
      <c r="E16979" s="6">
        <v>2022.6189999999999</v>
      </c>
    </row>
    <row r="16980" spans="4:5" x14ac:dyDescent="0.25">
      <c r="D16980" s="6">
        <v>437.31639999999999</v>
      </c>
      <c r="E16980" s="6">
        <v>2271.444</v>
      </c>
    </row>
    <row r="16981" spans="4:5" x14ac:dyDescent="0.25">
      <c r="D16981" s="6">
        <v>3822</v>
      </c>
      <c r="E16981" s="6">
        <v>731.10889999999995</v>
      </c>
    </row>
    <row r="16982" spans="4:5" x14ac:dyDescent="0.25">
      <c r="D16982" s="6">
        <v>386.12540000000001</v>
      </c>
      <c r="E16982" s="6">
        <v>707.3433</v>
      </c>
    </row>
    <row r="16983" spans="4:5" x14ac:dyDescent="0.25">
      <c r="D16983" s="6">
        <v>2770.6550000000002</v>
      </c>
      <c r="E16983" s="6">
        <v>1731.24</v>
      </c>
    </row>
    <row r="16984" spans="4:5" x14ac:dyDescent="0.25">
      <c r="D16984" s="6">
        <v>1397.8589999999999</v>
      </c>
      <c r="E16984" s="6">
        <v>795</v>
      </c>
    </row>
    <row r="16985" spans="4:5" x14ac:dyDescent="0.25">
      <c r="D16985" s="6">
        <v>1238.5550000000001</v>
      </c>
      <c r="E16985" s="6">
        <v>1797.1179999999999</v>
      </c>
    </row>
    <row r="16986" spans="4:5" x14ac:dyDescent="0.25">
      <c r="D16986" s="6">
        <v>431.27449999999999</v>
      </c>
      <c r="E16986" s="6">
        <v>2795.49</v>
      </c>
    </row>
    <row r="16987" spans="4:5" x14ac:dyDescent="0.25">
      <c r="D16987" s="6">
        <v>475.26100000000002</v>
      </c>
      <c r="E16987" s="6">
        <v>5539.6019999999999</v>
      </c>
    </row>
    <row r="16988" spans="4:5" x14ac:dyDescent="0.25">
      <c r="D16988" s="6">
        <v>1615</v>
      </c>
      <c r="E16988" s="6">
        <v>930.38459999999998</v>
      </c>
    </row>
    <row r="16989" spans="4:5" x14ac:dyDescent="0.25">
      <c r="D16989" s="6">
        <v>643.89599999999996</v>
      </c>
      <c r="E16989" s="6">
        <v>2246.585</v>
      </c>
    </row>
    <row r="16990" spans="4:5" x14ac:dyDescent="0.25">
      <c r="D16990" s="6">
        <v>711.05139999999994</v>
      </c>
      <c r="E16990" s="6">
        <v>1745.288</v>
      </c>
    </row>
    <row r="16991" spans="4:5" x14ac:dyDescent="0.25">
      <c r="D16991" s="6">
        <v>467.66149999999999</v>
      </c>
      <c r="E16991" s="6">
        <v>620.84550000000002</v>
      </c>
    </row>
    <row r="16992" spans="4:5" x14ac:dyDescent="0.25">
      <c r="D16992" s="6">
        <v>500.37729999999999</v>
      </c>
      <c r="E16992" s="6">
        <v>1621.9580000000001</v>
      </c>
    </row>
    <row r="16993" spans="4:5" x14ac:dyDescent="0.25">
      <c r="D16993" s="6">
        <v>546.25340000000006</v>
      </c>
      <c r="E16993" s="6">
        <v>6625.3209999999999</v>
      </c>
    </row>
    <row r="16994" spans="4:5" x14ac:dyDescent="0.25">
      <c r="D16994" s="6">
        <v>535.66390000000001</v>
      </c>
      <c r="E16994" s="6">
        <v>1319.5809999999999</v>
      </c>
    </row>
    <row r="16995" spans="4:5" x14ac:dyDescent="0.25">
      <c r="D16995" s="6">
        <v>1065.8699999999999</v>
      </c>
      <c r="E16995" s="6">
        <v>580.78520000000003</v>
      </c>
    </row>
    <row r="16996" spans="4:5" x14ac:dyDescent="0.25">
      <c r="D16996" s="6">
        <v>439.15730000000002</v>
      </c>
      <c r="E16996" s="6">
        <v>871.78920000000005</v>
      </c>
    </row>
    <row r="16997" spans="4:5" x14ac:dyDescent="0.25">
      <c r="D16997" s="6">
        <v>549.42430000000002</v>
      </c>
      <c r="E16997" s="6">
        <v>702.86239999999998</v>
      </c>
    </row>
    <row r="16998" spans="4:5" x14ac:dyDescent="0.25">
      <c r="D16998" s="6">
        <v>587.5634</v>
      </c>
      <c r="E16998" s="6">
        <v>1666.67</v>
      </c>
    </row>
    <row r="16999" spans="4:5" x14ac:dyDescent="0.25">
      <c r="D16999" s="6">
        <v>4448.2640000000001</v>
      </c>
      <c r="E16999" s="6">
        <v>4371.6949999999997</v>
      </c>
    </row>
    <row r="17000" spans="4:5" x14ac:dyDescent="0.25">
      <c r="D17000" s="6">
        <v>3780.8620000000001</v>
      </c>
      <c r="E17000" s="6">
        <v>606.28660000000002</v>
      </c>
    </row>
    <row r="17001" spans="4:5" x14ac:dyDescent="0.25">
      <c r="D17001" s="6">
        <v>458.13189999999997</v>
      </c>
      <c r="E17001" s="6">
        <v>1038.1679999999999</v>
      </c>
    </row>
    <row r="17002" spans="4:5" x14ac:dyDescent="0.25">
      <c r="D17002" s="6">
        <v>14880.35</v>
      </c>
      <c r="E17002" s="6">
        <v>531.86339999999996</v>
      </c>
    </row>
    <row r="17003" spans="4:5" x14ac:dyDescent="0.25">
      <c r="D17003" s="6">
        <v>474.39780000000002</v>
      </c>
      <c r="E17003" s="6">
        <v>1121.1659999999999</v>
      </c>
    </row>
    <row r="17004" spans="4:5" x14ac:dyDescent="0.25">
      <c r="D17004" s="6">
        <v>6913.8620000000001</v>
      </c>
      <c r="E17004" s="6">
        <v>1331.952</v>
      </c>
    </row>
    <row r="17005" spans="4:5" x14ac:dyDescent="0.25">
      <c r="D17005" s="6">
        <v>577.38239999999996</v>
      </c>
      <c r="E17005" s="6">
        <v>987.5847</v>
      </c>
    </row>
    <row r="17006" spans="4:5" x14ac:dyDescent="0.25">
      <c r="D17006" s="6">
        <v>604.77679999999998</v>
      </c>
      <c r="E17006" s="6">
        <v>1732.615</v>
      </c>
    </row>
    <row r="17007" spans="4:5" x14ac:dyDescent="0.25">
      <c r="D17007" s="6">
        <v>3855.1419999999998</v>
      </c>
      <c r="E17007" s="6">
        <v>2035.441</v>
      </c>
    </row>
    <row r="17008" spans="4:5" x14ac:dyDescent="0.25">
      <c r="D17008" s="6">
        <v>3953.5909999999999</v>
      </c>
      <c r="E17008" s="6">
        <v>640.47609999999997</v>
      </c>
    </row>
    <row r="17009" spans="4:5" x14ac:dyDescent="0.25">
      <c r="D17009" s="6">
        <v>546.23850000000004</v>
      </c>
      <c r="E17009" s="6">
        <v>653.03800000000001</v>
      </c>
    </row>
    <row r="17010" spans="4:5" x14ac:dyDescent="0.25">
      <c r="D17010" s="6">
        <v>7400.1639999999998</v>
      </c>
      <c r="E17010" s="6">
        <v>5688.915</v>
      </c>
    </row>
    <row r="17011" spans="4:5" x14ac:dyDescent="0.25">
      <c r="D17011" s="6">
        <v>2226.0659999999998</v>
      </c>
      <c r="E17011" s="6">
        <v>1890.307</v>
      </c>
    </row>
    <row r="17012" spans="4:5" x14ac:dyDescent="0.25">
      <c r="D17012" s="6">
        <v>604.77059999999994</v>
      </c>
      <c r="E17012" s="6">
        <v>718.98289999999997</v>
      </c>
    </row>
    <row r="17013" spans="4:5" x14ac:dyDescent="0.25">
      <c r="D17013" s="6">
        <v>500.89400000000001</v>
      </c>
      <c r="E17013" s="6">
        <v>530.02210000000002</v>
      </c>
    </row>
    <row r="17014" spans="4:5" x14ac:dyDescent="0.25">
      <c r="D17014" s="6">
        <v>5125.0519999999997</v>
      </c>
      <c r="E17014" s="6">
        <v>2381.6840000000002</v>
      </c>
    </row>
    <row r="17015" spans="4:5" x14ac:dyDescent="0.25">
      <c r="D17015" s="6">
        <v>393.33710000000002</v>
      </c>
      <c r="E17015" s="6">
        <v>2295.498</v>
      </c>
    </row>
    <row r="17016" spans="4:5" x14ac:dyDescent="0.25">
      <c r="D17016" s="6">
        <v>5582.3860000000004</v>
      </c>
      <c r="E17016" s="6">
        <v>583.68780000000004</v>
      </c>
    </row>
    <row r="17017" spans="4:5" x14ac:dyDescent="0.25">
      <c r="D17017" s="6">
        <v>1737.838</v>
      </c>
      <c r="E17017" s="6">
        <v>531</v>
      </c>
    </row>
    <row r="17018" spans="4:5" x14ac:dyDescent="0.25">
      <c r="D17018" s="6">
        <v>1363.7180000000001</v>
      </c>
      <c r="E17018" s="6">
        <v>1923</v>
      </c>
    </row>
    <row r="17019" spans="4:5" x14ac:dyDescent="0.25">
      <c r="D17019" s="6">
        <v>6818.33</v>
      </c>
      <c r="E17019" s="6">
        <v>1806.896</v>
      </c>
    </row>
    <row r="17020" spans="4:5" x14ac:dyDescent="0.25">
      <c r="D17020" s="6">
        <v>547.601</v>
      </c>
      <c r="E17020" s="6">
        <v>699.68349999999998</v>
      </c>
    </row>
    <row r="17021" spans="4:5" x14ac:dyDescent="0.25">
      <c r="D17021" s="6">
        <v>590.33929999999998</v>
      </c>
      <c r="E17021" s="6">
        <v>2565.2170000000001</v>
      </c>
    </row>
    <row r="17022" spans="4:5" x14ac:dyDescent="0.25">
      <c r="D17022" s="6">
        <v>489.82040000000001</v>
      </c>
      <c r="E17022" s="6">
        <v>705.43140000000005</v>
      </c>
    </row>
    <row r="17023" spans="4:5" x14ac:dyDescent="0.25">
      <c r="D17023" s="6">
        <v>4805.6000000000004</v>
      </c>
      <c r="E17023" s="6">
        <v>2027.6980000000001</v>
      </c>
    </row>
    <row r="17024" spans="4:5" x14ac:dyDescent="0.25">
      <c r="D17024" s="6">
        <v>403.7885</v>
      </c>
      <c r="E17024" s="6">
        <v>812.46019999999999</v>
      </c>
    </row>
    <row r="17025" spans="4:5" x14ac:dyDescent="0.25">
      <c r="D17025" s="6">
        <v>472.44639999999998</v>
      </c>
      <c r="E17025" s="6">
        <v>736.83389999999997</v>
      </c>
    </row>
    <row r="17026" spans="4:5" x14ac:dyDescent="0.25">
      <c r="D17026" s="6">
        <v>377.85289999999998</v>
      </c>
      <c r="E17026" s="6">
        <v>859.8</v>
      </c>
    </row>
    <row r="17027" spans="4:5" x14ac:dyDescent="0.25">
      <c r="D17027" s="6">
        <v>529.2124</v>
      </c>
      <c r="E17027" s="6">
        <v>671.66980000000001</v>
      </c>
    </row>
    <row r="17028" spans="4:5" x14ac:dyDescent="0.25">
      <c r="D17028" s="6">
        <v>762.84310000000005</v>
      </c>
      <c r="E17028" s="6">
        <v>525.29100000000005</v>
      </c>
    </row>
    <row r="17029" spans="4:5" x14ac:dyDescent="0.25">
      <c r="D17029" s="6">
        <v>613.21730000000002</v>
      </c>
      <c r="E17029" s="6">
        <v>1752.154</v>
      </c>
    </row>
    <row r="17030" spans="4:5" x14ac:dyDescent="0.25">
      <c r="D17030" s="6">
        <v>359.05529999999999</v>
      </c>
      <c r="E17030" s="6">
        <v>869.57929999999999</v>
      </c>
    </row>
    <row r="17031" spans="4:5" x14ac:dyDescent="0.25">
      <c r="D17031" s="6">
        <v>5447</v>
      </c>
      <c r="E17031" s="6">
        <v>881.69230000000005</v>
      </c>
    </row>
    <row r="17032" spans="4:5" x14ac:dyDescent="0.25">
      <c r="D17032" s="6">
        <v>1255.0530000000001</v>
      </c>
      <c r="E17032" s="6">
        <v>978.90170000000001</v>
      </c>
    </row>
    <row r="17033" spans="4:5" x14ac:dyDescent="0.25">
      <c r="D17033" s="6">
        <v>430.36279999999999</v>
      </c>
      <c r="E17033" s="6">
        <v>1480.6679999999999</v>
      </c>
    </row>
    <row r="17034" spans="4:5" x14ac:dyDescent="0.25">
      <c r="D17034" s="6">
        <v>1044.288</v>
      </c>
      <c r="E17034" s="6">
        <v>1236.5139999999999</v>
      </c>
    </row>
    <row r="17035" spans="4:5" x14ac:dyDescent="0.25">
      <c r="D17035" s="6">
        <v>946.89509999999996</v>
      </c>
      <c r="E17035" s="6">
        <v>1501.9159999999999</v>
      </c>
    </row>
    <row r="17036" spans="4:5" x14ac:dyDescent="0.25">
      <c r="D17036" s="6">
        <v>552.2174</v>
      </c>
      <c r="E17036" s="6">
        <v>635.6508</v>
      </c>
    </row>
    <row r="17037" spans="4:5" x14ac:dyDescent="0.25">
      <c r="D17037" s="6">
        <v>3716.3510000000001</v>
      </c>
      <c r="E17037" s="6">
        <v>1600.145</v>
      </c>
    </row>
    <row r="17038" spans="4:5" x14ac:dyDescent="0.25">
      <c r="D17038" s="6">
        <v>1127.1179999999999</v>
      </c>
      <c r="E17038" s="6">
        <v>733.33640000000003</v>
      </c>
    </row>
    <row r="17039" spans="4:5" x14ac:dyDescent="0.25">
      <c r="D17039" s="6">
        <v>445.90309999999999</v>
      </c>
      <c r="E17039" s="6">
        <v>1288.461</v>
      </c>
    </row>
    <row r="17040" spans="4:5" x14ac:dyDescent="0.25">
      <c r="D17040" s="6">
        <v>521.29240000000004</v>
      </c>
      <c r="E17040" s="6">
        <v>1780.4390000000001</v>
      </c>
    </row>
    <row r="17041" spans="4:5" x14ac:dyDescent="0.25">
      <c r="D17041" s="6">
        <v>4530.817</v>
      </c>
      <c r="E17041" s="6">
        <v>1618.875</v>
      </c>
    </row>
    <row r="17042" spans="4:5" x14ac:dyDescent="0.25">
      <c r="D17042" s="6">
        <v>677.17370000000005</v>
      </c>
      <c r="E17042" s="6">
        <v>596.87170000000003</v>
      </c>
    </row>
    <row r="17043" spans="4:5" x14ac:dyDescent="0.25">
      <c r="D17043" s="6">
        <v>7763.4440000000004</v>
      </c>
      <c r="E17043" s="6">
        <v>939.91800000000001</v>
      </c>
    </row>
    <row r="17044" spans="4:5" x14ac:dyDescent="0.25">
      <c r="D17044" s="6">
        <v>344.86860000000001</v>
      </c>
      <c r="E17044" s="6">
        <v>947.923</v>
      </c>
    </row>
    <row r="17045" spans="4:5" x14ac:dyDescent="0.25">
      <c r="D17045" s="6">
        <v>533.4941</v>
      </c>
      <c r="E17045" s="6">
        <v>1805.027</v>
      </c>
    </row>
    <row r="17046" spans="4:5" x14ac:dyDescent="0.25">
      <c r="D17046" s="6">
        <v>4762.0649999999996</v>
      </c>
      <c r="E17046" s="6">
        <v>5954.1409999999996</v>
      </c>
    </row>
    <row r="17047" spans="4:5" x14ac:dyDescent="0.25">
      <c r="D17047" s="6">
        <v>435.80040000000002</v>
      </c>
      <c r="E17047" s="6">
        <v>2094.1089999999999</v>
      </c>
    </row>
    <row r="17048" spans="4:5" x14ac:dyDescent="0.25">
      <c r="D17048" s="6">
        <v>455.64980000000003</v>
      </c>
      <c r="E17048" s="6">
        <v>1696.771</v>
      </c>
    </row>
    <row r="17049" spans="4:5" x14ac:dyDescent="0.25">
      <c r="D17049" s="6">
        <v>542.5394</v>
      </c>
      <c r="E17049" s="6">
        <v>5139.5789999999997</v>
      </c>
    </row>
    <row r="17050" spans="4:5" x14ac:dyDescent="0.25">
      <c r="D17050" s="6">
        <v>461.37560000000002</v>
      </c>
      <c r="E17050" s="6">
        <v>1855.6310000000001</v>
      </c>
    </row>
    <row r="17051" spans="4:5" x14ac:dyDescent="0.25">
      <c r="D17051" s="6">
        <v>1254.415</v>
      </c>
      <c r="E17051" s="6">
        <v>1953.9670000000001</v>
      </c>
    </row>
    <row r="17052" spans="4:5" x14ac:dyDescent="0.25">
      <c r="D17052" s="6">
        <v>494.29020000000003</v>
      </c>
      <c r="E17052" s="6">
        <v>873.14290000000005</v>
      </c>
    </row>
    <row r="17053" spans="4:5" x14ac:dyDescent="0.25">
      <c r="D17053" s="6">
        <v>1021.994</v>
      </c>
      <c r="E17053" s="6">
        <v>549.72410000000002</v>
      </c>
    </row>
    <row r="17054" spans="4:5" x14ac:dyDescent="0.25">
      <c r="D17054" s="6">
        <v>3665.8989999999999</v>
      </c>
      <c r="E17054" s="6">
        <v>614.66139999999996</v>
      </c>
    </row>
    <row r="17055" spans="4:5" x14ac:dyDescent="0.25">
      <c r="D17055" s="6">
        <v>428.5258</v>
      </c>
      <c r="E17055" s="6">
        <v>3582.5770000000002</v>
      </c>
    </row>
    <row r="17056" spans="4:5" x14ac:dyDescent="0.25">
      <c r="D17056" s="6">
        <v>524.52940000000001</v>
      </c>
      <c r="E17056" s="6">
        <v>9623.8330000000005</v>
      </c>
    </row>
    <row r="17057" spans="4:5" x14ac:dyDescent="0.25">
      <c r="D17057" s="6">
        <v>558.71870000000001</v>
      </c>
      <c r="E17057" s="6">
        <v>1165.961</v>
      </c>
    </row>
    <row r="17058" spans="4:5" x14ac:dyDescent="0.25">
      <c r="D17058" s="6">
        <v>540.23220000000003</v>
      </c>
      <c r="E17058" s="6">
        <v>3887.3389999999999</v>
      </c>
    </row>
    <row r="17059" spans="4:5" x14ac:dyDescent="0.25">
      <c r="D17059" s="6">
        <v>536.93439999999998</v>
      </c>
      <c r="E17059" s="6">
        <v>1604.8</v>
      </c>
    </row>
    <row r="17060" spans="4:5" x14ac:dyDescent="0.25">
      <c r="D17060" s="6">
        <v>597.17560000000003</v>
      </c>
      <c r="E17060" s="6">
        <v>4322.991</v>
      </c>
    </row>
    <row r="17061" spans="4:5" x14ac:dyDescent="0.25">
      <c r="D17061" s="6">
        <v>1269.3679999999999</v>
      </c>
      <c r="E17061" s="6">
        <v>740.69939999999997</v>
      </c>
    </row>
    <row r="17062" spans="4:5" x14ac:dyDescent="0.25">
      <c r="D17062" s="6">
        <v>489.6798</v>
      </c>
      <c r="E17062" s="6">
        <v>1560.1780000000001</v>
      </c>
    </row>
    <row r="17063" spans="4:5" x14ac:dyDescent="0.25">
      <c r="D17063" s="6">
        <v>810.21600000000001</v>
      </c>
      <c r="E17063" s="6">
        <v>1665.364</v>
      </c>
    </row>
    <row r="17064" spans="4:5" x14ac:dyDescent="0.25">
      <c r="D17064" s="6">
        <v>439.34379999999999</v>
      </c>
      <c r="E17064" s="6">
        <v>743.95809999999994</v>
      </c>
    </row>
    <row r="17065" spans="4:5" x14ac:dyDescent="0.25">
      <c r="D17065" s="6">
        <v>4158.8689999999997</v>
      </c>
      <c r="E17065" s="6">
        <v>2088.2269999999999</v>
      </c>
    </row>
    <row r="17066" spans="4:5" x14ac:dyDescent="0.25">
      <c r="D17066" s="6">
        <v>428.45119999999997</v>
      </c>
      <c r="E17066" s="6">
        <v>5882.5749999999998</v>
      </c>
    </row>
    <row r="17067" spans="4:5" x14ac:dyDescent="0.25">
      <c r="D17067" s="6">
        <v>548.21270000000004</v>
      </c>
      <c r="E17067" s="6">
        <v>2818.8719999999998</v>
      </c>
    </row>
    <row r="17068" spans="4:5" x14ac:dyDescent="0.25">
      <c r="D17068" s="6">
        <v>446.37029999999999</v>
      </c>
      <c r="E17068" s="6">
        <v>2954.4769999999999</v>
      </c>
    </row>
    <row r="17069" spans="4:5" x14ac:dyDescent="0.25">
      <c r="D17069" s="6">
        <v>544.74789999999996</v>
      </c>
      <c r="E17069" s="6">
        <v>719.35289999999998</v>
      </c>
    </row>
    <row r="17070" spans="4:5" x14ac:dyDescent="0.25">
      <c r="D17070" s="6">
        <v>982.61189999999999</v>
      </c>
      <c r="E17070" s="6">
        <v>512.25319999999999</v>
      </c>
    </row>
    <row r="17071" spans="4:5" x14ac:dyDescent="0.25">
      <c r="D17071" s="6">
        <v>452.82459999999998</v>
      </c>
      <c r="E17071" s="6">
        <v>440.15320000000003</v>
      </c>
    </row>
    <row r="17072" spans="4:5" x14ac:dyDescent="0.25">
      <c r="D17072" s="6">
        <v>463.5915</v>
      </c>
      <c r="E17072" s="6">
        <v>1374.057</v>
      </c>
    </row>
    <row r="17073" spans="4:5" x14ac:dyDescent="0.25">
      <c r="D17073" s="6">
        <v>524.94830000000002</v>
      </c>
      <c r="E17073" s="6">
        <v>1402.0889999999999</v>
      </c>
    </row>
    <row r="17074" spans="4:5" x14ac:dyDescent="0.25">
      <c r="D17074" s="6">
        <v>651.0797</v>
      </c>
      <c r="E17074" s="6">
        <v>1773.454</v>
      </c>
    </row>
    <row r="17075" spans="4:5" x14ac:dyDescent="0.25">
      <c r="D17075" s="6">
        <v>593.51919999999996</v>
      </c>
      <c r="E17075" s="6">
        <v>894.28599999999994</v>
      </c>
    </row>
    <row r="17076" spans="4:5" x14ac:dyDescent="0.25">
      <c r="D17076" s="6">
        <v>547.00639999999999</v>
      </c>
      <c r="E17076" s="6">
        <v>631.18280000000004</v>
      </c>
    </row>
    <row r="17077" spans="4:5" x14ac:dyDescent="0.25">
      <c r="D17077" s="6">
        <v>465.4049</v>
      </c>
      <c r="E17077" s="6">
        <v>599.57370000000003</v>
      </c>
    </row>
    <row r="17078" spans="4:5" x14ac:dyDescent="0.25">
      <c r="D17078" s="6">
        <v>6304.9309999999996</v>
      </c>
      <c r="E17078" s="6">
        <v>832.38710000000003</v>
      </c>
    </row>
    <row r="17079" spans="4:5" x14ac:dyDescent="0.25">
      <c r="D17079" s="6">
        <v>376.96699999999998</v>
      </c>
      <c r="E17079" s="6">
        <v>2084.0610000000001</v>
      </c>
    </row>
    <row r="17080" spans="4:5" x14ac:dyDescent="0.25">
      <c r="D17080" s="6">
        <v>503.726</v>
      </c>
      <c r="E17080" s="6">
        <v>572.45730000000003</v>
      </c>
    </row>
    <row r="17081" spans="4:5" x14ac:dyDescent="0.25">
      <c r="D17081" s="6">
        <v>735.52179999999998</v>
      </c>
      <c r="E17081" s="6">
        <v>1920.087</v>
      </c>
    </row>
    <row r="17082" spans="4:5" x14ac:dyDescent="0.25">
      <c r="D17082" s="6">
        <v>437.57940000000002</v>
      </c>
      <c r="E17082" s="6">
        <v>5355.4350000000004</v>
      </c>
    </row>
    <row r="17083" spans="4:5" x14ac:dyDescent="0.25">
      <c r="D17083" s="6">
        <v>2158.5219999999999</v>
      </c>
      <c r="E17083" s="6">
        <v>2002.508</v>
      </c>
    </row>
    <row r="17084" spans="4:5" x14ac:dyDescent="0.25">
      <c r="D17084" s="6">
        <v>5085.5389999999998</v>
      </c>
      <c r="E17084" s="6">
        <v>1054.989</v>
      </c>
    </row>
    <row r="17085" spans="4:5" x14ac:dyDescent="0.25">
      <c r="D17085" s="6">
        <v>628.98590000000002</v>
      </c>
      <c r="E17085" s="6">
        <v>538.66669999999999</v>
      </c>
    </row>
    <row r="17086" spans="4:5" x14ac:dyDescent="0.25">
      <c r="D17086" s="6">
        <v>5019.5169999999998</v>
      </c>
      <c r="E17086" s="6">
        <v>1972.454</v>
      </c>
    </row>
    <row r="17087" spans="4:5" x14ac:dyDescent="0.25">
      <c r="D17087" s="6">
        <v>523.65340000000003</v>
      </c>
      <c r="E17087" s="6">
        <v>1774.7919999999999</v>
      </c>
    </row>
    <row r="17088" spans="4:5" x14ac:dyDescent="0.25">
      <c r="D17088" s="6">
        <v>467.79689999999999</v>
      </c>
      <c r="E17088" s="6">
        <v>777.43409999999994</v>
      </c>
    </row>
    <row r="17089" spans="4:5" x14ac:dyDescent="0.25">
      <c r="D17089" s="6">
        <v>455.80250000000001</v>
      </c>
      <c r="E17089" s="6">
        <v>1251.799</v>
      </c>
    </row>
    <row r="17090" spans="4:5" x14ac:dyDescent="0.25">
      <c r="D17090" s="6">
        <v>4459.87</v>
      </c>
      <c r="E17090" s="6">
        <v>1483.2750000000001</v>
      </c>
    </row>
    <row r="17091" spans="4:5" x14ac:dyDescent="0.25">
      <c r="D17091" s="6">
        <v>3499.8789999999999</v>
      </c>
      <c r="E17091" s="6">
        <v>532.76930000000004</v>
      </c>
    </row>
    <row r="17092" spans="4:5" x14ac:dyDescent="0.25">
      <c r="D17092" s="6">
        <v>4937.5219999999999</v>
      </c>
      <c r="E17092" s="6">
        <v>1564.655</v>
      </c>
    </row>
    <row r="17093" spans="4:5" x14ac:dyDescent="0.25">
      <c r="D17093" s="6">
        <v>1605.134</v>
      </c>
      <c r="E17093" s="6">
        <v>1419.28</v>
      </c>
    </row>
    <row r="17094" spans="4:5" x14ac:dyDescent="0.25">
      <c r="D17094" s="6">
        <v>421.1721</v>
      </c>
      <c r="E17094" s="6">
        <v>726.26490000000001</v>
      </c>
    </row>
    <row r="17095" spans="4:5" x14ac:dyDescent="0.25">
      <c r="D17095" s="6">
        <v>5558.3639999999996</v>
      </c>
      <c r="E17095" s="6">
        <v>1216.8820000000001</v>
      </c>
    </row>
    <row r="17096" spans="4:5" x14ac:dyDescent="0.25">
      <c r="D17096" s="6">
        <v>625.94759999999997</v>
      </c>
      <c r="E17096" s="6">
        <v>1735.482</v>
      </c>
    </row>
    <row r="17097" spans="4:5" x14ac:dyDescent="0.25">
      <c r="D17097" s="6">
        <v>1355.403</v>
      </c>
      <c r="E17097" s="6">
        <v>1035.8309999999999</v>
      </c>
    </row>
    <row r="17098" spans="4:5" x14ac:dyDescent="0.25">
      <c r="D17098" s="6">
        <v>785.56910000000005</v>
      </c>
      <c r="E17098" s="6">
        <v>2824.1550000000002</v>
      </c>
    </row>
    <row r="17099" spans="4:5" x14ac:dyDescent="0.25">
      <c r="D17099" s="6">
        <v>422.66390000000001</v>
      </c>
      <c r="E17099" s="6">
        <v>872.62180000000001</v>
      </c>
    </row>
    <row r="17100" spans="4:5" x14ac:dyDescent="0.25">
      <c r="D17100" s="6">
        <v>831.64080000000001</v>
      </c>
      <c r="E17100" s="6">
        <v>1684.143</v>
      </c>
    </row>
    <row r="17101" spans="4:5" x14ac:dyDescent="0.25">
      <c r="D17101" s="6">
        <v>433.40350000000001</v>
      </c>
      <c r="E17101" s="6">
        <v>1346.54</v>
      </c>
    </row>
    <row r="17102" spans="4:5" x14ac:dyDescent="0.25">
      <c r="D17102" s="6">
        <v>534.12369999999999</v>
      </c>
      <c r="E17102" s="6">
        <v>1888.6679999999999</v>
      </c>
    </row>
    <row r="17103" spans="4:5" x14ac:dyDescent="0.25">
      <c r="D17103" s="6">
        <v>519.67529999999999</v>
      </c>
      <c r="E17103" s="6">
        <v>848.5575</v>
      </c>
    </row>
    <row r="17104" spans="4:5" x14ac:dyDescent="0.25">
      <c r="D17104" s="6">
        <v>595.91999999999996</v>
      </c>
      <c r="E17104" s="6">
        <v>592.72770000000003</v>
      </c>
    </row>
    <row r="17105" spans="4:5" x14ac:dyDescent="0.25">
      <c r="D17105" s="6">
        <v>1057.1300000000001</v>
      </c>
      <c r="E17105" s="6">
        <v>1705.3969999999999</v>
      </c>
    </row>
    <row r="17106" spans="4:5" x14ac:dyDescent="0.25">
      <c r="D17106" s="6">
        <v>3695.1190000000001</v>
      </c>
      <c r="E17106" s="6">
        <v>1950.4169999999999</v>
      </c>
    </row>
    <row r="17107" spans="4:5" x14ac:dyDescent="0.25">
      <c r="D17107" s="6">
        <v>599.66980000000001</v>
      </c>
      <c r="E17107" s="6">
        <v>1649.8320000000001</v>
      </c>
    </row>
    <row r="17108" spans="4:5" x14ac:dyDescent="0.25">
      <c r="D17108" s="6">
        <v>398.84550000000002</v>
      </c>
      <c r="E17108" s="6">
        <v>832.41290000000004</v>
      </c>
    </row>
    <row r="17109" spans="4:5" x14ac:dyDescent="0.25">
      <c r="D17109" s="6">
        <v>1739.4760000000001</v>
      </c>
      <c r="E17109" s="6">
        <v>1612.0889999999999</v>
      </c>
    </row>
    <row r="17110" spans="4:5" x14ac:dyDescent="0.25">
      <c r="D17110" s="6">
        <v>1260.5160000000001</v>
      </c>
      <c r="E17110" s="6">
        <v>680.49829999999997</v>
      </c>
    </row>
    <row r="17111" spans="4:5" x14ac:dyDescent="0.25">
      <c r="D17111" s="6">
        <v>750.04</v>
      </c>
      <c r="E17111" s="6">
        <v>722.94359999999995</v>
      </c>
    </row>
    <row r="17112" spans="4:5" x14ac:dyDescent="0.25">
      <c r="D17112" s="6">
        <v>762.42669999999998</v>
      </c>
      <c r="E17112" s="6">
        <v>3237.6669999999999</v>
      </c>
    </row>
    <row r="17113" spans="4:5" x14ac:dyDescent="0.25">
      <c r="D17113" s="6">
        <v>437.56169999999997</v>
      </c>
      <c r="E17113" s="6">
        <v>576.02110000000005</v>
      </c>
    </row>
    <row r="17114" spans="4:5" x14ac:dyDescent="0.25">
      <c r="D17114" s="6">
        <v>530.24210000000005</v>
      </c>
      <c r="E17114" s="6">
        <v>1504.6020000000001</v>
      </c>
    </row>
    <row r="17115" spans="4:5" x14ac:dyDescent="0.25">
      <c r="D17115" s="6">
        <v>505.209</v>
      </c>
      <c r="E17115" s="6">
        <v>1945.3910000000001</v>
      </c>
    </row>
    <row r="17116" spans="4:5" x14ac:dyDescent="0.25">
      <c r="D17116" s="6">
        <v>704.77070000000003</v>
      </c>
      <c r="E17116" s="6">
        <v>6026.6480000000001</v>
      </c>
    </row>
    <row r="17117" spans="4:5" x14ac:dyDescent="0.25">
      <c r="D17117" s="6">
        <v>498.80410000000001</v>
      </c>
      <c r="E17117" s="6">
        <v>1907.9949999999999</v>
      </c>
    </row>
    <row r="17118" spans="4:5" x14ac:dyDescent="0.25">
      <c r="D17118" s="6">
        <v>3077.3719999999998</v>
      </c>
      <c r="E17118" s="6">
        <v>1051.8309999999999</v>
      </c>
    </row>
    <row r="17119" spans="4:5" x14ac:dyDescent="0.25">
      <c r="D17119" s="6">
        <v>508.91829999999999</v>
      </c>
      <c r="E17119" s="6">
        <v>1113.8409999999999</v>
      </c>
    </row>
    <row r="17120" spans="4:5" x14ac:dyDescent="0.25">
      <c r="D17120" s="6">
        <v>1002.085</v>
      </c>
      <c r="E17120" s="6">
        <v>1964.404</v>
      </c>
    </row>
    <row r="17121" spans="4:5" x14ac:dyDescent="0.25">
      <c r="D17121" s="6">
        <v>3749.8809999999999</v>
      </c>
      <c r="E17121" s="6">
        <v>1032.7909999999999</v>
      </c>
    </row>
    <row r="17122" spans="4:5" x14ac:dyDescent="0.25">
      <c r="D17122" s="6">
        <v>569.01559999999995</v>
      </c>
      <c r="E17122" s="6">
        <v>737.48879999999997</v>
      </c>
    </row>
    <row r="17123" spans="4:5" x14ac:dyDescent="0.25">
      <c r="D17123" s="6">
        <v>1931.922</v>
      </c>
      <c r="E17123" s="6">
        <v>625.42169999999999</v>
      </c>
    </row>
    <row r="17124" spans="4:5" x14ac:dyDescent="0.25">
      <c r="D17124" s="6">
        <v>470.1823</v>
      </c>
      <c r="E17124" s="6">
        <v>1701.36</v>
      </c>
    </row>
    <row r="17125" spans="4:5" x14ac:dyDescent="0.25">
      <c r="D17125" s="6">
        <v>468.79149999999998</v>
      </c>
      <c r="E17125" s="6">
        <v>562.77390000000003</v>
      </c>
    </row>
    <row r="17126" spans="4:5" x14ac:dyDescent="0.25">
      <c r="D17126" s="6">
        <v>5569.6049999999996</v>
      </c>
      <c r="E17126" s="6">
        <v>641.12909999999999</v>
      </c>
    </row>
    <row r="17127" spans="4:5" x14ac:dyDescent="0.25">
      <c r="D17127" s="6">
        <v>448.29090000000002</v>
      </c>
      <c r="E17127" s="6">
        <v>3716.5819999999999</v>
      </c>
    </row>
    <row r="17128" spans="4:5" x14ac:dyDescent="0.25">
      <c r="D17128" s="6">
        <v>590.36360000000002</v>
      </c>
      <c r="E17128" s="6">
        <v>4155.1440000000002</v>
      </c>
    </row>
    <row r="17129" spans="4:5" x14ac:dyDescent="0.25">
      <c r="D17129" s="6">
        <v>4357.6809999999996</v>
      </c>
      <c r="E17129" s="6">
        <v>6814.049</v>
      </c>
    </row>
    <row r="17130" spans="4:5" x14ac:dyDescent="0.25">
      <c r="D17130" s="6">
        <v>5750.5889999999999</v>
      </c>
      <c r="E17130" s="6">
        <v>1915.175</v>
      </c>
    </row>
    <row r="17131" spans="4:5" x14ac:dyDescent="0.25">
      <c r="D17131" s="6">
        <v>468.3107</v>
      </c>
      <c r="E17131" s="6">
        <v>1736.318</v>
      </c>
    </row>
    <row r="17132" spans="4:5" x14ac:dyDescent="0.25">
      <c r="D17132" s="6">
        <v>4391.5429999999997</v>
      </c>
      <c r="E17132" s="6">
        <v>597.57280000000003</v>
      </c>
    </row>
    <row r="17133" spans="4:5" x14ac:dyDescent="0.25">
      <c r="D17133" s="6">
        <v>451.09449999999998</v>
      </c>
      <c r="E17133" s="6">
        <v>705.17290000000003</v>
      </c>
    </row>
    <row r="17134" spans="4:5" x14ac:dyDescent="0.25">
      <c r="D17134" s="6">
        <v>5212.0249999999996</v>
      </c>
      <c r="E17134" s="6">
        <v>1593.1089999999999</v>
      </c>
    </row>
    <row r="17135" spans="4:5" x14ac:dyDescent="0.25">
      <c r="D17135" s="6">
        <v>3403.576</v>
      </c>
      <c r="E17135" s="6">
        <v>5038.0280000000002</v>
      </c>
    </row>
    <row r="17136" spans="4:5" x14ac:dyDescent="0.25">
      <c r="D17136" s="6">
        <v>473.21710000000002</v>
      </c>
      <c r="E17136" s="6">
        <v>1567.5889999999999</v>
      </c>
    </row>
    <row r="17137" spans="4:5" x14ac:dyDescent="0.25">
      <c r="D17137" s="6">
        <v>1567.4169999999999</v>
      </c>
      <c r="E17137" s="6">
        <v>4253.8069999999998</v>
      </c>
    </row>
    <row r="17138" spans="4:5" x14ac:dyDescent="0.25">
      <c r="D17138" s="6">
        <v>454.06549999999999</v>
      </c>
      <c r="E17138" s="6">
        <v>734.99329999999998</v>
      </c>
    </row>
    <row r="17139" spans="4:5" x14ac:dyDescent="0.25">
      <c r="D17139" s="6">
        <v>621.9402</v>
      </c>
      <c r="E17139" s="6">
        <v>628.08720000000005</v>
      </c>
    </row>
    <row r="17140" spans="4:5" x14ac:dyDescent="0.25">
      <c r="D17140" s="6">
        <v>4776.6480000000001</v>
      </c>
      <c r="E17140" s="6">
        <v>1366.826</v>
      </c>
    </row>
    <row r="17141" spans="4:5" x14ac:dyDescent="0.25">
      <c r="D17141" s="6">
        <v>706.88750000000005</v>
      </c>
      <c r="E17141" s="6">
        <v>2075.7199999999998</v>
      </c>
    </row>
    <row r="17142" spans="4:5" x14ac:dyDescent="0.25">
      <c r="D17142" s="6">
        <v>520.39930000000004</v>
      </c>
      <c r="E17142" s="6">
        <v>617.19470000000001</v>
      </c>
    </row>
    <row r="17143" spans="4:5" x14ac:dyDescent="0.25">
      <c r="D17143" s="6">
        <v>3713.6930000000002</v>
      </c>
      <c r="E17143" s="6">
        <v>577.94259999999997</v>
      </c>
    </row>
    <row r="17144" spans="4:5" x14ac:dyDescent="0.25">
      <c r="D17144" s="6">
        <v>476.35700000000003</v>
      </c>
      <c r="E17144" s="6">
        <v>1731.135</v>
      </c>
    </row>
    <row r="17145" spans="4:5" x14ac:dyDescent="0.25">
      <c r="D17145" s="6">
        <v>1246.5619999999999</v>
      </c>
      <c r="E17145" s="6">
        <v>6463.5360000000001</v>
      </c>
    </row>
    <row r="17146" spans="4:5" x14ac:dyDescent="0.25">
      <c r="D17146" s="6">
        <v>809.09609999999998</v>
      </c>
      <c r="E17146" s="6">
        <v>5816.1779999999999</v>
      </c>
    </row>
    <row r="17147" spans="4:5" x14ac:dyDescent="0.25">
      <c r="D17147" s="6">
        <v>443.1155</v>
      </c>
      <c r="E17147" s="6">
        <v>5204.4960000000001</v>
      </c>
    </row>
    <row r="17148" spans="4:5" x14ac:dyDescent="0.25">
      <c r="D17148" s="6">
        <v>6061.1970000000001</v>
      </c>
      <c r="E17148" s="6">
        <v>786.17179999999996</v>
      </c>
    </row>
    <row r="17149" spans="4:5" x14ac:dyDescent="0.25">
      <c r="D17149" s="6">
        <v>627.34450000000004</v>
      </c>
      <c r="E17149" s="6">
        <v>816.32830000000001</v>
      </c>
    </row>
    <row r="17150" spans="4:5" x14ac:dyDescent="0.25">
      <c r="D17150" s="6">
        <v>428.3091</v>
      </c>
      <c r="E17150" s="6">
        <v>746.9846</v>
      </c>
    </row>
    <row r="17151" spans="4:5" x14ac:dyDescent="0.25">
      <c r="D17151" s="6">
        <v>744.7088</v>
      </c>
      <c r="E17151" s="6">
        <v>2541.0749999999998</v>
      </c>
    </row>
    <row r="17152" spans="4:5" x14ac:dyDescent="0.25">
      <c r="D17152" s="6">
        <v>2093.0479999999998</v>
      </c>
      <c r="E17152" s="6">
        <v>673.34109999999998</v>
      </c>
    </row>
    <row r="17153" spans="4:5" x14ac:dyDescent="0.25">
      <c r="D17153" s="6">
        <v>424.07409999999999</v>
      </c>
      <c r="E17153" s="6">
        <v>2320.1930000000002</v>
      </c>
    </row>
    <row r="17154" spans="4:5" x14ac:dyDescent="0.25">
      <c r="D17154" s="6">
        <v>2245.4859999999999</v>
      </c>
      <c r="E17154" s="6">
        <v>5120.1769999999997</v>
      </c>
    </row>
    <row r="17155" spans="4:5" x14ac:dyDescent="0.25">
      <c r="D17155" s="6">
        <v>4636.2730000000001</v>
      </c>
      <c r="E17155" s="6">
        <v>636.745</v>
      </c>
    </row>
    <row r="17156" spans="4:5" x14ac:dyDescent="0.25">
      <c r="D17156" s="6">
        <v>1030.7329999999999</v>
      </c>
      <c r="E17156" s="6">
        <v>4683.1019999999999</v>
      </c>
    </row>
    <row r="17157" spans="4:5" x14ac:dyDescent="0.25">
      <c r="D17157" s="6">
        <v>2016.9380000000001</v>
      </c>
      <c r="E17157" s="6">
        <v>2013.0440000000001</v>
      </c>
    </row>
    <row r="17158" spans="4:5" x14ac:dyDescent="0.25">
      <c r="D17158" s="6">
        <v>479.8433</v>
      </c>
      <c r="E17158" s="6">
        <v>3520.0859999999998</v>
      </c>
    </row>
    <row r="17159" spans="4:5" x14ac:dyDescent="0.25">
      <c r="D17159" s="6">
        <v>5911.4889999999996</v>
      </c>
      <c r="E17159" s="6">
        <v>596.87900000000002</v>
      </c>
    </row>
    <row r="17160" spans="4:5" x14ac:dyDescent="0.25">
      <c r="D17160" s="6">
        <v>545.23749999999995</v>
      </c>
      <c r="E17160" s="6">
        <v>719.82190000000003</v>
      </c>
    </row>
    <row r="17161" spans="4:5" x14ac:dyDescent="0.25">
      <c r="D17161" s="6">
        <v>465.90949999999998</v>
      </c>
      <c r="E17161" s="6">
        <v>2209.4520000000002</v>
      </c>
    </row>
    <row r="17162" spans="4:5" x14ac:dyDescent="0.25">
      <c r="D17162" s="6">
        <v>468.82639999999998</v>
      </c>
      <c r="E17162" s="6">
        <v>4781.7960000000003</v>
      </c>
    </row>
    <row r="17163" spans="4:5" x14ac:dyDescent="0.25">
      <c r="D17163" s="6">
        <v>1230.1759999999999</v>
      </c>
      <c r="E17163" s="6">
        <v>1375.646</v>
      </c>
    </row>
    <row r="17164" spans="4:5" x14ac:dyDescent="0.25">
      <c r="D17164" s="6">
        <v>420.45229999999998</v>
      </c>
      <c r="E17164" s="6">
        <v>1419.9490000000001</v>
      </c>
    </row>
    <row r="17165" spans="4:5" x14ac:dyDescent="0.25">
      <c r="D17165" s="6">
        <v>730</v>
      </c>
      <c r="E17165" s="6">
        <v>1864.866</v>
      </c>
    </row>
    <row r="17166" spans="4:5" x14ac:dyDescent="0.25">
      <c r="D17166" s="6">
        <v>511.0797</v>
      </c>
      <c r="E17166" s="6">
        <v>2049.047</v>
      </c>
    </row>
    <row r="17167" spans="4:5" x14ac:dyDescent="0.25">
      <c r="D17167" s="6">
        <v>460.8963</v>
      </c>
      <c r="E17167" s="6">
        <v>692.20389999999998</v>
      </c>
    </row>
    <row r="17168" spans="4:5" x14ac:dyDescent="0.25">
      <c r="D17168" s="6">
        <v>3540.2240000000002</v>
      </c>
      <c r="E17168" s="6">
        <v>2390.886</v>
      </c>
    </row>
    <row r="17169" spans="4:5" x14ac:dyDescent="0.25">
      <c r="D17169" s="6">
        <v>481.40440000000001</v>
      </c>
      <c r="E17169" s="6">
        <v>543.904</v>
      </c>
    </row>
    <row r="17170" spans="4:5" x14ac:dyDescent="0.25">
      <c r="D17170" s="6">
        <v>1787.9459999999999</v>
      </c>
      <c r="E17170" s="6">
        <v>549.04989999999998</v>
      </c>
    </row>
    <row r="17171" spans="4:5" x14ac:dyDescent="0.25">
      <c r="D17171" s="6">
        <v>508.024</v>
      </c>
      <c r="E17171" s="6">
        <v>2096.6709999999998</v>
      </c>
    </row>
    <row r="17172" spans="4:5" x14ac:dyDescent="0.25">
      <c r="D17172" s="6">
        <v>448.16489999999999</v>
      </c>
      <c r="E17172" s="6">
        <v>1639.289</v>
      </c>
    </row>
    <row r="17173" spans="4:5" x14ac:dyDescent="0.25">
      <c r="D17173" s="6">
        <v>439.31349999999998</v>
      </c>
      <c r="E17173" s="6">
        <v>1822.1020000000001</v>
      </c>
    </row>
    <row r="17174" spans="4:5" x14ac:dyDescent="0.25">
      <c r="D17174" s="6">
        <v>433.8374</v>
      </c>
      <c r="E17174" s="6">
        <v>577.60619999999994</v>
      </c>
    </row>
    <row r="17175" spans="4:5" x14ac:dyDescent="0.25">
      <c r="D17175" s="6">
        <v>533.10919999999999</v>
      </c>
      <c r="E17175" s="6">
        <v>634.27059999999994</v>
      </c>
    </row>
    <row r="17176" spans="4:5" x14ac:dyDescent="0.25">
      <c r="D17176" s="6">
        <v>1014.5069999999999</v>
      </c>
      <c r="E17176" s="6">
        <v>1658.1959999999999</v>
      </c>
    </row>
    <row r="17177" spans="4:5" x14ac:dyDescent="0.25">
      <c r="D17177" s="6">
        <v>3693.95</v>
      </c>
      <c r="E17177" s="6">
        <v>666.33910000000003</v>
      </c>
    </row>
    <row r="17178" spans="4:5" x14ac:dyDescent="0.25">
      <c r="D17178" s="6">
        <v>371.83909999999997</v>
      </c>
      <c r="E17178" s="6">
        <v>623.59569999999997</v>
      </c>
    </row>
    <row r="17179" spans="4:5" x14ac:dyDescent="0.25">
      <c r="D17179" s="6">
        <v>584.74559999999997</v>
      </c>
      <c r="E17179" s="6">
        <v>2540.0279999999998</v>
      </c>
    </row>
    <row r="17180" spans="4:5" x14ac:dyDescent="0.25">
      <c r="D17180" s="6">
        <v>421.3381</v>
      </c>
      <c r="E17180" s="6">
        <v>1892.4580000000001</v>
      </c>
    </row>
    <row r="17181" spans="4:5" x14ac:dyDescent="0.25">
      <c r="D17181" s="6">
        <v>3224.4520000000002</v>
      </c>
      <c r="E17181" s="6">
        <v>714.40629999999999</v>
      </c>
    </row>
    <row r="17182" spans="4:5" x14ac:dyDescent="0.25">
      <c r="D17182" s="6">
        <v>495.65519999999998</v>
      </c>
      <c r="E17182" s="6">
        <v>507.93340000000001</v>
      </c>
    </row>
    <row r="17183" spans="4:5" x14ac:dyDescent="0.25">
      <c r="D17183" s="6">
        <v>444.0299</v>
      </c>
      <c r="E17183" s="6">
        <v>498.5</v>
      </c>
    </row>
    <row r="17184" spans="4:5" x14ac:dyDescent="0.25">
      <c r="D17184" s="6">
        <v>461.7799</v>
      </c>
      <c r="E17184" s="6">
        <v>2162.308</v>
      </c>
    </row>
    <row r="17185" spans="4:5" x14ac:dyDescent="0.25">
      <c r="D17185" s="6">
        <v>4798.45</v>
      </c>
      <c r="E17185" s="6">
        <v>1661.973</v>
      </c>
    </row>
    <row r="17186" spans="4:5" x14ac:dyDescent="0.25">
      <c r="D17186" s="6">
        <v>695</v>
      </c>
      <c r="E17186" s="6">
        <v>628.52409999999998</v>
      </c>
    </row>
    <row r="17187" spans="4:5" x14ac:dyDescent="0.25">
      <c r="D17187" s="6">
        <v>416.40309999999999</v>
      </c>
      <c r="E17187" s="6">
        <v>2454.924</v>
      </c>
    </row>
    <row r="17188" spans="4:5" x14ac:dyDescent="0.25">
      <c r="D17188" s="6">
        <v>5083.058</v>
      </c>
      <c r="E17188" s="6">
        <v>474.03519999999997</v>
      </c>
    </row>
    <row r="17189" spans="4:5" x14ac:dyDescent="0.25">
      <c r="D17189" s="6">
        <v>816.71360000000004</v>
      </c>
      <c r="E17189" s="6">
        <v>557.38959999999997</v>
      </c>
    </row>
    <row r="17190" spans="4:5" x14ac:dyDescent="0.25">
      <c r="D17190" s="6">
        <v>1203.652</v>
      </c>
      <c r="E17190" s="6">
        <v>1891.242</v>
      </c>
    </row>
    <row r="17191" spans="4:5" x14ac:dyDescent="0.25">
      <c r="D17191" s="6">
        <v>4913.241</v>
      </c>
      <c r="E17191" s="6">
        <v>576.1318</v>
      </c>
    </row>
    <row r="17192" spans="4:5" x14ac:dyDescent="0.25">
      <c r="D17192" s="6">
        <v>535.75</v>
      </c>
      <c r="E17192" s="6">
        <v>1302.0609999999999</v>
      </c>
    </row>
    <row r="17193" spans="4:5" x14ac:dyDescent="0.25">
      <c r="D17193" s="6">
        <v>508.71420000000001</v>
      </c>
      <c r="E17193" s="6">
        <v>1187.3320000000001</v>
      </c>
    </row>
    <row r="17194" spans="4:5" x14ac:dyDescent="0.25">
      <c r="D17194" s="6">
        <v>496.82780000000002</v>
      </c>
      <c r="E17194" s="6">
        <v>679.18529999999998</v>
      </c>
    </row>
    <row r="17195" spans="4:5" x14ac:dyDescent="0.25">
      <c r="D17195" s="6">
        <v>4902.6989999999996</v>
      </c>
      <c r="E17195" s="6">
        <v>1393.7190000000001</v>
      </c>
    </row>
    <row r="17196" spans="4:5" x14ac:dyDescent="0.25">
      <c r="D17196" s="6">
        <v>856.09810000000004</v>
      </c>
      <c r="E17196" s="6">
        <v>2853.125</v>
      </c>
    </row>
    <row r="17197" spans="4:5" x14ac:dyDescent="0.25">
      <c r="D17197" s="6">
        <v>7496.5</v>
      </c>
      <c r="E17197" s="6">
        <v>2234.9789999999998</v>
      </c>
    </row>
    <row r="17198" spans="4:5" x14ac:dyDescent="0.25">
      <c r="D17198" s="6">
        <v>1166.9739999999999</v>
      </c>
      <c r="E17198" s="6">
        <v>4360.2690000000002</v>
      </c>
    </row>
    <row r="17199" spans="4:5" x14ac:dyDescent="0.25">
      <c r="D17199" s="6">
        <v>490.90929999999997</v>
      </c>
      <c r="E17199" s="6">
        <v>4958.6970000000001</v>
      </c>
    </row>
    <row r="17200" spans="4:5" x14ac:dyDescent="0.25">
      <c r="D17200" s="6">
        <v>540.35640000000001</v>
      </c>
      <c r="E17200" s="6">
        <v>822.32600000000002</v>
      </c>
    </row>
    <row r="17201" spans="4:5" x14ac:dyDescent="0.25">
      <c r="D17201" s="6">
        <v>1771.336</v>
      </c>
      <c r="E17201" s="6">
        <v>1797.491</v>
      </c>
    </row>
    <row r="17202" spans="4:5" x14ac:dyDescent="0.25">
      <c r="D17202" s="6">
        <v>506.70460000000003</v>
      </c>
      <c r="E17202" s="6">
        <v>531.20860000000005</v>
      </c>
    </row>
    <row r="17203" spans="4:5" x14ac:dyDescent="0.25">
      <c r="D17203" s="6">
        <v>806.54380000000003</v>
      </c>
      <c r="E17203" s="6">
        <v>574.32150000000001</v>
      </c>
    </row>
    <row r="17204" spans="4:5" x14ac:dyDescent="0.25">
      <c r="D17204" s="6">
        <v>564.65419999999995</v>
      </c>
      <c r="E17204" s="6">
        <v>2061.9720000000002</v>
      </c>
    </row>
    <row r="17205" spans="4:5" x14ac:dyDescent="0.25">
      <c r="D17205" s="6">
        <v>553.03620000000001</v>
      </c>
      <c r="E17205" s="6">
        <v>3361.317</v>
      </c>
    </row>
    <row r="17206" spans="4:5" x14ac:dyDescent="0.25">
      <c r="D17206" s="6">
        <v>580.58709999999996</v>
      </c>
      <c r="E17206" s="6">
        <v>2019.337</v>
      </c>
    </row>
    <row r="17207" spans="4:5" x14ac:dyDescent="0.25">
      <c r="D17207" s="6">
        <v>369.2054</v>
      </c>
      <c r="E17207" s="6">
        <v>1438.3710000000001</v>
      </c>
    </row>
    <row r="17208" spans="4:5" x14ac:dyDescent="0.25">
      <c r="D17208" s="6">
        <v>935.90549999999996</v>
      </c>
      <c r="E17208" s="6">
        <v>1349.6759999999999</v>
      </c>
    </row>
    <row r="17209" spans="4:5" x14ac:dyDescent="0.25">
      <c r="D17209" s="6">
        <v>568.55089999999996</v>
      </c>
      <c r="E17209" s="6">
        <v>575.63430000000005</v>
      </c>
    </row>
    <row r="17210" spans="4:5" x14ac:dyDescent="0.25">
      <c r="D17210" s="6">
        <v>557.3229</v>
      </c>
      <c r="E17210" s="6">
        <v>1429.1559999999999</v>
      </c>
    </row>
    <row r="17211" spans="4:5" x14ac:dyDescent="0.25">
      <c r="D17211" s="6">
        <v>475.11540000000002</v>
      </c>
      <c r="E17211" s="6">
        <v>749.40700000000004</v>
      </c>
    </row>
    <row r="17212" spans="4:5" x14ac:dyDescent="0.25">
      <c r="D17212" s="6">
        <v>619.98749999999995</v>
      </c>
      <c r="E17212" s="6">
        <v>1575.9269999999999</v>
      </c>
    </row>
    <row r="17213" spans="4:5" x14ac:dyDescent="0.25">
      <c r="D17213" s="6">
        <v>1725.2539999999999</v>
      </c>
      <c r="E17213" s="6">
        <v>1470.7840000000001</v>
      </c>
    </row>
    <row r="17214" spans="4:5" x14ac:dyDescent="0.25">
      <c r="D17214" s="6">
        <v>702.46280000000002</v>
      </c>
      <c r="E17214" s="6">
        <v>794.37459999999999</v>
      </c>
    </row>
    <row r="17215" spans="4:5" x14ac:dyDescent="0.25">
      <c r="D17215" s="6">
        <v>529.62360000000001</v>
      </c>
      <c r="E17215" s="6">
        <v>1493.82</v>
      </c>
    </row>
    <row r="17216" spans="4:5" x14ac:dyDescent="0.25">
      <c r="D17216" s="6">
        <v>489.47210000000001</v>
      </c>
      <c r="E17216" s="6">
        <v>1904.0630000000001</v>
      </c>
    </row>
    <row r="17217" spans="4:5" x14ac:dyDescent="0.25">
      <c r="D17217" s="6">
        <v>493.74020000000002</v>
      </c>
      <c r="E17217" s="6">
        <v>2242.7890000000002</v>
      </c>
    </row>
    <row r="17218" spans="4:5" x14ac:dyDescent="0.25">
      <c r="D17218" s="6">
        <v>482.78829999999999</v>
      </c>
      <c r="E17218" s="6">
        <v>1937.5519999999999</v>
      </c>
    </row>
    <row r="17219" spans="4:5" x14ac:dyDescent="0.25">
      <c r="D17219" s="6">
        <v>886</v>
      </c>
      <c r="E17219" s="6">
        <v>2046.354</v>
      </c>
    </row>
    <row r="17220" spans="4:5" x14ac:dyDescent="0.25">
      <c r="D17220" s="6">
        <v>1508.768</v>
      </c>
      <c r="E17220" s="6">
        <v>1464.4280000000001</v>
      </c>
    </row>
    <row r="17221" spans="4:5" x14ac:dyDescent="0.25">
      <c r="D17221" s="6">
        <v>529.87429999999995</v>
      </c>
      <c r="E17221" s="6">
        <v>627.77679999999998</v>
      </c>
    </row>
    <row r="17222" spans="4:5" x14ac:dyDescent="0.25">
      <c r="D17222" s="6">
        <v>419.19929999999999</v>
      </c>
      <c r="E17222" s="6">
        <v>826.94740000000002</v>
      </c>
    </row>
    <row r="17223" spans="4:5" x14ac:dyDescent="0.25">
      <c r="D17223" s="6">
        <v>2520.1999999999998</v>
      </c>
      <c r="E17223" s="6">
        <v>650.73109999999997</v>
      </c>
    </row>
    <row r="17224" spans="4:5" x14ac:dyDescent="0.25">
      <c r="D17224" s="6">
        <v>1847.769</v>
      </c>
      <c r="E17224" s="6">
        <v>732.22069999999997</v>
      </c>
    </row>
    <row r="17225" spans="4:5" x14ac:dyDescent="0.25">
      <c r="D17225" s="6">
        <v>907.17669999999998</v>
      </c>
      <c r="E17225" s="6">
        <v>1784.9670000000001</v>
      </c>
    </row>
    <row r="17226" spans="4:5" x14ac:dyDescent="0.25">
      <c r="D17226" s="6">
        <v>5612.0630000000001</v>
      </c>
      <c r="E17226" s="6">
        <v>569.57590000000005</v>
      </c>
    </row>
    <row r="17227" spans="4:5" x14ac:dyDescent="0.25">
      <c r="D17227" s="6">
        <v>593.69640000000004</v>
      </c>
      <c r="E17227" s="6">
        <v>4710.2650000000003</v>
      </c>
    </row>
    <row r="17228" spans="4:5" x14ac:dyDescent="0.25">
      <c r="D17228" s="6">
        <v>534.24580000000003</v>
      </c>
      <c r="E17228" s="6">
        <v>2458.0219999999999</v>
      </c>
    </row>
    <row r="17229" spans="4:5" x14ac:dyDescent="0.25">
      <c r="D17229" s="6">
        <v>490.4683</v>
      </c>
      <c r="E17229" s="6">
        <v>1357.1559999999999</v>
      </c>
    </row>
    <row r="17230" spans="4:5" x14ac:dyDescent="0.25">
      <c r="D17230" s="6">
        <v>495.76940000000002</v>
      </c>
      <c r="E17230" s="6">
        <v>1605.1980000000001</v>
      </c>
    </row>
    <row r="17231" spans="4:5" x14ac:dyDescent="0.25">
      <c r="D17231" s="6">
        <v>2222.2310000000002</v>
      </c>
      <c r="E17231" s="6">
        <v>627.14520000000005</v>
      </c>
    </row>
    <row r="17232" spans="4:5" x14ac:dyDescent="0.25">
      <c r="D17232" s="6">
        <v>730.47260000000006</v>
      </c>
      <c r="E17232" s="6">
        <v>850.25729999999999</v>
      </c>
    </row>
    <row r="17233" spans="4:5" x14ac:dyDescent="0.25">
      <c r="D17233" s="6">
        <v>1209.711</v>
      </c>
      <c r="E17233" s="6">
        <v>697.50210000000004</v>
      </c>
    </row>
    <row r="17234" spans="4:5" x14ac:dyDescent="0.25">
      <c r="D17234" s="6">
        <v>1264.3510000000001</v>
      </c>
      <c r="E17234" s="6">
        <v>1759.502</v>
      </c>
    </row>
    <row r="17235" spans="4:5" x14ac:dyDescent="0.25">
      <c r="D17235" s="6">
        <v>5309.1360000000004</v>
      </c>
      <c r="E17235" s="6">
        <v>1031.7950000000001</v>
      </c>
    </row>
    <row r="17236" spans="4:5" x14ac:dyDescent="0.25">
      <c r="D17236" s="6">
        <v>1032.2660000000001</v>
      </c>
      <c r="E17236" s="6">
        <v>701.07500000000005</v>
      </c>
    </row>
    <row r="17237" spans="4:5" x14ac:dyDescent="0.25">
      <c r="D17237" s="6">
        <v>511.42899999999997</v>
      </c>
      <c r="E17237" s="6">
        <v>1351.1379999999999</v>
      </c>
    </row>
    <row r="17238" spans="4:5" x14ac:dyDescent="0.25">
      <c r="D17238" s="6">
        <v>6318.7020000000002</v>
      </c>
      <c r="E17238" s="6">
        <v>1415.1659999999999</v>
      </c>
    </row>
    <row r="17239" spans="4:5" x14ac:dyDescent="0.25">
      <c r="D17239" s="6">
        <v>503.16629999999998</v>
      </c>
      <c r="E17239" s="6">
        <v>847.86569999999995</v>
      </c>
    </row>
    <row r="17240" spans="4:5" x14ac:dyDescent="0.25">
      <c r="D17240" s="6">
        <v>3988.886</v>
      </c>
      <c r="E17240" s="6">
        <v>593.87270000000001</v>
      </c>
    </row>
    <row r="17241" spans="4:5" x14ac:dyDescent="0.25">
      <c r="D17241" s="6">
        <v>475.08319999999998</v>
      </c>
      <c r="E17241" s="6">
        <v>794.17290000000003</v>
      </c>
    </row>
    <row r="17242" spans="4:5" x14ac:dyDescent="0.25">
      <c r="D17242" s="6">
        <v>3714.1089999999999</v>
      </c>
      <c r="E17242" s="6">
        <v>958.9402</v>
      </c>
    </row>
    <row r="17243" spans="4:5" x14ac:dyDescent="0.25">
      <c r="D17243" s="6">
        <v>1467.086</v>
      </c>
      <c r="E17243" s="6">
        <v>585.1454</v>
      </c>
    </row>
    <row r="17244" spans="4:5" x14ac:dyDescent="0.25">
      <c r="D17244" s="6">
        <v>433.42140000000001</v>
      </c>
      <c r="E17244" s="6">
        <v>3352.2559999999999</v>
      </c>
    </row>
    <row r="17245" spans="4:5" x14ac:dyDescent="0.25">
      <c r="D17245" s="6">
        <v>515.86389999999994</v>
      </c>
      <c r="E17245" s="6">
        <v>2037.2149999999999</v>
      </c>
    </row>
    <row r="17246" spans="4:5" x14ac:dyDescent="0.25">
      <c r="D17246" s="6">
        <v>1920.4359999999999</v>
      </c>
      <c r="E17246" s="6">
        <v>539.75869999999998</v>
      </c>
    </row>
    <row r="17247" spans="4:5" x14ac:dyDescent="0.25">
      <c r="D17247" s="6">
        <v>5527.14</v>
      </c>
      <c r="E17247" s="6">
        <v>594.59789999999998</v>
      </c>
    </row>
    <row r="17248" spans="4:5" x14ac:dyDescent="0.25">
      <c r="D17248" s="6">
        <v>2044.597</v>
      </c>
      <c r="E17248" s="6">
        <v>1816.4469999999999</v>
      </c>
    </row>
    <row r="17249" spans="4:5" x14ac:dyDescent="0.25">
      <c r="D17249" s="6">
        <v>809.78930000000003</v>
      </c>
      <c r="E17249" s="6">
        <v>2999.0239999999999</v>
      </c>
    </row>
    <row r="17250" spans="4:5" x14ac:dyDescent="0.25">
      <c r="D17250" s="6">
        <v>836.5</v>
      </c>
      <c r="E17250" s="6">
        <v>1270.7090000000001</v>
      </c>
    </row>
    <row r="17251" spans="4:5" x14ac:dyDescent="0.25">
      <c r="D17251" s="6">
        <v>627.66600000000005</v>
      </c>
      <c r="E17251" s="6">
        <v>1393.857</v>
      </c>
    </row>
    <row r="17252" spans="4:5" x14ac:dyDescent="0.25">
      <c r="D17252" s="6">
        <v>1963.8</v>
      </c>
      <c r="E17252" s="6">
        <v>539.08910000000003</v>
      </c>
    </row>
    <row r="17253" spans="4:5" x14ac:dyDescent="0.25">
      <c r="D17253" s="6">
        <v>4012.4989999999998</v>
      </c>
      <c r="E17253" s="6">
        <v>1992.5050000000001</v>
      </c>
    </row>
    <row r="17254" spans="4:5" x14ac:dyDescent="0.25">
      <c r="D17254" s="6">
        <v>1426.0250000000001</v>
      </c>
      <c r="E17254" s="6">
        <v>1036.7940000000001</v>
      </c>
    </row>
    <row r="17255" spans="4:5" x14ac:dyDescent="0.25">
      <c r="D17255" s="6">
        <v>449.28280000000001</v>
      </c>
      <c r="E17255" s="6">
        <v>1062.03</v>
      </c>
    </row>
    <row r="17256" spans="4:5" x14ac:dyDescent="0.25">
      <c r="D17256" s="6">
        <v>926.74040000000002</v>
      </c>
      <c r="E17256" s="6">
        <v>2779.7669999999998</v>
      </c>
    </row>
    <row r="17257" spans="4:5" x14ac:dyDescent="0.25">
      <c r="D17257" s="6">
        <v>4252.6149999999998</v>
      </c>
      <c r="E17257" s="6">
        <v>4415.7950000000001</v>
      </c>
    </row>
    <row r="17258" spans="4:5" x14ac:dyDescent="0.25">
      <c r="D17258" s="6">
        <v>1085.3510000000001</v>
      </c>
      <c r="E17258" s="6">
        <v>1225.9159999999999</v>
      </c>
    </row>
    <row r="17259" spans="4:5" x14ac:dyDescent="0.25">
      <c r="D17259" s="6">
        <v>800.70320000000004</v>
      </c>
      <c r="E17259" s="6">
        <v>3013.297</v>
      </c>
    </row>
    <row r="17260" spans="4:5" x14ac:dyDescent="0.25">
      <c r="D17260" s="6">
        <v>500.39789999999999</v>
      </c>
      <c r="E17260" s="6">
        <v>1591.0809999999999</v>
      </c>
    </row>
    <row r="17261" spans="4:5" x14ac:dyDescent="0.25">
      <c r="D17261" s="6">
        <v>463.24889999999999</v>
      </c>
      <c r="E17261" s="6">
        <v>496.34210000000002</v>
      </c>
    </row>
    <row r="17262" spans="4:5" x14ac:dyDescent="0.25">
      <c r="D17262" s="6">
        <v>4086.31</v>
      </c>
      <c r="E17262" s="6">
        <v>1605.335</v>
      </c>
    </row>
    <row r="17263" spans="4:5" x14ac:dyDescent="0.25">
      <c r="D17263" s="6">
        <v>468.46249999999998</v>
      </c>
      <c r="E17263" s="6">
        <v>3397.1759999999999</v>
      </c>
    </row>
    <row r="17264" spans="4:5" x14ac:dyDescent="0.25">
      <c r="D17264" s="6">
        <v>386.01859999999999</v>
      </c>
      <c r="E17264" s="6">
        <v>720.78049999999996</v>
      </c>
    </row>
    <row r="17265" spans="4:5" x14ac:dyDescent="0.25">
      <c r="D17265" s="6">
        <v>523.36</v>
      </c>
      <c r="E17265" s="6">
        <v>905.52940000000001</v>
      </c>
    </row>
    <row r="17266" spans="4:5" x14ac:dyDescent="0.25">
      <c r="D17266" s="6">
        <v>428.3426</v>
      </c>
      <c r="E17266" s="6">
        <v>1295.259</v>
      </c>
    </row>
    <row r="17267" spans="4:5" x14ac:dyDescent="0.25">
      <c r="D17267" s="6">
        <v>3847.4560000000001</v>
      </c>
      <c r="E17267" s="6">
        <v>1217.2180000000001</v>
      </c>
    </row>
    <row r="17268" spans="4:5" x14ac:dyDescent="0.25">
      <c r="D17268" s="6">
        <v>335</v>
      </c>
      <c r="E17268" s="6">
        <v>808.02319999999997</v>
      </c>
    </row>
    <row r="17269" spans="4:5" x14ac:dyDescent="0.25">
      <c r="D17269" s="6">
        <v>452.3202</v>
      </c>
      <c r="E17269" s="6">
        <v>946.40260000000001</v>
      </c>
    </row>
    <row r="17270" spans="4:5" x14ac:dyDescent="0.25">
      <c r="D17270" s="6">
        <v>1560.039</v>
      </c>
      <c r="E17270" s="6">
        <v>537.40129999999999</v>
      </c>
    </row>
    <row r="17271" spans="4:5" x14ac:dyDescent="0.25">
      <c r="D17271" s="6">
        <v>1314.117</v>
      </c>
      <c r="E17271" s="6">
        <v>2479.761</v>
      </c>
    </row>
    <row r="17272" spans="4:5" x14ac:dyDescent="0.25">
      <c r="D17272" s="6">
        <v>1144.038</v>
      </c>
      <c r="E17272" s="6">
        <v>3471.7829999999999</v>
      </c>
    </row>
    <row r="17273" spans="4:5" x14ac:dyDescent="0.25">
      <c r="D17273" s="6">
        <v>1606.6859999999999</v>
      </c>
      <c r="E17273" s="6">
        <v>1316.153</v>
      </c>
    </row>
    <row r="17274" spans="4:5" x14ac:dyDescent="0.25">
      <c r="D17274" s="6">
        <v>3540.9859999999999</v>
      </c>
      <c r="E17274" s="6">
        <v>717.16020000000003</v>
      </c>
    </row>
    <row r="17275" spans="4:5" x14ac:dyDescent="0.25">
      <c r="D17275" s="6">
        <v>447.97669999999999</v>
      </c>
      <c r="E17275" s="6">
        <v>4661.1970000000001</v>
      </c>
    </row>
    <row r="17276" spans="4:5" x14ac:dyDescent="0.25">
      <c r="D17276" s="6">
        <v>502.41809999999998</v>
      </c>
      <c r="E17276" s="6">
        <v>1811.875</v>
      </c>
    </row>
    <row r="17277" spans="4:5" x14ac:dyDescent="0.25">
      <c r="D17277" s="6">
        <v>375.35300000000001</v>
      </c>
      <c r="E17277" s="6">
        <v>686.45339999999999</v>
      </c>
    </row>
    <row r="17278" spans="4:5" x14ac:dyDescent="0.25">
      <c r="D17278" s="6">
        <v>1504.0219999999999</v>
      </c>
      <c r="E17278" s="6">
        <v>1121.9349999999999</v>
      </c>
    </row>
    <row r="17279" spans="4:5" x14ac:dyDescent="0.25">
      <c r="D17279" s="6">
        <v>458.19990000000001</v>
      </c>
      <c r="E17279" s="6">
        <v>556.0222</v>
      </c>
    </row>
    <row r="17280" spans="4:5" x14ac:dyDescent="0.25">
      <c r="D17280" s="6">
        <v>2023.5309999999999</v>
      </c>
      <c r="E17280" s="6">
        <v>2581.6990000000001</v>
      </c>
    </row>
    <row r="17281" spans="4:5" x14ac:dyDescent="0.25">
      <c r="D17281" s="6">
        <v>574.02560000000005</v>
      </c>
      <c r="E17281" s="6">
        <v>1233.962</v>
      </c>
    </row>
    <row r="17282" spans="4:5" x14ac:dyDescent="0.25">
      <c r="D17282" s="6">
        <v>5920.9530000000004</v>
      </c>
      <c r="E17282" s="6">
        <v>2550.973</v>
      </c>
    </row>
    <row r="17283" spans="4:5" x14ac:dyDescent="0.25">
      <c r="D17283" s="6">
        <v>926.53430000000003</v>
      </c>
      <c r="E17283" s="6">
        <v>716.8211</v>
      </c>
    </row>
    <row r="17284" spans="4:5" x14ac:dyDescent="0.25">
      <c r="D17284" s="6">
        <v>435.08800000000002</v>
      </c>
      <c r="E17284" s="6">
        <v>1873.8019999999999</v>
      </c>
    </row>
    <row r="17285" spans="4:5" x14ac:dyDescent="0.25">
      <c r="D17285" s="6">
        <v>495.33330000000001</v>
      </c>
      <c r="E17285" s="6">
        <v>1861.4739999999999</v>
      </c>
    </row>
    <row r="17286" spans="4:5" x14ac:dyDescent="0.25">
      <c r="D17286" s="6">
        <v>4204.5709999999999</v>
      </c>
      <c r="E17286" s="6">
        <v>3198.4430000000002</v>
      </c>
    </row>
    <row r="17287" spans="4:5" x14ac:dyDescent="0.25">
      <c r="D17287" s="6">
        <v>4368.9920000000002</v>
      </c>
      <c r="E17287" s="6">
        <v>2118.625</v>
      </c>
    </row>
    <row r="17288" spans="4:5" x14ac:dyDescent="0.25">
      <c r="D17288" s="6">
        <v>606.95839999999998</v>
      </c>
      <c r="E17288" s="6">
        <v>1456.491</v>
      </c>
    </row>
    <row r="17289" spans="4:5" x14ac:dyDescent="0.25">
      <c r="D17289" s="6">
        <v>435.37119999999999</v>
      </c>
      <c r="E17289" s="6">
        <v>567.66920000000005</v>
      </c>
    </row>
    <row r="17290" spans="4:5" x14ac:dyDescent="0.25">
      <c r="D17290" s="6">
        <v>3904</v>
      </c>
      <c r="E17290" s="6">
        <v>743.27769999999998</v>
      </c>
    </row>
    <row r="17291" spans="4:5" x14ac:dyDescent="0.25">
      <c r="D17291" s="6">
        <v>480.28230000000002</v>
      </c>
      <c r="E17291" s="6">
        <v>1730.4960000000001</v>
      </c>
    </row>
    <row r="17292" spans="4:5" x14ac:dyDescent="0.25">
      <c r="D17292" s="6">
        <v>461.02350000000001</v>
      </c>
      <c r="E17292" s="6">
        <v>642.72500000000002</v>
      </c>
    </row>
    <row r="17293" spans="4:5" x14ac:dyDescent="0.25">
      <c r="D17293" s="6">
        <v>4719.7330000000002</v>
      </c>
      <c r="E17293" s="6">
        <v>1632.0519999999999</v>
      </c>
    </row>
    <row r="17294" spans="4:5" x14ac:dyDescent="0.25">
      <c r="D17294" s="6">
        <v>464.36529999999999</v>
      </c>
      <c r="E17294" s="6">
        <v>562.14099999999996</v>
      </c>
    </row>
    <row r="17295" spans="4:5" x14ac:dyDescent="0.25">
      <c r="D17295" s="6">
        <v>517.56029999999998</v>
      </c>
      <c r="E17295" s="6">
        <v>3299.3670000000002</v>
      </c>
    </row>
    <row r="17296" spans="4:5" x14ac:dyDescent="0.25">
      <c r="D17296" s="6">
        <v>472.43979999999999</v>
      </c>
      <c r="E17296" s="6">
        <v>1693.2370000000001</v>
      </c>
    </row>
    <row r="17297" spans="4:5" x14ac:dyDescent="0.25">
      <c r="D17297" s="6">
        <v>1371.566</v>
      </c>
      <c r="E17297" s="6">
        <v>610.67660000000001</v>
      </c>
    </row>
    <row r="17298" spans="4:5" x14ac:dyDescent="0.25">
      <c r="D17298" s="6">
        <v>446.83670000000001</v>
      </c>
      <c r="E17298" s="6">
        <v>1657.154</v>
      </c>
    </row>
    <row r="17299" spans="4:5" x14ac:dyDescent="0.25">
      <c r="D17299" s="6">
        <v>4170.3410000000003</v>
      </c>
      <c r="E17299" s="6">
        <v>1851.9549999999999</v>
      </c>
    </row>
    <row r="17300" spans="4:5" x14ac:dyDescent="0.25">
      <c r="D17300" s="6">
        <v>4722.3720000000003</v>
      </c>
      <c r="E17300" s="6">
        <v>594.61389999999994</v>
      </c>
    </row>
    <row r="17301" spans="4:5" x14ac:dyDescent="0.25">
      <c r="D17301" s="6">
        <v>903.30589999999995</v>
      </c>
      <c r="E17301" s="6">
        <v>2048.5450000000001</v>
      </c>
    </row>
    <row r="17302" spans="4:5" x14ac:dyDescent="0.25">
      <c r="D17302" s="6">
        <v>456.63389999999998</v>
      </c>
      <c r="E17302" s="6">
        <v>2365.136</v>
      </c>
    </row>
    <row r="17303" spans="4:5" x14ac:dyDescent="0.25">
      <c r="D17303" s="6">
        <v>471.15019999999998</v>
      </c>
      <c r="E17303" s="6">
        <v>3152.0320000000002</v>
      </c>
    </row>
    <row r="17304" spans="4:5" x14ac:dyDescent="0.25">
      <c r="D17304" s="6">
        <v>554.63300000000004</v>
      </c>
      <c r="E17304" s="6">
        <v>645.75</v>
      </c>
    </row>
    <row r="17305" spans="4:5" x14ac:dyDescent="0.25">
      <c r="D17305" s="6">
        <v>932.98680000000002</v>
      </c>
      <c r="E17305" s="6">
        <v>3172.614</v>
      </c>
    </row>
    <row r="17306" spans="4:5" x14ac:dyDescent="0.25">
      <c r="D17306" s="6">
        <v>781.13130000000001</v>
      </c>
      <c r="E17306" s="6">
        <v>556.92529999999999</v>
      </c>
    </row>
    <row r="17307" spans="4:5" x14ac:dyDescent="0.25">
      <c r="D17307" s="6">
        <v>965.35450000000003</v>
      </c>
      <c r="E17307" s="6">
        <v>625.73519999999996</v>
      </c>
    </row>
    <row r="17308" spans="4:5" x14ac:dyDescent="0.25">
      <c r="D17308" s="6">
        <v>5225.7030000000004</v>
      </c>
      <c r="E17308" s="6">
        <v>2310.5790000000002</v>
      </c>
    </row>
    <row r="17309" spans="4:5" x14ac:dyDescent="0.25">
      <c r="D17309" s="6">
        <v>559.00739999999996</v>
      </c>
      <c r="E17309" s="6">
        <v>1835.249</v>
      </c>
    </row>
    <row r="17310" spans="4:5" x14ac:dyDescent="0.25">
      <c r="D17310" s="6">
        <v>493.8297</v>
      </c>
      <c r="E17310" s="6">
        <v>2109.721</v>
      </c>
    </row>
    <row r="17311" spans="4:5" x14ac:dyDescent="0.25">
      <c r="D17311" s="6">
        <v>3587.989</v>
      </c>
      <c r="E17311" s="6">
        <v>530.24639999999999</v>
      </c>
    </row>
    <row r="17312" spans="4:5" x14ac:dyDescent="0.25">
      <c r="D17312" s="6">
        <v>493.88400000000001</v>
      </c>
      <c r="E17312" s="6">
        <v>1521.4649999999999</v>
      </c>
    </row>
    <row r="17313" spans="4:5" x14ac:dyDescent="0.25">
      <c r="D17313" s="6">
        <v>521.19939999999997</v>
      </c>
      <c r="E17313" s="6">
        <v>1815.7629999999999</v>
      </c>
    </row>
    <row r="17314" spans="4:5" x14ac:dyDescent="0.25">
      <c r="D17314" s="6">
        <v>4281.8760000000002</v>
      </c>
      <c r="E17314" s="6">
        <v>1834.0050000000001</v>
      </c>
    </row>
    <row r="17315" spans="4:5" x14ac:dyDescent="0.25">
      <c r="D17315" s="6">
        <v>761.46460000000002</v>
      </c>
      <c r="E17315" s="6">
        <v>1944.7840000000001</v>
      </c>
    </row>
    <row r="17316" spans="4:5" x14ac:dyDescent="0.25">
      <c r="D17316" s="6">
        <v>4802.7089999999998</v>
      </c>
      <c r="E17316" s="6">
        <v>1268.0730000000001</v>
      </c>
    </row>
    <row r="17317" spans="4:5" x14ac:dyDescent="0.25">
      <c r="D17317" s="6">
        <v>1368.921</v>
      </c>
      <c r="E17317" s="6">
        <v>4223.5810000000001</v>
      </c>
    </row>
    <row r="17318" spans="4:5" x14ac:dyDescent="0.25">
      <c r="D17318" s="6">
        <v>897.74130000000002</v>
      </c>
      <c r="E17318" s="6">
        <v>873.50930000000005</v>
      </c>
    </row>
    <row r="17319" spans="4:5" x14ac:dyDescent="0.25">
      <c r="D17319" s="6">
        <v>1034.67</v>
      </c>
      <c r="E17319" s="6">
        <v>597.10400000000004</v>
      </c>
    </row>
    <row r="17320" spans="4:5" x14ac:dyDescent="0.25">
      <c r="D17320" s="6">
        <v>493.66289999999998</v>
      </c>
      <c r="E17320" s="6">
        <v>602.99260000000004</v>
      </c>
    </row>
    <row r="17321" spans="4:5" x14ac:dyDescent="0.25">
      <c r="D17321" s="6">
        <v>4475.5789999999997</v>
      </c>
      <c r="E17321" s="6">
        <v>567.09370000000001</v>
      </c>
    </row>
    <row r="17322" spans="4:5" x14ac:dyDescent="0.25">
      <c r="D17322" s="6">
        <v>5632.3810000000003</v>
      </c>
      <c r="E17322" s="6">
        <v>679.46669999999995</v>
      </c>
    </row>
    <row r="17323" spans="4:5" x14ac:dyDescent="0.25">
      <c r="D17323" s="6">
        <v>4945.9970000000003</v>
      </c>
      <c r="E17323" s="6">
        <v>2588.8429999999998</v>
      </c>
    </row>
    <row r="17324" spans="4:5" x14ac:dyDescent="0.25">
      <c r="D17324" s="6">
        <v>3008.973</v>
      </c>
      <c r="E17324" s="6">
        <v>532.04300000000001</v>
      </c>
    </row>
    <row r="17325" spans="4:5" x14ac:dyDescent="0.25">
      <c r="D17325" s="6">
        <v>945.49549999999999</v>
      </c>
      <c r="E17325" s="6">
        <v>621.9556</v>
      </c>
    </row>
    <row r="17326" spans="4:5" x14ac:dyDescent="0.25">
      <c r="D17326" s="6">
        <v>1015.841</v>
      </c>
      <c r="E17326" s="6">
        <v>574.33540000000005</v>
      </c>
    </row>
    <row r="17327" spans="4:5" x14ac:dyDescent="0.25">
      <c r="D17327" s="6">
        <v>822.35389999999995</v>
      </c>
      <c r="E17327" s="6">
        <v>2004.1020000000001</v>
      </c>
    </row>
    <row r="17328" spans="4:5" x14ac:dyDescent="0.25">
      <c r="D17328" s="6">
        <v>871.947</v>
      </c>
      <c r="E17328" s="6">
        <v>1248.749</v>
      </c>
    </row>
    <row r="17329" spans="4:5" x14ac:dyDescent="0.25">
      <c r="D17329" s="6">
        <v>3818.203</v>
      </c>
      <c r="E17329" s="6">
        <v>1814.529</v>
      </c>
    </row>
    <row r="17330" spans="4:5" x14ac:dyDescent="0.25">
      <c r="D17330" s="6">
        <v>1398.9190000000001</v>
      </c>
      <c r="E17330" s="6">
        <v>1097.066</v>
      </c>
    </row>
    <row r="17331" spans="4:5" x14ac:dyDescent="0.25">
      <c r="D17331" s="6">
        <v>449.3544</v>
      </c>
      <c r="E17331" s="6">
        <v>1818.904</v>
      </c>
    </row>
    <row r="17332" spans="4:5" x14ac:dyDescent="0.25">
      <c r="D17332" s="6">
        <v>3026.3530000000001</v>
      </c>
      <c r="E17332" s="6">
        <v>4441.3209999999999</v>
      </c>
    </row>
    <row r="17333" spans="4:5" x14ac:dyDescent="0.25">
      <c r="D17333" s="6">
        <v>4877.2550000000001</v>
      </c>
      <c r="E17333" s="6">
        <v>825.64030000000002</v>
      </c>
    </row>
    <row r="17334" spans="4:5" x14ac:dyDescent="0.25">
      <c r="D17334" s="6">
        <v>894.84019999999998</v>
      </c>
      <c r="E17334" s="6">
        <v>1894.402</v>
      </c>
    </row>
    <row r="17335" spans="4:5" x14ac:dyDescent="0.25">
      <c r="D17335" s="6">
        <v>519.94179999999994</v>
      </c>
      <c r="E17335" s="6">
        <v>1463.123</v>
      </c>
    </row>
    <row r="17336" spans="4:5" x14ac:dyDescent="0.25">
      <c r="D17336" s="6">
        <v>1813.749</v>
      </c>
      <c r="E17336" s="6">
        <v>651.89340000000004</v>
      </c>
    </row>
    <row r="17337" spans="4:5" x14ac:dyDescent="0.25">
      <c r="D17337" s="6">
        <v>4184.0169999999998</v>
      </c>
      <c r="E17337" s="6">
        <v>823.55340000000001</v>
      </c>
    </row>
    <row r="17338" spans="4:5" x14ac:dyDescent="0.25">
      <c r="D17338" s="6">
        <v>1028.557</v>
      </c>
      <c r="E17338" s="6">
        <v>1123.04</v>
      </c>
    </row>
    <row r="17339" spans="4:5" x14ac:dyDescent="0.25">
      <c r="D17339" s="6">
        <v>1068.079</v>
      </c>
      <c r="E17339" s="6">
        <v>989.47040000000004</v>
      </c>
    </row>
    <row r="17340" spans="4:5" x14ac:dyDescent="0.25">
      <c r="D17340" s="6">
        <v>1410.2239999999999</v>
      </c>
      <c r="E17340" s="6">
        <v>1891.614</v>
      </c>
    </row>
    <row r="17341" spans="4:5" x14ac:dyDescent="0.25">
      <c r="D17341" s="6">
        <v>447.33839999999998</v>
      </c>
      <c r="E17341" s="6">
        <v>5843.0889999999999</v>
      </c>
    </row>
    <row r="17342" spans="4:5" x14ac:dyDescent="0.25">
      <c r="D17342" s="6">
        <v>2321.3040000000001</v>
      </c>
      <c r="E17342" s="6">
        <v>635.54639999999995</v>
      </c>
    </row>
    <row r="17343" spans="4:5" x14ac:dyDescent="0.25">
      <c r="D17343" s="6">
        <v>1463.6679999999999</v>
      </c>
      <c r="E17343" s="6">
        <v>1639.2560000000001</v>
      </c>
    </row>
    <row r="17344" spans="4:5" x14ac:dyDescent="0.25">
      <c r="D17344" s="6">
        <v>1314.818</v>
      </c>
      <c r="E17344" s="6">
        <v>826.95730000000003</v>
      </c>
    </row>
    <row r="17345" spans="4:5" x14ac:dyDescent="0.25">
      <c r="D17345" s="6">
        <v>488.61540000000002</v>
      </c>
      <c r="E17345" s="6">
        <v>2088.8989999999999</v>
      </c>
    </row>
    <row r="17346" spans="4:5" x14ac:dyDescent="0.25">
      <c r="D17346" s="6">
        <v>596.00210000000004</v>
      </c>
      <c r="E17346" s="6">
        <v>1631.92</v>
      </c>
    </row>
    <row r="17347" spans="4:5" x14ac:dyDescent="0.25">
      <c r="D17347" s="6">
        <v>603.19510000000002</v>
      </c>
      <c r="E17347" s="6">
        <v>1620.675</v>
      </c>
    </row>
    <row r="17348" spans="4:5" x14ac:dyDescent="0.25">
      <c r="D17348" s="6">
        <v>542.80010000000004</v>
      </c>
      <c r="E17348" s="6">
        <v>3139.5990000000002</v>
      </c>
    </row>
    <row r="17349" spans="4:5" x14ac:dyDescent="0.25">
      <c r="D17349" s="6">
        <v>2949.68</v>
      </c>
      <c r="E17349" s="6">
        <v>628.31740000000002</v>
      </c>
    </row>
    <row r="17350" spans="4:5" x14ac:dyDescent="0.25">
      <c r="D17350" s="6">
        <v>575.05650000000003</v>
      </c>
      <c r="E17350" s="6">
        <v>587.0548</v>
      </c>
    </row>
    <row r="17351" spans="4:5" x14ac:dyDescent="0.25">
      <c r="D17351" s="6">
        <v>509.68759999999997</v>
      </c>
      <c r="E17351" s="6">
        <v>2183.9</v>
      </c>
    </row>
    <row r="17352" spans="4:5" x14ac:dyDescent="0.25">
      <c r="D17352" s="6">
        <v>514.92989999999998</v>
      </c>
      <c r="E17352" s="6">
        <v>2029.97</v>
      </c>
    </row>
    <row r="17353" spans="4:5" x14ac:dyDescent="0.25">
      <c r="D17353" s="6">
        <v>1208.944</v>
      </c>
      <c r="E17353" s="6">
        <v>6352.8950000000004</v>
      </c>
    </row>
    <row r="17354" spans="4:5" x14ac:dyDescent="0.25">
      <c r="D17354" s="6">
        <v>419.31189999999998</v>
      </c>
      <c r="E17354" s="6">
        <v>946.00919999999996</v>
      </c>
    </row>
    <row r="17355" spans="4:5" x14ac:dyDescent="0.25">
      <c r="D17355" s="6">
        <v>4076.7620000000002</v>
      </c>
      <c r="E17355" s="6">
        <v>1541.308</v>
      </c>
    </row>
    <row r="17356" spans="4:5" x14ac:dyDescent="0.25">
      <c r="D17356" s="6">
        <v>5594.3940000000002</v>
      </c>
      <c r="E17356" s="6">
        <v>634.35720000000003</v>
      </c>
    </row>
    <row r="17357" spans="4:5" x14ac:dyDescent="0.25">
      <c r="D17357" s="6">
        <v>370.49040000000002</v>
      </c>
      <c r="E17357" s="6">
        <v>670.32740000000001</v>
      </c>
    </row>
    <row r="17358" spans="4:5" x14ac:dyDescent="0.25">
      <c r="D17358" s="6">
        <v>756.40899999999999</v>
      </c>
      <c r="E17358" s="6">
        <v>461.85399999999998</v>
      </c>
    </row>
    <row r="17359" spans="4:5" x14ac:dyDescent="0.25">
      <c r="D17359" s="6">
        <v>1061.18</v>
      </c>
      <c r="E17359" s="6">
        <v>1305.4480000000001</v>
      </c>
    </row>
    <row r="17360" spans="4:5" x14ac:dyDescent="0.25">
      <c r="D17360" s="6">
        <v>8021.7730000000001</v>
      </c>
      <c r="E17360" s="6">
        <v>689.42740000000003</v>
      </c>
    </row>
    <row r="17361" spans="4:5" x14ac:dyDescent="0.25">
      <c r="D17361" s="6">
        <v>5712.8109999999997</v>
      </c>
      <c r="E17361" s="6">
        <v>936.68370000000004</v>
      </c>
    </row>
    <row r="17362" spans="4:5" x14ac:dyDescent="0.25">
      <c r="D17362" s="6">
        <v>1836.645</v>
      </c>
      <c r="E17362" s="6">
        <v>2223.7310000000002</v>
      </c>
    </row>
    <row r="17363" spans="4:5" x14ac:dyDescent="0.25">
      <c r="D17363" s="6">
        <v>440.91480000000001</v>
      </c>
      <c r="E17363" s="6">
        <v>3526.011</v>
      </c>
    </row>
    <row r="17364" spans="4:5" x14ac:dyDescent="0.25">
      <c r="D17364" s="6">
        <v>3756.9940000000001</v>
      </c>
      <c r="E17364" s="6">
        <v>2043.567</v>
      </c>
    </row>
    <row r="17365" spans="4:5" x14ac:dyDescent="0.25">
      <c r="D17365" s="6">
        <v>399.24959999999999</v>
      </c>
      <c r="E17365" s="6">
        <v>640.8279</v>
      </c>
    </row>
    <row r="17366" spans="4:5" x14ac:dyDescent="0.25">
      <c r="D17366" s="6">
        <v>367.26179999999999</v>
      </c>
      <c r="E17366" s="6">
        <v>6796.0110000000004</v>
      </c>
    </row>
    <row r="17367" spans="4:5" x14ac:dyDescent="0.25">
      <c r="D17367" s="6">
        <v>4842.8190000000004</v>
      </c>
      <c r="E17367" s="6">
        <v>502.7473</v>
      </c>
    </row>
    <row r="17368" spans="4:5" x14ac:dyDescent="0.25">
      <c r="D17368" s="6">
        <v>5797.7089999999998</v>
      </c>
      <c r="E17368" s="6">
        <v>883.10149999999999</v>
      </c>
    </row>
    <row r="17369" spans="4:5" x14ac:dyDescent="0.25">
      <c r="D17369" s="6">
        <v>5008.8680000000004</v>
      </c>
      <c r="E17369" s="6">
        <v>1587.9159999999999</v>
      </c>
    </row>
    <row r="17370" spans="4:5" x14ac:dyDescent="0.25">
      <c r="D17370" s="6">
        <v>2822.2249999999999</v>
      </c>
      <c r="E17370" s="6">
        <v>1688.4010000000001</v>
      </c>
    </row>
    <row r="17371" spans="4:5" x14ac:dyDescent="0.25">
      <c r="D17371" s="6">
        <v>401.6026</v>
      </c>
      <c r="E17371" s="6">
        <v>1604.7270000000001</v>
      </c>
    </row>
    <row r="17372" spans="4:5" x14ac:dyDescent="0.25">
      <c r="D17372" s="6">
        <v>452.3381</v>
      </c>
      <c r="E17372" s="6">
        <v>1348.0329999999999</v>
      </c>
    </row>
    <row r="17373" spans="4:5" x14ac:dyDescent="0.25">
      <c r="D17373" s="6">
        <v>466.41629999999998</v>
      </c>
      <c r="E17373" s="6">
        <v>4746.1480000000001</v>
      </c>
    </row>
    <row r="17374" spans="4:5" x14ac:dyDescent="0.25">
      <c r="D17374" s="6">
        <v>6894.13</v>
      </c>
      <c r="E17374" s="6">
        <v>1793.6479999999999</v>
      </c>
    </row>
    <row r="17375" spans="4:5" x14ac:dyDescent="0.25">
      <c r="D17375" s="6">
        <v>523.52279999999996</v>
      </c>
      <c r="E17375" s="6">
        <v>563.98090000000002</v>
      </c>
    </row>
    <row r="17376" spans="4:5" x14ac:dyDescent="0.25">
      <c r="D17376" s="6">
        <v>469.73809999999997</v>
      </c>
      <c r="E17376" s="6">
        <v>1716.1110000000001</v>
      </c>
    </row>
    <row r="17377" spans="4:5" x14ac:dyDescent="0.25">
      <c r="D17377" s="6">
        <v>1041.847</v>
      </c>
      <c r="E17377" s="6">
        <v>512.58330000000001</v>
      </c>
    </row>
    <row r="17378" spans="4:5" x14ac:dyDescent="0.25">
      <c r="D17378" s="6">
        <v>506.30500000000001</v>
      </c>
      <c r="E17378" s="6">
        <v>562.67859999999996</v>
      </c>
    </row>
    <row r="17379" spans="4:5" x14ac:dyDescent="0.25">
      <c r="D17379" s="6">
        <v>429.17840000000001</v>
      </c>
      <c r="E17379" s="6">
        <v>1869.789</v>
      </c>
    </row>
    <row r="17380" spans="4:5" x14ac:dyDescent="0.25">
      <c r="D17380" s="6">
        <v>1728.903</v>
      </c>
      <c r="E17380" s="6">
        <v>3688.5880000000002</v>
      </c>
    </row>
    <row r="17381" spans="4:5" x14ac:dyDescent="0.25">
      <c r="D17381" s="6">
        <v>446.34010000000001</v>
      </c>
      <c r="E17381" s="6">
        <v>991.29169999999999</v>
      </c>
    </row>
    <row r="17382" spans="4:5" x14ac:dyDescent="0.25">
      <c r="D17382" s="6">
        <v>592.18910000000005</v>
      </c>
      <c r="E17382" s="6">
        <v>644.83330000000001</v>
      </c>
    </row>
    <row r="17383" spans="4:5" x14ac:dyDescent="0.25">
      <c r="D17383" s="6">
        <v>483.57920000000001</v>
      </c>
      <c r="E17383" s="6">
        <v>1983.3489999999999</v>
      </c>
    </row>
    <row r="17384" spans="4:5" x14ac:dyDescent="0.25">
      <c r="D17384" s="6">
        <v>4709.4049999999997</v>
      </c>
      <c r="E17384" s="6">
        <v>1049.0309999999999</v>
      </c>
    </row>
    <row r="17385" spans="4:5" x14ac:dyDescent="0.25">
      <c r="D17385" s="6">
        <v>4827</v>
      </c>
      <c r="E17385" s="6">
        <v>603.01739999999995</v>
      </c>
    </row>
    <row r="17386" spans="4:5" x14ac:dyDescent="0.25">
      <c r="D17386" s="6">
        <v>418.94459999999998</v>
      </c>
      <c r="E17386" s="6">
        <v>1836.261</v>
      </c>
    </row>
    <row r="17387" spans="4:5" x14ac:dyDescent="0.25">
      <c r="D17387" s="6">
        <v>1270.212</v>
      </c>
      <c r="E17387" s="6">
        <v>3003.5909999999999</v>
      </c>
    </row>
    <row r="17388" spans="4:5" x14ac:dyDescent="0.25">
      <c r="D17388" s="6">
        <v>422.56</v>
      </c>
      <c r="E17388" s="6">
        <v>1963.1769999999999</v>
      </c>
    </row>
    <row r="17389" spans="4:5" x14ac:dyDescent="0.25">
      <c r="D17389" s="6">
        <v>548.69330000000002</v>
      </c>
      <c r="E17389" s="6">
        <v>4740.674</v>
      </c>
    </row>
    <row r="17390" spans="4:5" x14ac:dyDescent="0.25">
      <c r="D17390" s="6">
        <v>1235.4490000000001</v>
      </c>
      <c r="E17390" s="6">
        <v>1615.6859999999999</v>
      </c>
    </row>
    <row r="17391" spans="4:5" x14ac:dyDescent="0.25">
      <c r="D17391" s="6">
        <v>2112.645</v>
      </c>
      <c r="E17391" s="6">
        <v>669.99549999999999</v>
      </c>
    </row>
    <row r="17392" spans="4:5" x14ac:dyDescent="0.25">
      <c r="D17392" s="6">
        <v>447.86840000000001</v>
      </c>
      <c r="E17392" s="6">
        <v>905.95299999999997</v>
      </c>
    </row>
    <row r="17393" spans="4:5" x14ac:dyDescent="0.25">
      <c r="D17393" s="6">
        <v>6800.2</v>
      </c>
      <c r="E17393" s="6">
        <v>1482.18</v>
      </c>
    </row>
    <row r="17394" spans="4:5" x14ac:dyDescent="0.25">
      <c r="D17394" s="6">
        <v>519.62339999999995</v>
      </c>
      <c r="E17394" s="6">
        <v>562.76549999999997</v>
      </c>
    </row>
    <row r="17395" spans="4:5" x14ac:dyDescent="0.25">
      <c r="D17395" s="6">
        <v>403.96109999999999</v>
      </c>
      <c r="E17395" s="6">
        <v>833.4615</v>
      </c>
    </row>
    <row r="17396" spans="4:5" x14ac:dyDescent="0.25">
      <c r="D17396" s="6">
        <v>547.78319999999997</v>
      </c>
      <c r="E17396" s="6">
        <v>1585.318</v>
      </c>
    </row>
    <row r="17397" spans="4:5" x14ac:dyDescent="0.25">
      <c r="D17397" s="6">
        <v>582.55280000000005</v>
      </c>
      <c r="E17397" s="6">
        <v>1774.932</v>
      </c>
    </row>
    <row r="17398" spans="4:5" x14ac:dyDescent="0.25">
      <c r="D17398" s="6">
        <v>595.57759999999996</v>
      </c>
      <c r="E17398" s="6">
        <v>1396.377</v>
      </c>
    </row>
    <row r="17399" spans="4:5" x14ac:dyDescent="0.25">
      <c r="D17399" s="6">
        <v>436.87389999999999</v>
      </c>
      <c r="E17399" s="6">
        <v>1355.2080000000001</v>
      </c>
    </row>
    <row r="17400" spans="4:5" x14ac:dyDescent="0.25">
      <c r="D17400" s="6">
        <v>923.98670000000004</v>
      </c>
      <c r="E17400" s="6">
        <v>2349.9259999999999</v>
      </c>
    </row>
    <row r="17401" spans="4:5" x14ac:dyDescent="0.25">
      <c r="D17401" s="6">
        <v>2092.9720000000002</v>
      </c>
      <c r="E17401" s="6">
        <v>1053.7380000000001</v>
      </c>
    </row>
    <row r="17402" spans="4:5" x14ac:dyDescent="0.25">
      <c r="D17402" s="6">
        <v>4411.7179999999998</v>
      </c>
      <c r="E17402" s="6">
        <v>2496.8440000000001</v>
      </c>
    </row>
    <row r="17403" spans="4:5" x14ac:dyDescent="0.25">
      <c r="D17403" s="6">
        <v>1158.702</v>
      </c>
      <c r="E17403" s="6">
        <v>4213.7860000000001</v>
      </c>
    </row>
    <row r="17404" spans="4:5" x14ac:dyDescent="0.25">
      <c r="D17404" s="6">
        <v>4160.8990000000003</v>
      </c>
      <c r="E17404" s="6">
        <v>602.19110000000001</v>
      </c>
    </row>
    <row r="17405" spans="4:5" x14ac:dyDescent="0.25">
      <c r="D17405" s="6">
        <v>971.83460000000002</v>
      </c>
      <c r="E17405" s="6">
        <v>7728</v>
      </c>
    </row>
    <row r="17406" spans="4:5" x14ac:dyDescent="0.25">
      <c r="D17406" s="6">
        <v>5664.9390000000003</v>
      </c>
      <c r="E17406" s="6">
        <v>648.45619999999997</v>
      </c>
    </row>
    <row r="17407" spans="4:5" x14ac:dyDescent="0.25">
      <c r="D17407" s="6">
        <v>504.12079999999997</v>
      </c>
      <c r="E17407" s="6">
        <v>625.09820000000002</v>
      </c>
    </row>
    <row r="17408" spans="4:5" x14ac:dyDescent="0.25">
      <c r="D17408" s="6">
        <v>507.47370000000001</v>
      </c>
      <c r="E17408" s="6">
        <v>755.19870000000003</v>
      </c>
    </row>
    <row r="17409" spans="4:5" x14ac:dyDescent="0.25">
      <c r="D17409" s="6">
        <v>481.51170000000002</v>
      </c>
      <c r="E17409" s="6">
        <v>1558.3030000000001</v>
      </c>
    </row>
    <row r="17410" spans="4:5" x14ac:dyDescent="0.25">
      <c r="D17410" s="6">
        <v>5472.0749999999998</v>
      </c>
      <c r="E17410" s="6">
        <v>1708.9380000000001</v>
      </c>
    </row>
    <row r="17411" spans="4:5" x14ac:dyDescent="0.25">
      <c r="D17411" s="6">
        <v>1139.7280000000001</v>
      </c>
      <c r="E17411" s="6">
        <v>7107.2</v>
      </c>
    </row>
    <row r="17412" spans="4:5" x14ac:dyDescent="0.25">
      <c r="D17412" s="6">
        <v>652.92859999999996</v>
      </c>
      <c r="E17412" s="6">
        <v>551.0104</v>
      </c>
    </row>
    <row r="17413" spans="4:5" x14ac:dyDescent="0.25">
      <c r="D17413" s="6">
        <v>779.86339999999996</v>
      </c>
      <c r="E17413" s="6">
        <v>443.18579999999997</v>
      </c>
    </row>
    <row r="17414" spans="4:5" x14ac:dyDescent="0.25">
      <c r="D17414" s="6">
        <v>537.27059999999994</v>
      </c>
      <c r="E17414" s="6">
        <v>1802.8679999999999</v>
      </c>
    </row>
    <row r="17415" spans="4:5" x14ac:dyDescent="0.25">
      <c r="D17415" s="6">
        <v>520.59410000000003</v>
      </c>
      <c r="E17415" s="6">
        <v>1616.242</v>
      </c>
    </row>
    <row r="17416" spans="4:5" x14ac:dyDescent="0.25">
      <c r="D17416" s="6">
        <v>941.35979999999995</v>
      </c>
      <c r="E17416" s="6">
        <v>1380.1559999999999</v>
      </c>
    </row>
    <row r="17417" spans="4:5" x14ac:dyDescent="0.25">
      <c r="D17417" s="6">
        <v>779.61320000000001</v>
      </c>
      <c r="E17417" s="6">
        <v>560.70550000000003</v>
      </c>
    </row>
    <row r="17418" spans="4:5" x14ac:dyDescent="0.25">
      <c r="D17418" s="6">
        <v>3372.6930000000002</v>
      </c>
      <c r="E17418" s="6">
        <v>4948.7240000000002</v>
      </c>
    </row>
    <row r="17419" spans="4:5" x14ac:dyDescent="0.25">
      <c r="D17419" s="6">
        <v>5197.2</v>
      </c>
      <c r="E17419" s="6">
        <v>584.34130000000005</v>
      </c>
    </row>
    <row r="17420" spans="4:5" x14ac:dyDescent="0.25">
      <c r="D17420" s="6">
        <v>401.23469999999998</v>
      </c>
      <c r="E17420" s="6">
        <v>883.68179999999995</v>
      </c>
    </row>
    <row r="17421" spans="4:5" x14ac:dyDescent="0.25">
      <c r="D17421" s="6">
        <v>1069.0550000000001</v>
      </c>
      <c r="E17421" s="6">
        <v>3457.5909999999999</v>
      </c>
    </row>
    <row r="17422" spans="4:5" x14ac:dyDescent="0.25">
      <c r="D17422" s="6">
        <v>490.56169999999997</v>
      </c>
      <c r="E17422" s="6">
        <v>1732.751</v>
      </c>
    </row>
    <row r="17423" spans="4:5" x14ac:dyDescent="0.25">
      <c r="D17423" s="6">
        <v>1168.365</v>
      </c>
      <c r="E17423" s="6">
        <v>650.08579999999995</v>
      </c>
    </row>
    <row r="17424" spans="4:5" x14ac:dyDescent="0.25">
      <c r="D17424" s="6">
        <v>529.63900000000001</v>
      </c>
      <c r="E17424" s="6">
        <v>4345.4260000000004</v>
      </c>
    </row>
    <row r="17425" spans="4:5" x14ac:dyDescent="0.25">
      <c r="D17425" s="6">
        <v>502.26830000000001</v>
      </c>
      <c r="E17425" s="6">
        <v>2364.058</v>
      </c>
    </row>
    <row r="17426" spans="4:5" x14ac:dyDescent="0.25">
      <c r="D17426" s="6">
        <v>472.40030000000002</v>
      </c>
      <c r="E17426" s="6">
        <v>499.20650000000001</v>
      </c>
    </row>
    <row r="17427" spans="4:5" x14ac:dyDescent="0.25">
      <c r="D17427" s="6">
        <v>5589.6490000000003</v>
      </c>
      <c r="E17427" s="6">
        <v>3800.34</v>
      </c>
    </row>
    <row r="17428" spans="4:5" x14ac:dyDescent="0.25">
      <c r="D17428" s="6">
        <v>6996.652</v>
      </c>
      <c r="E17428" s="6">
        <v>650.4932</v>
      </c>
    </row>
    <row r="17429" spans="4:5" x14ac:dyDescent="0.25">
      <c r="D17429" s="6">
        <v>1143.7449999999999</v>
      </c>
      <c r="E17429" s="6">
        <v>642.38120000000004</v>
      </c>
    </row>
    <row r="17430" spans="4:5" x14ac:dyDescent="0.25">
      <c r="D17430" s="6">
        <v>1951.8779999999999</v>
      </c>
      <c r="E17430" s="6">
        <v>3720.5949999999998</v>
      </c>
    </row>
    <row r="17431" spans="4:5" x14ac:dyDescent="0.25">
      <c r="D17431" s="6">
        <v>462.31599999999997</v>
      </c>
      <c r="E17431" s="6">
        <v>680.29340000000002</v>
      </c>
    </row>
    <row r="17432" spans="4:5" x14ac:dyDescent="0.25">
      <c r="D17432" s="6">
        <v>452.4348</v>
      </c>
      <c r="E17432" s="6">
        <v>724.95169999999996</v>
      </c>
    </row>
    <row r="17433" spans="4:5" x14ac:dyDescent="0.25">
      <c r="D17433" s="6">
        <v>430.34870000000001</v>
      </c>
      <c r="E17433" s="6">
        <v>2051.7809999999999</v>
      </c>
    </row>
    <row r="17434" spans="4:5" x14ac:dyDescent="0.25">
      <c r="D17434" s="6">
        <v>3049.2060000000001</v>
      </c>
      <c r="E17434" s="6">
        <v>1801.913</v>
      </c>
    </row>
    <row r="17435" spans="4:5" x14ac:dyDescent="0.25">
      <c r="D17435" s="6">
        <v>492.3775</v>
      </c>
      <c r="E17435" s="6">
        <v>4520.6109999999999</v>
      </c>
    </row>
    <row r="17436" spans="4:5" x14ac:dyDescent="0.25">
      <c r="D17436" s="6">
        <v>536.5</v>
      </c>
      <c r="E17436" s="6">
        <v>1481.6379999999999</v>
      </c>
    </row>
    <row r="17437" spans="4:5" x14ac:dyDescent="0.25">
      <c r="D17437" s="6">
        <v>1067.374</v>
      </c>
      <c r="E17437" s="6">
        <v>632.84280000000001</v>
      </c>
    </row>
    <row r="17438" spans="4:5" x14ac:dyDescent="0.25">
      <c r="D17438" s="6">
        <v>559.88170000000002</v>
      </c>
      <c r="E17438" s="6">
        <v>1663.115</v>
      </c>
    </row>
    <row r="17439" spans="4:5" x14ac:dyDescent="0.25">
      <c r="D17439" s="6">
        <v>478.18770000000001</v>
      </c>
      <c r="E17439" s="6">
        <v>776.52080000000001</v>
      </c>
    </row>
    <row r="17440" spans="4:5" x14ac:dyDescent="0.25">
      <c r="D17440" s="6">
        <v>491.17009999999999</v>
      </c>
      <c r="E17440" s="6">
        <v>1865.818</v>
      </c>
    </row>
    <row r="17441" spans="4:5" x14ac:dyDescent="0.25">
      <c r="D17441" s="6">
        <v>547.25630000000001</v>
      </c>
      <c r="E17441" s="6">
        <v>785.50469999999996</v>
      </c>
    </row>
    <row r="17442" spans="4:5" x14ac:dyDescent="0.25">
      <c r="D17442" s="6">
        <v>500.08960000000002</v>
      </c>
      <c r="E17442" s="6">
        <v>870.19510000000002</v>
      </c>
    </row>
    <row r="17443" spans="4:5" x14ac:dyDescent="0.25">
      <c r="D17443" s="6">
        <v>538.86069999999995</v>
      </c>
      <c r="E17443" s="6">
        <v>760.37860000000001</v>
      </c>
    </row>
    <row r="17444" spans="4:5" x14ac:dyDescent="0.25">
      <c r="D17444" s="6">
        <v>2494.2170000000001</v>
      </c>
      <c r="E17444" s="6">
        <v>1524.1410000000001</v>
      </c>
    </row>
    <row r="17445" spans="4:5" x14ac:dyDescent="0.25">
      <c r="D17445" s="6">
        <v>454.15449999999998</v>
      </c>
      <c r="E17445" s="6">
        <v>2176.5479999999998</v>
      </c>
    </row>
    <row r="17446" spans="4:5" x14ac:dyDescent="0.25">
      <c r="D17446" s="6">
        <v>888.24720000000002</v>
      </c>
      <c r="E17446" s="6">
        <v>648.57259999999997</v>
      </c>
    </row>
    <row r="17447" spans="4:5" x14ac:dyDescent="0.25">
      <c r="D17447" s="6">
        <v>440.91699999999997</v>
      </c>
      <c r="E17447" s="6">
        <v>4392.5789999999997</v>
      </c>
    </row>
    <row r="17448" spans="4:5" x14ac:dyDescent="0.25">
      <c r="D17448" s="6">
        <v>375.32380000000001</v>
      </c>
      <c r="E17448" s="6">
        <v>1436.2660000000001</v>
      </c>
    </row>
    <row r="17449" spans="4:5" x14ac:dyDescent="0.25">
      <c r="D17449" s="6">
        <v>3569.0509999999999</v>
      </c>
      <c r="E17449" s="6">
        <v>673.47709999999995</v>
      </c>
    </row>
    <row r="17450" spans="4:5" x14ac:dyDescent="0.25">
      <c r="D17450" s="6">
        <v>4287.067</v>
      </c>
      <c r="E17450" s="6">
        <v>5471.1859999999997</v>
      </c>
    </row>
    <row r="17451" spans="4:5" x14ac:dyDescent="0.25">
      <c r="D17451" s="6">
        <v>4226.7759999999998</v>
      </c>
      <c r="E17451" s="6">
        <v>863.60760000000005</v>
      </c>
    </row>
    <row r="17452" spans="4:5" x14ac:dyDescent="0.25">
      <c r="D17452" s="6">
        <v>4594.4229999999998</v>
      </c>
      <c r="E17452" s="6">
        <v>643.4289</v>
      </c>
    </row>
    <row r="17453" spans="4:5" x14ac:dyDescent="0.25">
      <c r="D17453" s="6">
        <v>870.96489999999994</v>
      </c>
      <c r="E17453" s="6">
        <v>719.74210000000005</v>
      </c>
    </row>
    <row r="17454" spans="4:5" x14ac:dyDescent="0.25">
      <c r="D17454" s="6">
        <v>471.02159999999998</v>
      </c>
      <c r="E17454" s="6">
        <v>577.59979999999996</v>
      </c>
    </row>
    <row r="17455" spans="4:5" x14ac:dyDescent="0.25">
      <c r="D17455" s="6">
        <v>525.93550000000005</v>
      </c>
      <c r="E17455" s="6">
        <v>2015.335</v>
      </c>
    </row>
    <row r="17456" spans="4:5" x14ac:dyDescent="0.25">
      <c r="D17456" s="6">
        <v>513.55859999999996</v>
      </c>
      <c r="E17456" s="6">
        <v>1328.2439999999999</v>
      </c>
    </row>
    <row r="17457" spans="4:5" x14ac:dyDescent="0.25">
      <c r="D17457" s="6">
        <v>3752.538</v>
      </c>
      <c r="E17457" s="6">
        <v>2449.6729999999998</v>
      </c>
    </row>
    <row r="17458" spans="4:5" x14ac:dyDescent="0.25">
      <c r="D17458" s="6">
        <v>602.91970000000003</v>
      </c>
      <c r="E17458" s="6">
        <v>4519.79</v>
      </c>
    </row>
    <row r="17459" spans="4:5" x14ac:dyDescent="0.25">
      <c r="D17459" s="6">
        <v>1757.4870000000001</v>
      </c>
      <c r="E17459" s="6">
        <v>1711.9449999999999</v>
      </c>
    </row>
    <row r="17460" spans="4:5" x14ac:dyDescent="0.25">
      <c r="D17460" s="6">
        <v>3720.1480000000001</v>
      </c>
      <c r="E17460" s="6">
        <v>1694.556</v>
      </c>
    </row>
    <row r="17461" spans="4:5" x14ac:dyDescent="0.25">
      <c r="D17461" s="6">
        <v>6096.5569999999998</v>
      </c>
      <c r="E17461" s="6">
        <v>1475.5519999999999</v>
      </c>
    </row>
    <row r="17462" spans="4:5" x14ac:dyDescent="0.25">
      <c r="D17462" s="6">
        <v>446.3664</v>
      </c>
      <c r="E17462" s="6">
        <v>596.31349999999998</v>
      </c>
    </row>
    <row r="17463" spans="4:5" x14ac:dyDescent="0.25">
      <c r="D17463" s="6">
        <v>6009.7969999999996</v>
      </c>
      <c r="E17463" s="6">
        <v>1609.78</v>
      </c>
    </row>
    <row r="17464" spans="4:5" x14ac:dyDescent="0.25">
      <c r="D17464" s="6">
        <v>887.07470000000001</v>
      </c>
      <c r="E17464" s="6">
        <v>1752.0989999999999</v>
      </c>
    </row>
    <row r="17465" spans="4:5" x14ac:dyDescent="0.25">
      <c r="D17465" s="6">
        <v>442.02109999999999</v>
      </c>
      <c r="E17465" s="6">
        <v>2643.0729999999999</v>
      </c>
    </row>
    <row r="17466" spans="4:5" x14ac:dyDescent="0.25">
      <c r="D17466" s="6">
        <v>510.26510000000002</v>
      </c>
      <c r="E17466" s="6">
        <v>1533.7819999999999</v>
      </c>
    </row>
    <row r="17467" spans="4:5" x14ac:dyDescent="0.25">
      <c r="D17467" s="6">
        <v>455.13139999999999</v>
      </c>
      <c r="E17467" s="6">
        <v>954.91219999999998</v>
      </c>
    </row>
    <row r="17468" spans="4:5" x14ac:dyDescent="0.25">
      <c r="D17468" s="6">
        <v>879.37540000000001</v>
      </c>
      <c r="E17468" s="6">
        <v>1986.596</v>
      </c>
    </row>
    <row r="17469" spans="4:5" x14ac:dyDescent="0.25">
      <c r="D17469" s="6">
        <v>567.09050000000002</v>
      </c>
      <c r="E17469" s="6">
        <v>2051.9119999999998</v>
      </c>
    </row>
    <row r="17470" spans="4:5" x14ac:dyDescent="0.25">
      <c r="D17470" s="6">
        <v>389.31740000000002</v>
      </c>
      <c r="E17470" s="6">
        <v>1725.2080000000001</v>
      </c>
    </row>
    <row r="17471" spans="4:5" x14ac:dyDescent="0.25">
      <c r="D17471" s="6">
        <v>4571.04</v>
      </c>
      <c r="E17471" s="6">
        <v>4067.6190000000001</v>
      </c>
    </row>
    <row r="17472" spans="4:5" x14ac:dyDescent="0.25">
      <c r="D17472" s="6">
        <v>996.79650000000004</v>
      </c>
      <c r="E17472" s="6">
        <v>4606.1270000000004</v>
      </c>
    </row>
    <row r="17473" spans="4:5" x14ac:dyDescent="0.25">
      <c r="D17473" s="6">
        <v>4969.0590000000002</v>
      </c>
      <c r="E17473" s="6">
        <v>789.8261</v>
      </c>
    </row>
    <row r="17474" spans="4:5" x14ac:dyDescent="0.25">
      <c r="D17474" s="6">
        <v>526.89049999999997</v>
      </c>
      <c r="E17474" s="6">
        <v>1715.837</v>
      </c>
    </row>
    <row r="17475" spans="4:5" x14ac:dyDescent="0.25">
      <c r="D17475" s="6">
        <v>466.26659999999998</v>
      </c>
      <c r="E17475" s="6">
        <v>551.46659999999997</v>
      </c>
    </row>
    <row r="17476" spans="4:5" x14ac:dyDescent="0.25">
      <c r="D17476" s="6">
        <v>472.66669999999999</v>
      </c>
      <c r="E17476" s="6">
        <v>3177.2510000000002</v>
      </c>
    </row>
    <row r="17477" spans="4:5" x14ac:dyDescent="0.25">
      <c r="D17477" s="6">
        <v>488.04820000000001</v>
      </c>
      <c r="E17477" s="6">
        <v>1747.8620000000001</v>
      </c>
    </row>
    <row r="17478" spans="4:5" x14ac:dyDescent="0.25">
      <c r="D17478" s="6">
        <v>4403.7060000000001</v>
      </c>
      <c r="E17478" s="6">
        <v>2230.893</v>
      </c>
    </row>
    <row r="17479" spans="4:5" x14ac:dyDescent="0.25">
      <c r="D17479" s="6">
        <v>644.40570000000002</v>
      </c>
      <c r="E17479" s="6">
        <v>1274.8399999999999</v>
      </c>
    </row>
    <row r="17480" spans="4:5" x14ac:dyDescent="0.25">
      <c r="D17480" s="6">
        <v>5740.11</v>
      </c>
      <c r="E17480" s="6">
        <v>1751.7270000000001</v>
      </c>
    </row>
    <row r="17481" spans="4:5" x14ac:dyDescent="0.25">
      <c r="D17481" s="6">
        <v>784.28210000000001</v>
      </c>
      <c r="E17481" s="6">
        <v>519.53549999999996</v>
      </c>
    </row>
    <row r="17482" spans="4:5" x14ac:dyDescent="0.25">
      <c r="D17482" s="6">
        <v>926.53930000000003</v>
      </c>
      <c r="E17482" s="6">
        <v>665.41309999999999</v>
      </c>
    </row>
    <row r="17483" spans="4:5" x14ac:dyDescent="0.25">
      <c r="D17483" s="6">
        <v>3801.904</v>
      </c>
      <c r="E17483" s="6">
        <v>529.23109999999997</v>
      </c>
    </row>
    <row r="17484" spans="4:5" x14ac:dyDescent="0.25">
      <c r="D17484" s="6">
        <v>4824.8500000000004</v>
      </c>
      <c r="E17484" s="6">
        <v>3229.9740000000002</v>
      </c>
    </row>
    <row r="17485" spans="4:5" x14ac:dyDescent="0.25">
      <c r="D17485" s="6">
        <v>5876.2120000000004</v>
      </c>
      <c r="E17485" s="6">
        <v>2031.961</v>
      </c>
    </row>
    <row r="17486" spans="4:5" x14ac:dyDescent="0.25">
      <c r="D17486" s="6">
        <v>403.41629999999998</v>
      </c>
      <c r="E17486" s="6">
        <v>610.24469999999997</v>
      </c>
    </row>
    <row r="17487" spans="4:5" x14ac:dyDescent="0.25">
      <c r="D17487" s="6">
        <v>392.15949999999998</v>
      </c>
      <c r="E17487" s="6">
        <v>1645.598</v>
      </c>
    </row>
    <row r="17488" spans="4:5" x14ac:dyDescent="0.25">
      <c r="D17488" s="6">
        <v>508.68200000000002</v>
      </c>
      <c r="E17488" s="6">
        <v>638.04920000000004</v>
      </c>
    </row>
    <row r="17489" spans="4:5" x14ac:dyDescent="0.25">
      <c r="D17489" s="6">
        <v>423.93209999999999</v>
      </c>
      <c r="E17489" s="6">
        <v>1073.5530000000001</v>
      </c>
    </row>
    <row r="17490" spans="4:5" x14ac:dyDescent="0.25">
      <c r="D17490" s="6">
        <v>1066.8820000000001</v>
      </c>
      <c r="E17490" s="6">
        <v>1531.6379999999999</v>
      </c>
    </row>
    <row r="17491" spans="4:5" x14ac:dyDescent="0.25">
      <c r="D17491" s="6">
        <v>700.51739999999995</v>
      </c>
      <c r="E17491" s="6">
        <v>1315</v>
      </c>
    </row>
    <row r="17492" spans="4:5" x14ac:dyDescent="0.25">
      <c r="D17492" s="6">
        <v>472.5</v>
      </c>
      <c r="E17492" s="6">
        <v>972.30139999999994</v>
      </c>
    </row>
    <row r="17493" spans="4:5" x14ac:dyDescent="0.25">
      <c r="D17493" s="6">
        <v>4790.2259999999997</v>
      </c>
      <c r="E17493" s="6">
        <v>1769.55</v>
      </c>
    </row>
    <row r="17494" spans="4:5" x14ac:dyDescent="0.25">
      <c r="D17494" s="6">
        <v>514.79999999999995</v>
      </c>
      <c r="E17494" s="6">
        <v>1188.204</v>
      </c>
    </row>
    <row r="17495" spans="4:5" x14ac:dyDescent="0.25">
      <c r="D17495" s="6">
        <v>1155.941</v>
      </c>
      <c r="E17495" s="6">
        <v>766.84270000000004</v>
      </c>
    </row>
    <row r="17496" spans="4:5" x14ac:dyDescent="0.25">
      <c r="D17496" s="6">
        <v>417.81189999999998</v>
      </c>
      <c r="E17496" s="6">
        <v>1616.5039999999999</v>
      </c>
    </row>
    <row r="17497" spans="4:5" x14ac:dyDescent="0.25">
      <c r="D17497" s="6">
        <v>4227.5640000000003</v>
      </c>
      <c r="E17497" s="6">
        <v>897.68529999999998</v>
      </c>
    </row>
    <row r="17498" spans="4:5" x14ac:dyDescent="0.25">
      <c r="D17498" s="6">
        <v>1271.663</v>
      </c>
      <c r="E17498" s="6">
        <v>578.58630000000005</v>
      </c>
    </row>
    <row r="17499" spans="4:5" x14ac:dyDescent="0.25">
      <c r="D17499" s="6">
        <v>4791.808</v>
      </c>
      <c r="E17499" s="6">
        <v>1791.5889999999999</v>
      </c>
    </row>
    <row r="17500" spans="4:5" x14ac:dyDescent="0.25">
      <c r="D17500" s="6">
        <v>4540.0640000000003</v>
      </c>
      <c r="E17500" s="6">
        <v>3498.4059999999999</v>
      </c>
    </row>
    <row r="17501" spans="4:5" x14ac:dyDescent="0.25">
      <c r="D17501" s="6">
        <v>3987.049</v>
      </c>
      <c r="E17501" s="6">
        <v>1415.809</v>
      </c>
    </row>
    <row r="17502" spans="4:5" x14ac:dyDescent="0.25">
      <c r="D17502" s="6">
        <v>522.34310000000005</v>
      </c>
      <c r="E17502" s="6">
        <v>2257.2579999999998</v>
      </c>
    </row>
    <row r="17503" spans="4:5" x14ac:dyDescent="0.25">
      <c r="D17503" s="6">
        <v>521.37379999999996</v>
      </c>
      <c r="E17503" s="6">
        <v>598.78800000000001</v>
      </c>
    </row>
    <row r="17504" spans="4:5" x14ac:dyDescent="0.25">
      <c r="D17504" s="6">
        <v>517.26030000000003</v>
      </c>
      <c r="E17504" s="6">
        <v>702.5299</v>
      </c>
    </row>
    <row r="17505" spans="4:5" x14ac:dyDescent="0.25">
      <c r="D17505" s="6">
        <v>411.64139999999998</v>
      </c>
      <c r="E17505" s="6">
        <v>1090.8399999999999</v>
      </c>
    </row>
    <row r="17506" spans="4:5" x14ac:dyDescent="0.25">
      <c r="D17506" s="6">
        <v>507.43200000000002</v>
      </c>
      <c r="E17506" s="6">
        <v>987.12120000000004</v>
      </c>
    </row>
    <row r="17507" spans="4:5" x14ac:dyDescent="0.25">
      <c r="D17507" s="6">
        <v>402.48140000000001</v>
      </c>
      <c r="E17507" s="6">
        <v>1065.0909999999999</v>
      </c>
    </row>
    <row r="17508" spans="4:5" x14ac:dyDescent="0.25">
      <c r="D17508" s="6">
        <v>400.70440000000002</v>
      </c>
      <c r="E17508" s="6">
        <v>1789.143</v>
      </c>
    </row>
    <row r="17509" spans="4:5" x14ac:dyDescent="0.25">
      <c r="D17509" s="6">
        <v>2832.22</v>
      </c>
      <c r="E17509" s="6">
        <v>1373.422</v>
      </c>
    </row>
    <row r="17510" spans="4:5" x14ac:dyDescent="0.25">
      <c r="D17510" s="6">
        <v>5195.9129999999996</v>
      </c>
      <c r="E17510" s="6">
        <v>853.53480000000002</v>
      </c>
    </row>
    <row r="17511" spans="4:5" x14ac:dyDescent="0.25">
      <c r="D17511" s="6">
        <v>451.67770000000002</v>
      </c>
      <c r="E17511" s="6">
        <v>584.49260000000004</v>
      </c>
    </row>
    <row r="17512" spans="4:5" x14ac:dyDescent="0.25">
      <c r="D17512" s="6">
        <v>5307.4049999999997</v>
      </c>
      <c r="E17512" s="6">
        <v>1672.614</v>
      </c>
    </row>
    <row r="17513" spans="4:5" x14ac:dyDescent="0.25">
      <c r="D17513" s="6">
        <v>1274.74</v>
      </c>
      <c r="E17513" s="6">
        <v>2398.9569999999999</v>
      </c>
    </row>
    <row r="17514" spans="4:5" x14ac:dyDescent="0.25">
      <c r="D17514" s="6">
        <v>4945.6090000000004</v>
      </c>
      <c r="E17514" s="6">
        <v>1070.028</v>
      </c>
    </row>
    <row r="17515" spans="4:5" x14ac:dyDescent="0.25">
      <c r="D17515" s="6">
        <v>192.29300000000001</v>
      </c>
      <c r="E17515" s="6">
        <v>1955.9780000000001</v>
      </c>
    </row>
    <row r="17516" spans="4:5" x14ac:dyDescent="0.25">
      <c r="D17516" s="6">
        <v>784.83330000000001</v>
      </c>
      <c r="E17516" s="6">
        <v>1018.437</v>
      </c>
    </row>
    <row r="17517" spans="4:5" x14ac:dyDescent="0.25">
      <c r="D17517" s="6">
        <v>1007.019</v>
      </c>
      <c r="E17517" s="6">
        <v>641.03319999999997</v>
      </c>
    </row>
    <row r="17518" spans="4:5" x14ac:dyDescent="0.25">
      <c r="D17518" s="6">
        <v>5131.7510000000002</v>
      </c>
      <c r="E17518" s="6">
        <v>4737.866</v>
      </c>
    </row>
    <row r="17519" spans="4:5" x14ac:dyDescent="0.25">
      <c r="D17519" s="6">
        <v>475.20839999999998</v>
      </c>
      <c r="E17519" s="6">
        <v>1392.443</v>
      </c>
    </row>
    <row r="17520" spans="4:5" x14ac:dyDescent="0.25">
      <c r="D17520" s="6">
        <v>3889.5</v>
      </c>
      <c r="E17520" s="6">
        <v>723.12580000000003</v>
      </c>
    </row>
    <row r="17521" spans="4:5" x14ac:dyDescent="0.25">
      <c r="D17521" s="6">
        <v>5094.777</v>
      </c>
      <c r="E17521" s="6">
        <v>1549.1790000000001</v>
      </c>
    </row>
    <row r="17522" spans="4:5" x14ac:dyDescent="0.25">
      <c r="D17522" s="6">
        <v>1241.308</v>
      </c>
      <c r="E17522" s="6">
        <v>623.01480000000004</v>
      </c>
    </row>
    <row r="17523" spans="4:5" x14ac:dyDescent="0.25">
      <c r="D17523" s="6">
        <v>484.4316</v>
      </c>
      <c r="E17523" s="6">
        <v>1700.5609999999999</v>
      </c>
    </row>
    <row r="17524" spans="4:5" x14ac:dyDescent="0.25">
      <c r="D17524" s="6">
        <v>3242.518</v>
      </c>
      <c r="E17524" s="6">
        <v>797.4144</v>
      </c>
    </row>
    <row r="17525" spans="4:5" x14ac:dyDescent="0.25">
      <c r="D17525" s="6">
        <v>4991.3739999999998</v>
      </c>
      <c r="E17525" s="6">
        <v>606.93200000000002</v>
      </c>
    </row>
    <row r="17526" spans="4:5" x14ac:dyDescent="0.25">
      <c r="D17526" s="6">
        <v>540.46590000000003</v>
      </c>
      <c r="E17526" s="6">
        <v>593.68010000000004</v>
      </c>
    </row>
    <row r="17527" spans="4:5" x14ac:dyDescent="0.25">
      <c r="D17527" s="6">
        <v>445.80849999999998</v>
      </c>
      <c r="E17527" s="6">
        <v>1405.193</v>
      </c>
    </row>
    <row r="17528" spans="4:5" x14ac:dyDescent="0.25">
      <c r="D17528" s="6">
        <v>496.3372</v>
      </c>
      <c r="E17528" s="6">
        <v>1925.1089999999999</v>
      </c>
    </row>
    <row r="17529" spans="4:5" x14ac:dyDescent="0.25">
      <c r="D17529" s="6">
        <v>933.85680000000002</v>
      </c>
      <c r="E17529" s="6">
        <v>2582.3040000000001</v>
      </c>
    </row>
    <row r="17530" spans="4:5" x14ac:dyDescent="0.25">
      <c r="D17530" s="6">
        <v>497.89839999999998</v>
      </c>
      <c r="E17530" s="6">
        <v>1662.989</v>
      </c>
    </row>
    <row r="17531" spans="4:5" x14ac:dyDescent="0.25">
      <c r="D17531" s="6">
        <v>4594.625</v>
      </c>
      <c r="E17531" s="6">
        <v>2254.748</v>
      </c>
    </row>
    <row r="17532" spans="4:5" x14ac:dyDescent="0.25">
      <c r="D17532" s="6">
        <v>612.14549999999997</v>
      </c>
      <c r="E17532" s="6">
        <v>1971.8330000000001</v>
      </c>
    </row>
    <row r="17533" spans="4:5" x14ac:dyDescent="0.25">
      <c r="D17533" s="6">
        <v>1058.1089999999999</v>
      </c>
      <c r="E17533" s="6">
        <v>555.02179999999998</v>
      </c>
    </row>
    <row r="17534" spans="4:5" x14ac:dyDescent="0.25">
      <c r="D17534" s="6">
        <v>6530.5360000000001</v>
      </c>
      <c r="E17534" s="6">
        <v>686.14359999999999</v>
      </c>
    </row>
    <row r="17535" spans="4:5" x14ac:dyDescent="0.25">
      <c r="D17535" s="6">
        <v>3019.0729999999999</v>
      </c>
      <c r="E17535" s="6">
        <v>3239.9090000000001</v>
      </c>
    </row>
    <row r="17536" spans="4:5" x14ac:dyDescent="0.25">
      <c r="D17536" s="6">
        <v>541.02809999999999</v>
      </c>
      <c r="E17536" s="6">
        <v>555.35130000000004</v>
      </c>
    </row>
    <row r="17537" spans="4:5" x14ac:dyDescent="0.25">
      <c r="D17537" s="6">
        <v>511.13529999999997</v>
      </c>
      <c r="E17537" s="6">
        <v>981.71910000000003</v>
      </c>
    </row>
    <row r="17538" spans="4:5" x14ac:dyDescent="0.25">
      <c r="D17538" s="6">
        <v>3654.4540000000002</v>
      </c>
      <c r="E17538" s="6">
        <v>1669.2090000000001</v>
      </c>
    </row>
    <row r="17539" spans="4:5" x14ac:dyDescent="0.25">
      <c r="D17539" s="6">
        <v>404.86270000000002</v>
      </c>
      <c r="E17539" s="6">
        <v>614.12099999999998</v>
      </c>
    </row>
    <row r="17540" spans="4:5" x14ac:dyDescent="0.25">
      <c r="D17540" s="6">
        <v>996.97460000000001</v>
      </c>
      <c r="E17540" s="6">
        <v>1838.039</v>
      </c>
    </row>
    <row r="17541" spans="4:5" x14ac:dyDescent="0.25">
      <c r="D17541" s="6">
        <v>718.17219999999998</v>
      </c>
      <c r="E17541" s="6">
        <v>1624.83</v>
      </c>
    </row>
    <row r="17542" spans="4:5" x14ac:dyDescent="0.25">
      <c r="D17542" s="6">
        <v>445.82850000000002</v>
      </c>
      <c r="E17542" s="6">
        <v>2025.7329999999999</v>
      </c>
    </row>
    <row r="17543" spans="4:5" x14ac:dyDescent="0.25">
      <c r="D17543" s="6">
        <v>1056.4929999999999</v>
      </c>
      <c r="E17543" s="6">
        <v>811.47</v>
      </c>
    </row>
    <row r="17544" spans="4:5" x14ac:dyDescent="0.25">
      <c r="D17544" s="6">
        <v>472.92439999999999</v>
      </c>
      <c r="E17544" s="6">
        <v>594.38009999999997</v>
      </c>
    </row>
    <row r="17545" spans="4:5" x14ac:dyDescent="0.25">
      <c r="D17545" s="6">
        <v>487.39150000000001</v>
      </c>
      <c r="E17545" s="6">
        <v>852.83870000000002</v>
      </c>
    </row>
    <row r="17546" spans="4:5" x14ac:dyDescent="0.25">
      <c r="D17546" s="6">
        <v>471.17759999999998</v>
      </c>
      <c r="E17546" s="6">
        <v>2459.4319999999998</v>
      </c>
    </row>
    <row r="17547" spans="4:5" x14ac:dyDescent="0.25">
      <c r="D17547" s="6">
        <v>224.375</v>
      </c>
      <c r="E17547" s="6">
        <v>5011.1019999999999</v>
      </c>
    </row>
    <row r="17548" spans="4:5" x14ac:dyDescent="0.25">
      <c r="D17548" s="6">
        <v>963.23019999999997</v>
      </c>
      <c r="E17548" s="6">
        <v>1782.605</v>
      </c>
    </row>
    <row r="17549" spans="4:5" x14ac:dyDescent="0.25">
      <c r="D17549" s="6">
        <v>541.52750000000003</v>
      </c>
      <c r="E17549" s="6">
        <v>4254.8950000000004</v>
      </c>
    </row>
    <row r="17550" spans="4:5" x14ac:dyDescent="0.25">
      <c r="D17550" s="6">
        <v>3340.5639999999999</v>
      </c>
      <c r="E17550" s="6">
        <v>3803.9140000000002</v>
      </c>
    </row>
    <row r="17551" spans="4:5" x14ac:dyDescent="0.25">
      <c r="D17551" s="6">
        <v>474.04430000000002</v>
      </c>
      <c r="E17551" s="6">
        <v>1867.037</v>
      </c>
    </row>
    <row r="17552" spans="4:5" x14ac:dyDescent="0.25">
      <c r="D17552" s="6">
        <v>455.6875</v>
      </c>
      <c r="E17552" s="6">
        <v>4374.9260000000004</v>
      </c>
    </row>
    <row r="17553" spans="4:5" x14ac:dyDescent="0.25">
      <c r="D17553" s="6">
        <v>3504.1030000000001</v>
      </c>
      <c r="E17553" s="6">
        <v>1175.3689999999999</v>
      </c>
    </row>
    <row r="17554" spans="4:5" x14ac:dyDescent="0.25">
      <c r="D17554" s="6">
        <v>580.82190000000003</v>
      </c>
      <c r="E17554" s="6">
        <v>3039.3330000000001</v>
      </c>
    </row>
    <row r="17555" spans="4:5" x14ac:dyDescent="0.25">
      <c r="D17555" s="6">
        <v>539.50030000000004</v>
      </c>
      <c r="E17555" s="6">
        <v>4572.08</v>
      </c>
    </row>
    <row r="17556" spans="4:5" x14ac:dyDescent="0.25">
      <c r="D17556" s="6">
        <v>1936.296</v>
      </c>
      <c r="E17556" s="6">
        <v>2269.0709999999999</v>
      </c>
    </row>
    <row r="17557" spans="4:5" x14ac:dyDescent="0.25">
      <c r="D17557" s="6">
        <v>427.5575</v>
      </c>
      <c r="E17557" s="6">
        <v>623.34370000000001</v>
      </c>
    </row>
    <row r="17558" spans="4:5" x14ac:dyDescent="0.25">
      <c r="D17558" s="6">
        <v>1170.6880000000001</v>
      </c>
      <c r="E17558" s="6">
        <v>589.32849999999996</v>
      </c>
    </row>
    <row r="17559" spans="4:5" x14ac:dyDescent="0.25">
      <c r="D17559" s="6">
        <v>2526.7190000000001</v>
      </c>
      <c r="E17559" s="6">
        <v>778.61779999999999</v>
      </c>
    </row>
    <row r="17560" spans="4:5" x14ac:dyDescent="0.25">
      <c r="D17560" s="6">
        <v>11105.05</v>
      </c>
      <c r="E17560" s="6">
        <v>816.19090000000006</v>
      </c>
    </row>
    <row r="17561" spans="4:5" x14ac:dyDescent="0.25">
      <c r="D17561" s="6">
        <v>2128.83</v>
      </c>
      <c r="E17561" s="6">
        <v>1615.809</v>
      </c>
    </row>
    <row r="17562" spans="4:5" x14ac:dyDescent="0.25">
      <c r="D17562" s="6">
        <v>1299.857</v>
      </c>
      <c r="E17562" s="6">
        <v>958.6</v>
      </c>
    </row>
    <row r="17563" spans="4:5" x14ac:dyDescent="0.25">
      <c r="D17563" s="6">
        <v>1458.7809999999999</v>
      </c>
      <c r="E17563" s="6">
        <v>1596.127</v>
      </c>
    </row>
    <row r="17564" spans="4:5" x14ac:dyDescent="0.25">
      <c r="D17564" s="6">
        <v>6383.5060000000003</v>
      </c>
      <c r="E17564" s="6">
        <v>686.01279999999997</v>
      </c>
    </row>
    <row r="17565" spans="4:5" x14ac:dyDescent="0.25">
      <c r="D17565" s="6">
        <v>1618.348</v>
      </c>
      <c r="E17565" s="6">
        <v>2400.9760000000001</v>
      </c>
    </row>
    <row r="17566" spans="4:5" x14ac:dyDescent="0.25">
      <c r="D17566" s="6">
        <v>6248.8050000000003</v>
      </c>
      <c r="E17566" s="6">
        <v>1632.14</v>
      </c>
    </row>
    <row r="17567" spans="4:5" x14ac:dyDescent="0.25">
      <c r="D17567" s="6">
        <v>492.52350000000001</v>
      </c>
      <c r="E17567" s="6">
        <v>1867.0630000000001</v>
      </c>
    </row>
    <row r="17568" spans="4:5" x14ac:dyDescent="0.25">
      <c r="D17568" s="6">
        <v>435.49639999999999</v>
      </c>
      <c r="E17568" s="6">
        <v>1827.374</v>
      </c>
    </row>
    <row r="17569" spans="4:5" x14ac:dyDescent="0.25">
      <c r="D17569" s="6">
        <v>3945.4720000000002</v>
      </c>
      <c r="E17569" s="6">
        <v>1437.8</v>
      </c>
    </row>
    <row r="17570" spans="4:5" x14ac:dyDescent="0.25">
      <c r="D17570" s="6">
        <v>661.50289999999995</v>
      </c>
      <c r="E17570" s="6">
        <v>871.34119999999996</v>
      </c>
    </row>
    <row r="17571" spans="4:5" x14ac:dyDescent="0.25">
      <c r="D17571" s="6">
        <v>417.59829999999999</v>
      </c>
      <c r="E17571" s="6">
        <v>1870.566</v>
      </c>
    </row>
    <row r="17572" spans="4:5" x14ac:dyDescent="0.25">
      <c r="D17572" s="6">
        <v>515.9665</v>
      </c>
      <c r="E17572" s="6">
        <v>5033.2569999999996</v>
      </c>
    </row>
    <row r="17573" spans="4:5" x14ac:dyDescent="0.25">
      <c r="D17573" s="6">
        <v>6300.223</v>
      </c>
      <c r="E17573" s="6">
        <v>1467.538</v>
      </c>
    </row>
    <row r="17574" spans="4:5" x14ac:dyDescent="0.25">
      <c r="D17574" s="6">
        <v>1176.521</v>
      </c>
      <c r="E17574" s="6">
        <v>1960.8109999999999</v>
      </c>
    </row>
    <row r="17575" spans="4:5" x14ac:dyDescent="0.25">
      <c r="D17575" s="6">
        <v>420.18650000000002</v>
      </c>
      <c r="E17575" s="6">
        <v>609.96990000000005</v>
      </c>
    </row>
    <row r="17576" spans="4:5" x14ac:dyDescent="0.25">
      <c r="D17576" s="6">
        <v>761.90060000000005</v>
      </c>
      <c r="E17576" s="6">
        <v>1976.6369999999999</v>
      </c>
    </row>
    <row r="17577" spans="4:5" x14ac:dyDescent="0.25">
      <c r="D17577" s="6">
        <v>2328.672</v>
      </c>
      <c r="E17577" s="6">
        <v>8383</v>
      </c>
    </row>
    <row r="17578" spans="4:5" x14ac:dyDescent="0.25">
      <c r="D17578" s="6">
        <v>435.02339999999998</v>
      </c>
      <c r="E17578" s="6">
        <v>723.13250000000005</v>
      </c>
    </row>
    <row r="17579" spans="4:5" x14ac:dyDescent="0.25">
      <c r="D17579" s="6">
        <v>1208.579</v>
      </c>
      <c r="E17579" s="6">
        <v>704.64260000000002</v>
      </c>
    </row>
    <row r="17580" spans="4:5" x14ac:dyDescent="0.25">
      <c r="D17580" s="6">
        <v>928</v>
      </c>
      <c r="E17580" s="6">
        <v>3061.826</v>
      </c>
    </row>
    <row r="17581" spans="4:5" x14ac:dyDescent="0.25">
      <c r="D17581" s="6">
        <v>3979.0529999999999</v>
      </c>
      <c r="E17581" s="6">
        <v>879.20770000000005</v>
      </c>
    </row>
    <row r="17582" spans="4:5" x14ac:dyDescent="0.25">
      <c r="D17582" s="6">
        <v>4667.683</v>
      </c>
      <c r="E17582" s="6">
        <v>1432.9659999999999</v>
      </c>
    </row>
    <row r="17583" spans="4:5" x14ac:dyDescent="0.25">
      <c r="D17583" s="6">
        <v>512.82380000000001</v>
      </c>
      <c r="E17583" s="6">
        <v>1422.366</v>
      </c>
    </row>
    <row r="17584" spans="4:5" x14ac:dyDescent="0.25">
      <c r="D17584" s="6">
        <v>4056.8960000000002</v>
      </c>
      <c r="E17584" s="6">
        <v>762.76170000000002</v>
      </c>
    </row>
    <row r="17585" spans="4:5" x14ac:dyDescent="0.25">
      <c r="D17585" s="6">
        <v>952.42430000000002</v>
      </c>
      <c r="E17585" s="6">
        <v>3812.82</v>
      </c>
    </row>
    <row r="17586" spans="4:5" x14ac:dyDescent="0.25">
      <c r="D17586" s="6">
        <v>1549.8109999999999</v>
      </c>
      <c r="E17586" s="6">
        <v>602.02940000000001</v>
      </c>
    </row>
    <row r="17587" spans="4:5" x14ac:dyDescent="0.25">
      <c r="D17587" s="6">
        <v>4676.0439999999999</v>
      </c>
      <c r="E17587" s="6">
        <v>519.69389999999999</v>
      </c>
    </row>
    <row r="17588" spans="4:5" x14ac:dyDescent="0.25">
      <c r="D17588" s="6">
        <v>3626.2310000000002</v>
      </c>
      <c r="E17588" s="6">
        <v>4884.402</v>
      </c>
    </row>
    <row r="17589" spans="4:5" x14ac:dyDescent="0.25">
      <c r="D17589" s="6">
        <v>1081.2280000000001</v>
      </c>
      <c r="E17589" s="6">
        <v>5869.9059999999999</v>
      </c>
    </row>
    <row r="17590" spans="4:5" x14ac:dyDescent="0.25">
      <c r="D17590" s="6">
        <v>5294.1959999999999</v>
      </c>
      <c r="E17590" s="6">
        <v>581.0204</v>
      </c>
    </row>
    <row r="17591" spans="4:5" x14ac:dyDescent="0.25">
      <c r="D17591" s="6">
        <v>1555.481</v>
      </c>
      <c r="E17591" s="6">
        <v>2461.7849999999999</v>
      </c>
    </row>
    <row r="17592" spans="4:5" x14ac:dyDescent="0.25">
      <c r="D17592" s="6">
        <v>3261.2629999999999</v>
      </c>
      <c r="E17592" s="6">
        <v>2237.6410000000001</v>
      </c>
    </row>
    <row r="17593" spans="4:5" x14ac:dyDescent="0.25">
      <c r="D17593" s="6">
        <v>5467.1760000000004</v>
      </c>
      <c r="E17593" s="6">
        <v>1971.8620000000001</v>
      </c>
    </row>
    <row r="17594" spans="4:5" x14ac:dyDescent="0.25">
      <c r="D17594" s="6">
        <v>1086.7619999999999</v>
      </c>
      <c r="E17594" s="6">
        <v>1178.96</v>
      </c>
    </row>
    <row r="17595" spans="4:5" x14ac:dyDescent="0.25">
      <c r="D17595" s="6">
        <v>525.1046</v>
      </c>
      <c r="E17595" s="6">
        <v>573.87139999999999</v>
      </c>
    </row>
    <row r="17596" spans="4:5" x14ac:dyDescent="0.25">
      <c r="D17596" s="6">
        <v>965.93309999999997</v>
      </c>
      <c r="E17596" s="6">
        <v>585.67510000000004</v>
      </c>
    </row>
    <row r="17597" spans="4:5" x14ac:dyDescent="0.25">
      <c r="D17597" s="6">
        <v>696.24429999999995</v>
      </c>
      <c r="E17597" s="6">
        <v>668.01239999999996</v>
      </c>
    </row>
    <row r="17598" spans="4:5" x14ac:dyDescent="0.25">
      <c r="D17598" s="6">
        <v>447.15870000000001</v>
      </c>
      <c r="E17598" s="6">
        <v>489.28930000000003</v>
      </c>
    </row>
    <row r="17599" spans="4:5" x14ac:dyDescent="0.25">
      <c r="D17599" s="6">
        <v>976.36360000000002</v>
      </c>
      <c r="E17599" s="6">
        <v>2777.31</v>
      </c>
    </row>
    <row r="17600" spans="4:5" x14ac:dyDescent="0.25">
      <c r="D17600" s="6">
        <v>596.08249999999998</v>
      </c>
      <c r="E17600" s="6">
        <v>594.96720000000005</v>
      </c>
    </row>
    <row r="17601" spans="4:5" x14ac:dyDescent="0.25">
      <c r="D17601" s="6">
        <v>3088.3989999999999</v>
      </c>
      <c r="E17601" s="6">
        <v>1667.279</v>
      </c>
    </row>
    <row r="17602" spans="4:5" x14ac:dyDescent="0.25">
      <c r="D17602" s="6">
        <v>481.09089999999998</v>
      </c>
      <c r="E17602" s="6">
        <v>459.77510000000001</v>
      </c>
    </row>
    <row r="17603" spans="4:5" x14ac:dyDescent="0.25">
      <c r="D17603" s="6">
        <v>449.35120000000001</v>
      </c>
      <c r="E17603" s="6">
        <v>713.173</v>
      </c>
    </row>
    <row r="17604" spans="4:5" x14ac:dyDescent="0.25">
      <c r="D17604" s="6">
        <v>430.5231</v>
      </c>
      <c r="E17604" s="6">
        <v>1665.797</v>
      </c>
    </row>
    <row r="17605" spans="4:5" x14ac:dyDescent="0.25">
      <c r="D17605" s="6">
        <v>509.85320000000002</v>
      </c>
      <c r="E17605" s="6">
        <v>2095.8180000000002</v>
      </c>
    </row>
    <row r="17606" spans="4:5" x14ac:dyDescent="0.25">
      <c r="D17606" s="6">
        <v>832.13679999999999</v>
      </c>
      <c r="E17606" s="6">
        <v>1414.4960000000001</v>
      </c>
    </row>
    <row r="17607" spans="4:5" x14ac:dyDescent="0.25">
      <c r="D17607" s="6">
        <v>556.27819999999997</v>
      </c>
      <c r="E17607" s="6">
        <v>521.25</v>
      </c>
    </row>
    <row r="17608" spans="4:5" x14ac:dyDescent="0.25">
      <c r="D17608" s="6">
        <v>3275.0810000000001</v>
      </c>
      <c r="E17608" s="6">
        <v>632.59879999999998</v>
      </c>
    </row>
    <row r="17609" spans="4:5" x14ac:dyDescent="0.25">
      <c r="D17609" s="6">
        <v>468.85090000000002</v>
      </c>
      <c r="E17609" s="6">
        <v>523.05820000000006</v>
      </c>
    </row>
    <row r="17610" spans="4:5" x14ac:dyDescent="0.25">
      <c r="D17610" s="6">
        <v>438.37270000000001</v>
      </c>
      <c r="E17610" s="6">
        <v>425.2851</v>
      </c>
    </row>
    <row r="17611" spans="4:5" x14ac:dyDescent="0.25">
      <c r="D17611" s="6">
        <v>448.39449999999999</v>
      </c>
      <c r="E17611" s="6">
        <v>4475.5990000000002</v>
      </c>
    </row>
    <row r="17612" spans="4:5" x14ac:dyDescent="0.25">
      <c r="D17612" s="6">
        <v>520.87800000000004</v>
      </c>
      <c r="E17612" s="6">
        <v>1568.376</v>
      </c>
    </row>
    <row r="17613" spans="4:5" x14ac:dyDescent="0.25">
      <c r="D17613" s="6">
        <v>4100.5510000000004</v>
      </c>
      <c r="E17613" s="6">
        <v>700.43979999999999</v>
      </c>
    </row>
    <row r="17614" spans="4:5" x14ac:dyDescent="0.25">
      <c r="D17614" s="6">
        <v>964.84590000000003</v>
      </c>
      <c r="E17614" s="6">
        <v>1603.7159999999999</v>
      </c>
    </row>
    <row r="17615" spans="4:5" x14ac:dyDescent="0.25">
      <c r="D17615" s="6">
        <v>392.20030000000003</v>
      </c>
      <c r="E17615" s="6">
        <v>3234.4720000000002</v>
      </c>
    </row>
    <row r="17616" spans="4:5" x14ac:dyDescent="0.25">
      <c r="D17616" s="6">
        <v>684.05529999999999</v>
      </c>
      <c r="E17616" s="6">
        <v>852.19920000000002</v>
      </c>
    </row>
    <row r="17617" spans="4:5" x14ac:dyDescent="0.25">
      <c r="D17617" s="6">
        <v>734.73770000000002</v>
      </c>
      <c r="E17617" s="6">
        <v>1195.5340000000001</v>
      </c>
    </row>
    <row r="17618" spans="4:5" x14ac:dyDescent="0.25">
      <c r="D17618" s="6">
        <v>1834.4259999999999</v>
      </c>
      <c r="E17618" s="6">
        <v>654.95090000000005</v>
      </c>
    </row>
    <row r="17619" spans="4:5" x14ac:dyDescent="0.25">
      <c r="D17619" s="6">
        <v>495.6832</v>
      </c>
      <c r="E17619" s="6">
        <v>1031.7860000000001</v>
      </c>
    </row>
    <row r="17620" spans="4:5" x14ac:dyDescent="0.25">
      <c r="D17620" s="6">
        <v>965.88220000000001</v>
      </c>
      <c r="E17620" s="6">
        <v>592.36389999999994</v>
      </c>
    </row>
    <row r="17621" spans="4:5" x14ac:dyDescent="0.25">
      <c r="D17621" s="6">
        <v>555.88250000000005</v>
      </c>
      <c r="E17621" s="6">
        <v>1324.6569999999999</v>
      </c>
    </row>
    <row r="17622" spans="4:5" x14ac:dyDescent="0.25">
      <c r="D17622" s="6">
        <v>3840</v>
      </c>
      <c r="E17622" s="6">
        <v>6898.0320000000002</v>
      </c>
    </row>
    <row r="17623" spans="4:5" x14ac:dyDescent="0.25">
      <c r="D17623" s="6">
        <v>466.39249999999998</v>
      </c>
      <c r="E17623" s="6">
        <v>1557.0070000000001</v>
      </c>
    </row>
    <row r="17624" spans="4:5" x14ac:dyDescent="0.25">
      <c r="D17624" s="6">
        <v>532.37750000000005</v>
      </c>
      <c r="E17624" s="6">
        <v>1303.175</v>
      </c>
    </row>
    <row r="17625" spans="4:5" x14ac:dyDescent="0.25">
      <c r="D17625" s="6">
        <v>485.04599999999999</v>
      </c>
      <c r="E17625" s="6">
        <v>591.72860000000003</v>
      </c>
    </row>
    <row r="17626" spans="4:5" x14ac:dyDescent="0.25">
      <c r="D17626" s="6">
        <v>2859.6840000000002</v>
      </c>
      <c r="E17626" s="6">
        <v>1292.8879999999999</v>
      </c>
    </row>
    <row r="17627" spans="4:5" x14ac:dyDescent="0.25">
      <c r="D17627" s="6">
        <v>875.13599999999997</v>
      </c>
      <c r="E17627" s="6">
        <v>1530.1020000000001</v>
      </c>
    </row>
    <row r="17628" spans="4:5" x14ac:dyDescent="0.25">
      <c r="D17628" s="6">
        <v>740.745</v>
      </c>
      <c r="E17628" s="6">
        <v>509.92309999999998</v>
      </c>
    </row>
    <row r="17629" spans="4:5" x14ac:dyDescent="0.25">
      <c r="D17629" s="6">
        <v>963.23479999999995</v>
      </c>
      <c r="E17629" s="6">
        <v>1998.462</v>
      </c>
    </row>
    <row r="17630" spans="4:5" x14ac:dyDescent="0.25">
      <c r="D17630" s="6">
        <v>2119.79</v>
      </c>
      <c r="E17630" s="6">
        <v>3869.58</v>
      </c>
    </row>
    <row r="17631" spans="4:5" x14ac:dyDescent="0.25">
      <c r="D17631" s="6">
        <v>386.0095</v>
      </c>
      <c r="E17631" s="6">
        <v>1258.384</v>
      </c>
    </row>
    <row r="17632" spans="4:5" x14ac:dyDescent="0.25">
      <c r="D17632" s="6">
        <v>1316.69</v>
      </c>
      <c r="E17632" s="6">
        <v>694.42169999999999</v>
      </c>
    </row>
    <row r="17633" spans="4:5" x14ac:dyDescent="0.25">
      <c r="D17633" s="6">
        <v>2301.4670000000001</v>
      </c>
      <c r="E17633" s="6">
        <v>1224.4459999999999</v>
      </c>
    </row>
    <row r="17634" spans="4:5" x14ac:dyDescent="0.25">
      <c r="D17634" s="6">
        <v>510.44740000000002</v>
      </c>
      <c r="E17634" s="6">
        <v>3545.9360000000001</v>
      </c>
    </row>
    <row r="17635" spans="4:5" x14ac:dyDescent="0.25">
      <c r="D17635" s="6">
        <v>5250.5360000000001</v>
      </c>
      <c r="E17635" s="6">
        <v>728.38109999999995</v>
      </c>
    </row>
    <row r="17636" spans="4:5" x14ac:dyDescent="0.25">
      <c r="D17636" s="6">
        <v>441.35050000000001</v>
      </c>
      <c r="E17636" s="6">
        <v>1281.2940000000001</v>
      </c>
    </row>
    <row r="17637" spans="4:5" x14ac:dyDescent="0.25">
      <c r="D17637" s="6">
        <v>587.93910000000005</v>
      </c>
      <c r="E17637" s="6">
        <v>830.55529999999999</v>
      </c>
    </row>
    <row r="17638" spans="4:5" x14ac:dyDescent="0.25">
      <c r="D17638" s="6">
        <v>499.8768</v>
      </c>
      <c r="E17638" s="6">
        <v>1434.49</v>
      </c>
    </row>
    <row r="17639" spans="4:5" x14ac:dyDescent="0.25">
      <c r="D17639" s="6">
        <v>411.79880000000003</v>
      </c>
      <c r="E17639" s="6">
        <v>1064.606</v>
      </c>
    </row>
    <row r="17640" spans="4:5" x14ac:dyDescent="0.25">
      <c r="D17640" s="6">
        <v>1920.0530000000001</v>
      </c>
      <c r="E17640" s="6">
        <v>2736.3829999999998</v>
      </c>
    </row>
    <row r="17641" spans="4:5" x14ac:dyDescent="0.25">
      <c r="D17641" s="6">
        <v>420.7199</v>
      </c>
      <c r="E17641" s="6">
        <v>599.90620000000001</v>
      </c>
    </row>
    <row r="17642" spans="4:5" x14ac:dyDescent="0.25">
      <c r="D17642" s="6">
        <v>530.73889999999994</v>
      </c>
      <c r="E17642" s="6">
        <v>2935.9090000000001</v>
      </c>
    </row>
    <row r="17643" spans="4:5" x14ac:dyDescent="0.25">
      <c r="D17643" s="6">
        <v>4465.0720000000001</v>
      </c>
      <c r="E17643" s="6">
        <v>1664.84</v>
      </c>
    </row>
    <row r="17644" spans="4:5" x14ac:dyDescent="0.25">
      <c r="D17644" s="6">
        <v>3391.8180000000002</v>
      </c>
      <c r="E17644" s="6">
        <v>868.94690000000003</v>
      </c>
    </row>
    <row r="17645" spans="4:5" x14ac:dyDescent="0.25">
      <c r="D17645" s="6">
        <v>1499.6</v>
      </c>
      <c r="E17645" s="6">
        <v>1684.67</v>
      </c>
    </row>
    <row r="17646" spans="4:5" x14ac:dyDescent="0.25">
      <c r="D17646" s="6">
        <v>4275.2619999999997</v>
      </c>
      <c r="E17646" s="6">
        <v>1629.569</v>
      </c>
    </row>
    <row r="17647" spans="4:5" x14ac:dyDescent="0.25">
      <c r="D17647" s="6">
        <v>1526.713</v>
      </c>
      <c r="E17647" s="6">
        <v>478</v>
      </c>
    </row>
    <row r="17648" spans="4:5" x14ac:dyDescent="0.25">
      <c r="D17648" s="6">
        <v>895.01769999999999</v>
      </c>
      <c r="E17648" s="6">
        <v>1424.876</v>
      </c>
    </row>
    <row r="17649" spans="4:5" x14ac:dyDescent="0.25">
      <c r="D17649" s="6">
        <v>461.2389</v>
      </c>
      <c r="E17649" s="6">
        <v>1920.85</v>
      </c>
    </row>
    <row r="17650" spans="4:5" x14ac:dyDescent="0.25">
      <c r="D17650" s="6">
        <v>376.32659999999998</v>
      </c>
      <c r="E17650" s="6">
        <v>1661.002</v>
      </c>
    </row>
    <row r="17651" spans="4:5" x14ac:dyDescent="0.25">
      <c r="D17651" s="6">
        <v>1988.703</v>
      </c>
      <c r="E17651" s="6">
        <v>1366.3520000000001</v>
      </c>
    </row>
    <row r="17652" spans="4:5" x14ac:dyDescent="0.25">
      <c r="D17652" s="6">
        <v>509.17759999999998</v>
      </c>
      <c r="E17652" s="6">
        <v>1490.258</v>
      </c>
    </row>
    <row r="17653" spans="4:5" x14ac:dyDescent="0.25">
      <c r="D17653" s="6">
        <v>1484.9469999999999</v>
      </c>
      <c r="E17653" s="6">
        <v>1765.9159999999999</v>
      </c>
    </row>
    <row r="17654" spans="4:5" x14ac:dyDescent="0.25">
      <c r="D17654" s="6">
        <v>2573.7089999999998</v>
      </c>
      <c r="E17654" s="6">
        <v>1388.67</v>
      </c>
    </row>
    <row r="17655" spans="4:5" x14ac:dyDescent="0.25">
      <c r="D17655" s="6">
        <v>410.8827</v>
      </c>
      <c r="E17655" s="6">
        <v>5279.6490000000003</v>
      </c>
    </row>
    <row r="17656" spans="4:5" x14ac:dyDescent="0.25">
      <c r="D17656" s="6">
        <v>482.8947</v>
      </c>
      <c r="E17656" s="6">
        <v>4581.7209999999995</v>
      </c>
    </row>
    <row r="17657" spans="4:5" x14ac:dyDescent="0.25">
      <c r="D17657" s="6">
        <v>428.73</v>
      </c>
      <c r="E17657" s="6">
        <v>503.75549999999998</v>
      </c>
    </row>
    <row r="17658" spans="4:5" x14ac:dyDescent="0.25">
      <c r="D17658" s="6">
        <v>633.43290000000002</v>
      </c>
      <c r="E17658" s="6">
        <v>555.99350000000004</v>
      </c>
    </row>
    <row r="17659" spans="4:5" x14ac:dyDescent="0.25">
      <c r="D17659" s="6">
        <v>497.3073</v>
      </c>
      <c r="E17659" s="6">
        <v>551.47029999999995</v>
      </c>
    </row>
    <row r="17660" spans="4:5" x14ac:dyDescent="0.25">
      <c r="D17660" s="6">
        <v>565.25</v>
      </c>
      <c r="E17660" s="6">
        <v>592.03120000000001</v>
      </c>
    </row>
    <row r="17661" spans="4:5" x14ac:dyDescent="0.25">
      <c r="D17661" s="6">
        <v>406.97300000000001</v>
      </c>
      <c r="E17661" s="6">
        <v>645.09040000000005</v>
      </c>
    </row>
    <row r="17662" spans="4:5" x14ac:dyDescent="0.25">
      <c r="D17662" s="6">
        <v>1525.027</v>
      </c>
      <c r="E17662" s="6">
        <v>740.06949999999995</v>
      </c>
    </row>
    <row r="17663" spans="4:5" x14ac:dyDescent="0.25">
      <c r="D17663" s="6">
        <v>3077.4920000000002</v>
      </c>
      <c r="E17663" s="6">
        <v>1816.5</v>
      </c>
    </row>
    <row r="17664" spans="4:5" x14ac:dyDescent="0.25">
      <c r="D17664" s="6">
        <v>4856.7120000000004</v>
      </c>
      <c r="E17664" s="6">
        <v>603.11199999999997</v>
      </c>
    </row>
    <row r="17665" spans="4:5" x14ac:dyDescent="0.25">
      <c r="D17665" s="6">
        <v>610.81179999999995</v>
      </c>
      <c r="E17665" s="6">
        <v>654.57230000000004</v>
      </c>
    </row>
    <row r="17666" spans="4:5" x14ac:dyDescent="0.25">
      <c r="D17666" s="6">
        <v>894.88890000000004</v>
      </c>
      <c r="E17666" s="6">
        <v>1464.7950000000001</v>
      </c>
    </row>
    <row r="17667" spans="4:5" x14ac:dyDescent="0.25">
      <c r="D17667" s="6">
        <v>870.76199999999994</v>
      </c>
      <c r="E17667" s="6">
        <v>1011.85</v>
      </c>
    </row>
    <row r="17668" spans="4:5" x14ac:dyDescent="0.25">
      <c r="D17668" s="6">
        <v>772.98760000000004</v>
      </c>
      <c r="E17668" s="6">
        <v>1875.1659999999999</v>
      </c>
    </row>
    <row r="17669" spans="4:5" x14ac:dyDescent="0.25">
      <c r="D17669" s="6">
        <v>1603.502</v>
      </c>
      <c r="E17669" s="6">
        <v>1147.127</v>
      </c>
    </row>
    <row r="17670" spans="4:5" x14ac:dyDescent="0.25">
      <c r="D17670" s="6">
        <v>598.93150000000003</v>
      </c>
      <c r="E17670" s="6">
        <v>538</v>
      </c>
    </row>
    <row r="17671" spans="4:5" x14ac:dyDescent="0.25">
      <c r="D17671" s="6">
        <v>472.35640000000001</v>
      </c>
      <c r="E17671" s="6">
        <v>2089.3090000000002</v>
      </c>
    </row>
    <row r="17672" spans="4:5" x14ac:dyDescent="0.25">
      <c r="D17672" s="6">
        <v>4735.991</v>
      </c>
      <c r="E17672" s="6">
        <v>1619.104</v>
      </c>
    </row>
    <row r="17673" spans="4:5" x14ac:dyDescent="0.25">
      <c r="D17673" s="6">
        <v>5359.643</v>
      </c>
      <c r="E17673" s="6">
        <v>553.7251</v>
      </c>
    </row>
    <row r="17674" spans="4:5" x14ac:dyDescent="0.25">
      <c r="D17674" s="6">
        <v>942.55709999999999</v>
      </c>
      <c r="E17674" s="6">
        <v>621.005</v>
      </c>
    </row>
    <row r="17675" spans="4:5" x14ac:dyDescent="0.25">
      <c r="D17675" s="6">
        <v>4244.9849999999997</v>
      </c>
      <c r="E17675" s="6">
        <v>1062.047</v>
      </c>
    </row>
    <row r="17676" spans="4:5" x14ac:dyDescent="0.25">
      <c r="D17676" s="6">
        <v>408.88630000000001</v>
      </c>
      <c r="E17676" s="6">
        <v>987.01739999999995</v>
      </c>
    </row>
    <row r="17677" spans="4:5" x14ac:dyDescent="0.25">
      <c r="D17677" s="6">
        <v>3772.1239999999998</v>
      </c>
      <c r="E17677" s="6">
        <v>616.29430000000002</v>
      </c>
    </row>
    <row r="17678" spans="4:5" x14ac:dyDescent="0.25">
      <c r="D17678" s="6">
        <v>2104.1329999999998</v>
      </c>
      <c r="E17678" s="6">
        <v>1917.44</v>
      </c>
    </row>
    <row r="17679" spans="4:5" x14ac:dyDescent="0.25">
      <c r="D17679" s="6">
        <v>501.98090000000002</v>
      </c>
      <c r="E17679" s="6">
        <v>1044.329</v>
      </c>
    </row>
    <row r="17680" spans="4:5" x14ac:dyDescent="0.25">
      <c r="D17680" s="6">
        <v>4437.8429999999998</v>
      </c>
      <c r="E17680" s="6">
        <v>1534.2619999999999</v>
      </c>
    </row>
    <row r="17681" spans="4:5" x14ac:dyDescent="0.25">
      <c r="D17681" s="6">
        <v>3742.6970000000001</v>
      </c>
      <c r="E17681" s="6">
        <v>4061.0590000000002</v>
      </c>
    </row>
    <row r="17682" spans="4:5" x14ac:dyDescent="0.25">
      <c r="D17682" s="6">
        <v>1119.528</v>
      </c>
      <c r="E17682" s="6">
        <v>4352.326</v>
      </c>
    </row>
    <row r="17683" spans="4:5" x14ac:dyDescent="0.25">
      <c r="D17683" s="6">
        <v>2690.9380000000001</v>
      </c>
      <c r="E17683" s="6">
        <v>536.47109999999998</v>
      </c>
    </row>
    <row r="17684" spans="4:5" x14ac:dyDescent="0.25">
      <c r="D17684" s="6">
        <v>612.49699999999996</v>
      </c>
      <c r="E17684" s="6">
        <v>10452.75</v>
      </c>
    </row>
    <row r="17685" spans="4:5" x14ac:dyDescent="0.25">
      <c r="D17685" s="6">
        <v>456.56599999999997</v>
      </c>
      <c r="E17685" s="6">
        <v>574.97590000000002</v>
      </c>
    </row>
    <row r="17686" spans="4:5" x14ac:dyDescent="0.25">
      <c r="D17686" s="6">
        <v>416.34629999999999</v>
      </c>
      <c r="E17686" s="6">
        <v>1321.2280000000001</v>
      </c>
    </row>
    <row r="17687" spans="4:5" x14ac:dyDescent="0.25">
      <c r="D17687" s="6">
        <v>3491.9050000000002</v>
      </c>
      <c r="E17687" s="6">
        <v>3196.386</v>
      </c>
    </row>
    <row r="17688" spans="4:5" x14ac:dyDescent="0.25">
      <c r="D17688" s="6">
        <v>619.78250000000003</v>
      </c>
      <c r="E17688" s="6">
        <v>549.33969999999999</v>
      </c>
    </row>
    <row r="17689" spans="4:5" x14ac:dyDescent="0.25">
      <c r="D17689" s="6">
        <v>1226.0170000000001</v>
      </c>
      <c r="E17689" s="6">
        <v>1893.2270000000001</v>
      </c>
    </row>
    <row r="17690" spans="4:5" x14ac:dyDescent="0.25">
      <c r="D17690" s="6">
        <v>420.19069999999999</v>
      </c>
      <c r="E17690" s="6">
        <v>435.5</v>
      </c>
    </row>
    <row r="17691" spans="4:5" x14ac:dyDescent="0.25">
      <c r="D17691" s="6">
        <v>1017.655</v>
      </c>
      <c r="E17691" s="6">
        <v>801.61419999999998</v>
      </c>
    </row>
    <row r="17692" spans="4:5" x14ac:dyDescent="0.25">
      <c r="D17692" s="6">
        <v>448.37009999999998</v>
      </c>
      <c r="E17692" s="6">
        <v>1104.6949999999999</v>
      </c>
    </row>
    <row r="17693" spans="4:5" x14ac:dyDescent="0.25">
      <c r="D17693" s="6">
        <v>1310.2439999999999</v>
      </c>
      <c r="E17693" s="6">
        <v>1051.1759999999999</v>
      </c>
    </row>
    <row r="17694" spans="4:5" x14ac:dyDescent="0.25">
      <c r="D17694" s="6">
        <v>482.1481</v>
      </c>
      <c r="E17694" s="6">
        <v>1720.2460000000001</v>
      </c>
    </row>
    <row r="17695" spans="4:5" x14ac:dyDescent="0.25">
      <c r="D17695" s="6">
        <v>439.32639999999998</v>
      </c>
      <c r="E17695" s="6">
        <v>1311.6189999999999</v>
      </c>
    </row>
    <row r="17696" spans="4:5" x14ac:dyDescent="0.25">
      <c r="D17696" s="6">
        <v>563.78179999999998</v>
      </c>
      <c r="E17696" s="6">
        <v>2346.9549999999999</v>
      </c>
    </row>
    <row r="17697" spans="4:5" x14ac:dyDescent="0.25">
      <c r="D17697" s="6">
        <v>505.34350000000001</v>
      </c>
      <c r="E17697" s="6">
        <v>5361.6570000000002</v>
      </c>
    </row>
    <row r="17698" spans="4:5" x14ac:dyDescent="0.25">
      <c r="D17698" s="6">
        <v>3412.9650000000001</v>
      </c>
      <c r="E17698" s="6">
        <v>589.86779999999999</v>
      </c>
    </row>
    <row r="17699" spans="4:5" x14ac:dyDescent="0.25">
      <c r="D17699" s="6">
        <v>1262.828</v>
      </c>
      <c r="E17699" s="6">
        <v>1356.269</v>
      </c>
    </row>
    <row r="17700" spans="4:5" x14ac:dyDescent="0.25">
      <c r="D17700" s="6">
        <v>424.14299999999997</v>
      </c>
      <c r="E17700" s="6">
        <v>3579.7060000000001</v>
      </c>
    </row>
    <row r="17701" spans="4:5" x14ac:dyDescent="0.25">
      <c r="D17701" s="6">
        <v>660.09699999999998</v>
      </c>
      <c r="E17701" s="6">
        <v>7232.9</v>
      </c>
    </row>
    <row r="17702" spans="4:5" x14ac:dyDescent="0.25">
      <c r="D17702" s="6">
        <v>467.2004</v>
      </c>
      <c r="E17702" s="6">
        <v>1644.6369999999999</v>
      </c>
    </row>
    <row r="17703" spans="4:5" x14ac:dyDescent="0.25">
      <c r="D17703" s="6">
        <v>3195.3330000000001</v>
      </c>
      <c r="E17703" s="6">
        <v>1350.4670000000001</v>
      </c>
    </row>
    <row r="17704" spans="4:5" x14ac:dyDescent="0.25">
      <c r="D17704" s="6">
        <v>1338.5160000000001</v>
      </c>
      <c r="E17704" s="6">
        <v>604.4982</v>
      </c>
    </row>
    <row r="17705" spans="4:5" x14ac:dyDescent="0.25">
      <c r="D17705" s="6">
        <v>457.09679999999997</v>
      </c>
      <c r="E17705" s="6">
        <v>2755.1379999999999</v>
      </c>
    </row>
    <row r="17706" spans="4:5" x14ac:dyDescent="0.25">
      <c r="D17706" s="6">
        <v>492.57760000000002</v>
      </c>
      <c r="E17706" s="6">
        <v>613.27779999999996</v>
      </c>
    </row>
    <row r="17707" spans="4:5" x14ac:dyDescent="0.25">
      <c r="D17707" s="6">
        <v>3780.7710000000002</v>
      </c>
      <c r="E17707" s="6">
        <v>1722.288</v>
      </c>
    </row>
    <row r="17708" spans="4:5" x14ac:dyDescent="0.25">
      <c r="D17708" s="6">
        <v>470.96859999999998</v>
      </c>
      <c r="E17708" s="6">
        <v>660.21159999999998</v>
      </c>
    </row>
    <row r="17709" spans="4:5" x14ac:dyDescent="0.25">
      <c r="D17709" s="6">
        <v>1570.4970000000001</v>
      </c>
      <c r="E17709" s="6">
        <v>3732.0120000000002</v>
      </c>
    </row>
    <row r="17710" spans="4:5" x14ac:dyDescent="0.25">
      <c r="D17710" s="6">
        <v>2380.6880000000001</v>
      </c>
      <c r="E17710" s="6">
        <v>623.15980000000002</v>
      </c>
    </row>
    <row r="17711" spans="4:5" x14ac:dyDescent="0.25">
      <c r="D17711" s="6">
        <v>513.29970000000003</v>
      </c>
      <c r="E17711" s="6">
        <v>1503.796</v>
      </c>
    </row>
    <row r="17712" spans="4:5" x14ac:dyDescent="0.25">
      <c r="D17712" s="6">
        <v>379.96089999999998</v>
      </c>
      <c r="E17712" s="6">
        <v>614.31659999999999</v>
      </c>
    </row>
    <row r="17713" spans="4:5" x14ac:dyDescent="0.25">
      <c r="D17713" s="6">
        <v>449.71519999999998</v>
      </c>
      <c r="E17713" s="6">
        <v>2100.491</v>
      </c>
    </row>
    <row r="17714" spans="4:5" x14ac:dyDescent="0.25">
      <c r="D17714" s="6">
        <v>1847.7380000000001</v>
      </c>
      <c r="E17714" s="6">
        <v>538.9348</v>
      </c>
    </row>
    <row r="17715" spans="4:5" x14ac:dyDescent="0.25">
      <c r="D17715" s="6">
        <v>6337.9470000000001</v>
      </c>
      <c r="E17715" s="6">
        <v>1294.2840000000001</v>
      </c>
    </row>
    <row r="17716" spans="4:5" x14ac:dyDescent="0.25">
      <c r="D17716" s="6">
        <v>483.48410000000001</v>
      </c>
      <c r="E17716" s="6">
        <v>1457.412</v>
      </c>
    </row>
    <row r="17717" spans="4:5" x14ac:dyDescent="0.25">
      <c r="D17717" s="6">
        <v>5709.2489999999998</v>
      </c>
      <c r="E17717" s="6">
        <v>1024.1659999999999</v>
      </c>
    </row>
    <row r="17718" spans="4:5" x14ac:dyDescent="0.25">
      <c r="D17718" s="6">
        <v>954.04420000000005</v>
      </c>
      <c r="E17718" s="6">
        <v>1666.21</v>
      </c>
    </row>
    <row r="17719" spans="4:5" x14ac:dyDescent="0.25">
      <c r="D17719" s="6">
        <v>574.39350000000002</v>
      </c>
      <c r="E17719" s="6">
        <v>1303.1320000000001</v>
      </c>
    </row>
    <row r="17720" spans="4:5" x14ac:dyDescent="0.25">
      <c r="D17720" s="6">
        <v>509.2355</v>
      </c>
      <c r="E17720" s="6">
        <v>1238.1469999999999</v>
      </c>
    </row>
    <row r="17721" spans="4:5" x14ac:dyDescent="0.25">
      <c r="D17721" s="6">
        <v>3084.5459999999998</v>
      </c>
      <c r="E17721" s="6">
        <v>1454</v>
      </c>
    </row>
    <row r="17722" spans="4:5" x14ac:dyDescent="0.25">
      <c r="D17722" s="6">
        <v>455.06110000000001</v>
      </c>
      <c r="E17722" s="6">
        <v>1294.578</v>
      </c>
    </row>
    <row r="17723" spans="4:5" x14ac:dyDescent="0.25">
      <c r="D17723" s="6">
        <v>3246.3739999999998</v>
      </c>
      <c r="E17723" s="6">
        <v>1725.8430000000001</v>
      </c>
    </row>
    <row r="17724" spans="4:5" x14ac:dyDescent="0.25">
      <c r="D17724" s="6">
        <v>523.93849999999998</v>
      </c>
      <c r="E17724" s="6">
        <v>601.53189999999995</v>
      </c>
    </row>
    <row r="17725" spans="4:5" x14ac:dyDescent="0.25">
      <c r="D17725" s="6">
        <v>8104.348</v>
      </c>
      <c r="E17725" s="6">
        <v>1387.1679999999999</v>
      </c>
    </row>
    <row r="17726" spans="4:5" x14ac:dyDescent="0.25">
      <c r="D17726" s="6">
        <v>458.46510000000001</v>
      </c>
      <c r="E17726" s="6">
        <v>1437.579</v>
      </c>
    </row>
    <row r="17727" spans="4:5" x14ac:dyDescent="0.25">
      <c r="D17727" s="6">
        <v>464.64030000000002</v>
      </c>
      <c r="E17727" s="6">
        <v>7520.7470000000003</v>
      </c>
    </row>
    <row r="17728" spans="4:5" x14ac:dyDescent="0.25">
      <c r="D17728" s="6">
        <v>2754.8310000000001</v>
      </c>
      <c r="E17728" s="6">
        <v>571.947</v>
      </c>
    </row>
    <row r="17729" spans="4:5" x14ac:dyDescent="0.25">
      <c r="D17729" s="6">
        <v>1236.2929999999999</v>
      </c>
      <c r="E17729" s="6">
        <v>2653.42</v>
      </c>
    </row>
    <row r="17730" spans="4:5" x14ac:dyDescent="0.25">
      <c r="D17730" s="6">
        <v>582.75660000000005</v>
      </c>
      <c r="E17730" s="6">
        <v>5975.4920000000002</v>
      </c>
    </row>
    <row r="17731" spans="4:5" x14ac:dyDescent="0.25">
      <c r="D17731" s="6">
        <v>2795.2559999999999</v>
      </c>
      <c r="E17731" s="6">
        <v>2498.4639999999999</v>
      </c>
    </row>
    <row r="17732" spans="4:5" x14ac:dyDescent="0.25">
      <c r="D17732" s="6">
        <v>3790.57</v>
      </c>
      <c r="E17732" s="6">
        <v>559.63319999999999</v>
      </c>
    </row>
    <row r="17733" spans="4:5" x14ac:dyDescent="0.25">
      <c r="D17733" s="6">
        <v>857.36530000000005</v>
      </c>
      <c r="E17733" s="6">
        <v>2388.0590000000002</v>
      </c>
    </row>
    <row r="17734" spans="4:5" x14ac:dyDescent="0.25">
      <c r="D17734" s="6">
        <v>667.12900000000002</v>
      </c>
      <c r="E17734" s="6">
        <v>1377.0119999999999</v>
      </c>
    </row>
    <row r="17735" spans="4:5" x14ac:dyDescent="0.25">
      <c r="D17735" s="6">
        <v>957.45029999999997</v>
      </c>
      <c r="E17735" s="6">
        <v>1975.5889999999999</v>
      </c>
    </row>
    <row r="17736" spans="4:5" x14ac:dyDescent="0.25">
      <c r="D17736" s="6">
        <v>5721.7</v>
      </c>
      <c r="E17736" s="6">
        <v>486.29140000000001</v>
      </c>
    </row>
    <row r="17737" spans="4:5" x14ac:dyDescent="0.25">
      <c r="D17737" s="6">
        <v>978.7713</v>
      </c>
      <c r="E17737" s="6">
        <v>538.2799</v>
      </c>
    </row>
    <row r="17738" spans="4:5" x14ac:dyDescent="0.25">
      <c r="D17738" s="6">
        <v>3021.8449999999998</v>
      </c>
      <c r="E17738" s="6">
        <v>2218.067</v>
      </c>
    </row>
    <row r="17739" spans="4:5" x14ac:dyDescent="0.25">
      <c r="D17739" s="6">
        <v>496.31479999999999</v>
      </c>
      <c r="E17739" s="6">
        <v>1174.5160000000001</v>
      </c>
    </row>
    <row r="17740" spans="4:5" x14ac:dyDescent="0.25">
      <c r="D17740" s="6">
        <v>4858.1019999999999</v>
      </c>
      <c r="E17740" s="6">
        <v>507.94529999999997</v>
      </c>
    </row>
    <row r="17741" spans="4:5" x14ac:dyDescent="0.25">
      <c r="D17741" s="6">
        <v>435.50990000000002</v>
      </c>
      <c r="E17741" s="6">
        <v>1386.1489999999999</v>
      </c>
    </row>
    <row r="17742" spans="4:5" x14ac:dyDescent="0.25">
      <c r="D17742" s="6">
        <v>1119.0309999999999</v>
      </c>
      <c r="E17742" s="6">
        <v>1372.5039999999999</v>
      </c>
    </row>
    <row r="17743" spans="4:5" x14ac:dyDescent="0.25">
      <c r="D17743" s="6">
        <v>3962.703</v>
      </c>
      <c r="E17743" s="6">
        <v>2992.6489999999999</v>
      </c>
    </row>
    <row r="17744" spans="4:5" x14ac:dyDescent="0.25">
      <c r="D17744" s="6">
        <v>3134.4609999999998</v>
      </c>
      <c r="E17744" s="6">
        <v>970.66549999999995</v>
      </c>
    </row>
    <row r="17745" spans="4:5" x14ac:dyDescent="0.25">
      <c r="D17745" s="6">
        <v>3564.9029999999998</v>
      </c>
      <c r="E17745" s="6">
        <v>549.57389999999998</v>
      </c>
    </row>
    <row r="17746" spans="4:5" x14ac:dyDescent="0.25">
      <c r="D17746" s="6">
        <v>983.22919999999999</v>
      </c>
      <c r="E17746" s="6">
        <v>1073.402</v>
      </c>
    </row>
    <row r="17747" spans="4:5" x14ac:dyDescent="0.25">
      <c r="D17747" s="6">
        <v>1935.3389999999999</v>
      </c>
      <c r="E17747" s="6">
        <v>611.29319999999996</v>
      </c>
    </row>
    <row r="17748" spans="4:5" x14ac:dyDescent="0.25">
      <c r="D17748" s="6">
        <v>744.20150000000001</v>
      </c>
      <c r="E17748" s="6">
        <v>3909.0819999999999</v>
      </c>
    </row>
    <row r="17749" spans="4:5" x14ac:dyDescent="0.25">
      <c r="D17749" s="6">
        <v>689.95129999999995</v>
      </c>
      <c r="E17749" s="6">
        <v>1900.634</v>
      </c>
    </row>
    <row r="17750" spans="4:5" x14ac:dyDescent="0.25">
      <c r="D17750" s="6">
        <v>662.65179999999998</v>
      </c>
      <c r="E17750" s="6">
        <v>1375.7090000000001</v>
      </c>
    </row>
    <row r="17751" spans="4:5" x14ac:dyDescent="0.25">
      <c r="D17751" s="6">
        <v>471.1925</v>
      </c>
      <c r="E17751" s="6">
        <v>1525.923</v>
      </c>
    </row>
    <row r="17752" spans="4:5" x14ac:dyDescent="0.25">
      <c r="D17752" s="6">
        <v>3142.9969999999998</v>
      </c>
      <c r="E17752" s="6">
        <v>2381.7310000000002</v>
      </c>
    </row>
    <row r="17753" spans="4:5" x14ac:dyDescent="0.25">
      <c r="D17753" s="6">
        <v>1040.0540000000001</v>
      </c>
      <c r="E17753" s="6">
        <v>1120.038</v>
      </c>
    </row>
    <row r="17754" spans="4:5" x14ac:dyDescent="0.25">
      <c r="D17754" s="6">
        <v>426.61</v>
      </c>
      <c r="E17754" s="6">
        <v>1360.171</v>
      </c>
    </row>
    <row r="17755" spans="4:5" x14ac:dyDescent="0.25">
      <c r="D17755" s="6">
        <v>415.8331</v>
      </c>
      <c r="E17755" s="6">
        <v>2321.268</v>
      </c>
    </row>
    <row r="17756" spans="4:5" x14ac:dyDescent="0.25">
      <c r="D17756" s="6">
        <v>484.27429999999998</v>
      </c>
      <c r="E17756" s="6">
        <v>766.98019999999997</v>
      </c>
    </row>
    <row r="17757" spans="4:5" x14ac:dyDescent="0.25">
      <c r="D17757" s="6">
        <v>3459.3490000000002</v>
      </c>
      <c r="E17757" s="6">
        <v>1244.3610000000001</v>
      </c>
    </row>
    <row r="17758" spans="4:5" x14ac:dyDescent="0.25">
      <c r="D17758" s="6">
        <v>1495.06</v>
      </c>
      <c r="E17758" s="6">
        <v>1470.875</v>
      </c>
    </row>
    <row r="17759" spans="4:5" x14ac:dyDescent="0.25">
      <c r="D17759" s="6">
        <v>3346.846</v>
      </c>
      <c r="E17759" s="6">
        <v>701.73149999999998</v>
      </c>
    </row>
    <row r="17760" spans="4:5" x14ac:dyDescent="0.25">
      <c r="D17760" s="6">
        <v>2042.0440000000001</v>
      </c>
      <c r="E17760" s="6">
        <v>728.93330000000003</v>
      </c>
    </row>
    <row r="17761" spans="4:5" x14ac:dyDescent="0.25">
      <c r="D17761" s="6">
        <v>786.89940000000001</v>
      </c>
      <c r="E17761" s="6">
        <v>1426.1410000000001</v>
      </c>
    </row>
    <row r="17762" spans="4:5" x14ac:dyDescent="0.25">
      <c r="D17762" s="6">
        <v>447.63159999999999</v>
      </c>
      <c r="E17762" s="6">
        <v>1192.3820000000001</v>
      </c>
    </row>
    <row r="17763" spans="4:5" x14ac:dyDescent="0.25">
      <c r="D17763" s="6">
        <v>6477.27</v>
      </c>
      <c r="E17763" s="6">
        <v>1680.5719999999999</v>
      </c>
    </row>
    <row r="17764" spans="4:5" x14ac:dyDescent="0.25">
      <c r="D17764" s="6">
        <v>473.74470000000002</v>
      </c>
      <c r="E17764" s="6">
        <v>737.99699999999996</v>
      </c>
    </row>
    <row r="17765" spans="4:5" x14ac:dyDescent="0.25">
      <c r="D17765" s="6">
        <v>8300.1489999999994</v>
      </c>
      <c r="E17765" s="6">
        <v>705.04510000000005</v>
      </c>
    </row>
    <row r="17766" spans="4:5" x14ac:dyDescent="0.25">
      <c r="D17766" s="6">
        <v>1120.7339999999999</v>
      </c>
      <c r="E17766" s="6">
        <v>940.36350000000004</v>
      </c>
    </row>
    <row r="17767" spans="4:5" x14ac:dyDescent="0.25">
      <c r="D17767" s="6">
        <v>463.1925</v>
      </c>
      <c r="E17767" s="6">
        <v>1645.26</v>
      </c>
    </row>
    <row r="17768" spans="4:5" x14ac:dyDescent="0.25">
      <c r="D17768" s="6">
        <v>373.85340000000002</v>
      </c>
      <c r="E17768" s="6">
        <v>2965.3150000000001</v>
      </c>
    </row>
    <row r="17769" spans="4:5" x14ac:dyDescent="0.25">
      <c r="D17769" s="6">
        <v>412.83519999999999</v>
      </c>
      <c r="E17769" s="6">
        <v>5149.2950000000001</v>
      </c>
    </row>
    <row r="17770" spans="4:5" x14ac:dyDescent="0.25">
      <c r="D17770" s="6">
        <v>513.62810000000002</v>
      </c>
      <c r="E17770" s="6">
        <v>2054.2919999999999</v>
      </c>
    </row>
    <row r="17771" spans="4:5" x14ac:dyDescent="0.25">
      <c r="D17771" s="6">
        <v>431.84530000000001</v>
      </c>
      <c r="E17771" s="6">
        <v>1531.617</v>
      </c>
    </row>
    <row r="17772" spans="4:5" x14ac:dyDescent="0.25">
      <c r="D17772" s="6">
        <v>489.31420000000003</v>
      </c>
      <c r="E17772" s="6">
        <v>674.97580000000005</v>
      </c>
    </row>
    <row r="17773" spans="4:5" x14ac:dyDescent="0.25">
      <c r="D17773" s="6">
        <v>1165.27</v>
      </c>
      <c r="E17773" s="6">
        <v>580.26840000000004</v>
      </c>
    </row>
    <row r="17774" spans="4:5" x14ac:dyDescent="0.25">
      <c r="D17774" s="6">
        <v>3808.5239999999999</v>
      </c>
      <c r="E17774" s="6">
        <v>606.71079999999995</v>
      </c>
    </row>
    <row r="17775" spans="4:5" x14ac:dyDescent="0.25">
      <c r="D17775" s="6">
        <v>1120.5229999999999</v>
      </c>
      <c r="E17775" s="6">
        <v>1282.261</v>
      </c>
    </row>
    <row r="17776" spans="4:5" x14ac:dyDescent="0.25">
      <c r="D17776" s="6">
        <v>431.65559999999999</v>
      </c>
      <c r="E17776" s="6">
        <v>2079.5050000000001</v>
      </c>
    </row>
    <row r="17777" spans="4:5" x14ac:dyDescent="0.25">
      <c r="D17777" s="6">
        <v>5329.9359999999997</v>
      </c>
      <c r="E17777" s="6">
        <v>560.88080000000002</v>
      </c>
    </row>
    <row r="17778" spans="4:5" x14ac:dyDescent="0.25">
      <c r="D17778" s="6">
        <v>2549.4760000000001</v>
      </c>
      <c r="E17778" s="6">
        <v>583.95809999999994</v>
      </c>
    </row>
    <row r="17779" spans="4:5" x14ac:dyDescent="0.25">
      <c r="D17779" s="6">
        <v>4044.02</v>
      </c>
      <c r="E17779" s="6">
        <v>489.14069999999998</v>
      </c>
    </row>
    <row r="17780" spans="4:5" x14ac:dyDescent="0.25">
      <c r="D17780" s="6">
        <v>684.37109999999996</v>
      </c>
      <c r="E17780" s="6">
        <v>1325.4390000000001</v>
      </c>
    </row>
    <row r="17781" spans="4:5" x14ac:dyDescent="0.25">
      <c r="D17781" s="6">
        <v>5475.3940000000002</v>
      </c>
      <c r="E17781" s="6">
        <v>4909.076</v>
      </c>
    </row>
    <row r="17782" spans="4:5" x14ac:dyDescent="0.25">
      <c r="D17782" s="6">
        <v>1453.2529999999999</v>
      </c>
      <c r="E17782" s="6">
        <v>775.82360000000006</v>
      </c>
    </row>
    <row r="17783" spans="4:5" x14ac:dyDescent="0.25">
      <c r="D17783" s="6">
        <v>492.96109999999999</v>
      </c>
      <c r="E17783" s="6">
        <v>1767.963</v>
      </c>
    </row>
    <row r="17784" spans="4:5" x14ac:dyDescent="0.25">
      <c r="D17784" s="6">
        <v>1266.9549999999999</v>
      </c>
      <c r="E17784" s="6">
        <v>2642.8209999999999</v>
      </c>
    </row>
    <row r="17785" spans="4:5" x14ac:dyDescent="0.25">
      <c r="D17785" s="6">
        <v>1477.9169999999999</v>
      </c>
      <c r="E17785" s="6">
        <v>641.63080000000002</v>
      </c>
    </row>
    <row r="17786" spans="4:5" x14ac:dyDescent="0.25">
      <c r="D17786" s="6">
        <v>3355.2249999999999</v>
      </c>
      <c r="E17786" s="6">
        <v>1407.6679999999999</v>
      </c>
    </row>
    <row r="17787" spans="4:5" x14ac:dyDescent="0.25">
      <c r="D17787" s="6">
        <v>423.66309999999999</v>
      </c>
      <c r="E17787" s="6">
        <v>675</v>
      </c>
    </row>
    <row r="17788" spans="4:5" x14ac:dyDescent="0.25">
      <c r="D17788" s="6">
        <v>1155.896</v>
      </c>
      <c r="E17788" s="6">
        <v>587.86109999999996</v>
      </c>
    </row>
    <row r="17789" spans="4:5" x14ac:dyDescent="0.25">
      <c r="D17789" s="6">
        <v>4076.7959999999998</v>
      </c>
      <c r="E17789" s="6">
        <v>1783.1079999999999</v>
      </c>
    </row>
    <row r="17790" spans="4:5" x14ac:dyDescent="0.25">
      <c r="D17790" s="6">
        <v>833.2269</v>
      </c>
      <c r="E17790" s="6">
        <v>1865.308</v>
      </c>
    </row>
    <row r="17791" spans="4:5" x14ac:dyDescent="0.25">
      <c r="D17791" s="6">
        <v>478.46929999999998</v>
      </c>
      <c r="E17791" s="6">
        <v>2688.43</v>
      </c>
    </row>
    <row r="17792" spans="4:5" x14ac:dyDescent="0.25">
      <c r="D17792" s="6">
        <v>908.7287</v>
      </c>
      <c r="E17792" s="6">
        <v>804.04449999999997</v>
      </c>
    </row>
    <row r="17793" spans="4:5" x14ac:dyDescent="0.25">
      <c r="D17793" s="6">
        <v>383.41469999999998</v>
      </c>
      <c r="E17793" s="6">
        <v>1452.269</v>
      </c>
    </row>
    <row r="17794" spans="4:5" x14ac:dyDescent="0.25">
      <c r="D17794" s="6">
        <v>503.84249999999997</v>
      </c>
      <c r="E17794" s="6">
        <v>497.84910000000002</v>
      </c>
    </row>
    <row r="17795" spans="4:5" x14ac:dyDescent="0.25">
      <c r="D17795" s="6">
        <v>612.28959999999995</v>
      </c>
      <c r="E17795" s="6">
        <v>1759.3340000000001</v>
      </c>
    </row>
    <row r="17796" spans="4:5" x14ac:dyDescent="0.25">
      <c r="D17796" s="6">
        <v>444.61799999999999</v>
      </c>
      <c r="E17796" s="6">
        <v>1295.5940000000001</v>
      </c>
    </row>
    <row r="17797" spans="4:5" x14ac:dyDescent="0.25">
      <c r="D17797" s="6">
        <v>886.20039999999995</v>
      </c>
      <c r="E17797" s="6">
        <v>1652.7159999999999</v>
      </c>
    </row>
    <row r="17798" spans="4:5" x14ac:dyDescent="0.25">
      <c r="D17798" s="6">
        <v>858.69079999999997</v>
      </c>
      <c r="E17798" s="6">
        <v>926.71069999999997</v>
      </c>
    </row>
    <row r="17799" spans="4:5" x14ac:dyDescent="0.25">
      <c r="D17799" s="6">
        <v>394.8433</v>
      </c>
      <c r="E17799" s="6">
        <v>656.91989999999998</v>
      </c>
    </row>
    <row r="17800" spans="4:5" x14ac:dyDescent="0.25">
      <c r="D17800" s="6">
        <v>5914.6959999999999</v>
      </c>
      <c r="E17800" s="6">
        <v>1388.614</v>
      </c>
    </row>
    <row r="17801" spans="4:5" x14ac:dyDescent="0.25">
      <c r="D17801" s="6">
        <v>1356.1279999999999</v>
      </c>
      <c r="E17801" s="6">
        <v>1400.0630000000001</v>
      </c>
    </row>
    <row r="17802" spans="4:5" x14ac:dyDescent="0.25">
      <c r="D17802" s="6">
        <v>2761.5659999999998</v>
      </c>
      <c r="E17802" s="6">
        <v>3614.71</v>
      </c>
    </row>
    <row r="17803" spans="4:5" x14ac:dyDescent="0.25">
      <c r="D17803" s="6">
        <v>4415.4120000000003</v>
      </c>
      <c r="E17803" s="6">
        <v>600.64549999999997</v>
      </c>
    </row>
    <row r="17804" spans="4:5" x14ac:dyDescent="0.25">
      <c r="D17804" s="6">
        <v>502.1782</v>
      </c>
      <c r="E17804" s="6">
        <v>783.43380000000002</v>
      </c>
    </row>
    <row r="17805" spans="4:5" x14ac:dyDescent="0.25">
      <c r="D17805" s="6">
        <v>2268.1950000000002</v>
      </c>
      <c r="E17805" s="6">
        <v>527.29999999999995</v>
      </c>
    </row>
    <row r="17806" spans="4:5" x14ac:dyDescent="0.25">
      <c r="D17806" s="6">
        <v>2758.8710000000001</v>
      </c>
      <c r="E17806" s="6">
        <v>2208.145</v>
      </c>
    </row>
    <row r="17807" spans="4:5" x14ac:dyDescent="0.25">
      <c r="D17807" s="6">
        <v>3395.9349999999999</v>
      </c>
      <c r="E17807" s="6">
        <v>2011.837</v>
      </c>
    </row>
    <row r="17808" spans="4:5" x14ac:dyDescent="0.25">
      <c r="D17808" s="6">
        <v>492.5514</v>
      </c>
      <c r="E17808" s="6">
        <v>1449.673</v>
      </c>
    </row>
    <row r="17809" spans="4:5" x14ac:dyDescent="0.25">
      <c r="D17809" s="6">
        <v>4277.5730000000003</v>
      </c>
      <c r="E17809" s="6">
        <v>1467.5260000000001</v>
      </c>
    </row>
    <row r="17810" spans="4:5" x14ac:dyDescent="0.25">
      <c r="D17810" s="6">
        <v>935.30899999999997</v>
      </c>
      <c r="E17810" s="6">
        <v>2572.6579999999999</v>
      </c>
    </row>
    <row r="17811" spans="4:5" x14ac:dyDescent="0.25">
      <c r="D17811" s="6">
        <v>489.10669999999999</v>
      </c>
      <c r="E17811" s="6">
        <v>1304.6189999999999</v>
      </c>
    </row>
    <row r="17812" spans="4:5" x14ac:dyDescent="0.25">
      <c r="D17812" s="6">
        <v>526.77779999999996</v>
      </c>
      <c r="E17812" s="6">
        <v>1655.2670000000001</v>
      </c>
    </row>
    <row r="17813" spans="4:5" x14ac:dyDescent="0.25">
      <c r="D17813" s="6">
        <v>1214.835</v>
      </c>
      <c r="E17813" s="6">
        <v>5567.75</v>
      </c>
    </row>
    <row r="17814" spans="4:5" x14ac:dyDescent="0.25">
      <c r="D17814" s="6">
        <v>1016.94</v>
      </c>
      <c r="E17814" s="6">
        <v>573.37289999999996</v>
      </c>
    </row>
    <row r="17815" spans="4:5" x14ac:dyDescent="0.25">
      <c r="D17815" s="6">
        <v>969.71500000000003</v>
      </c>
      <c r="E17815" s="6">
        <v>1882.443</v>
      </c>
    </row>
    <row r="17816" spans="4:5" x14ac:dyDescent="0.25">
      <c r="D17816" s="6">
        <v>927.70129999999995</v>
      </c>
      <c r="E17816" s="6">
        <v>4893.3029999999999</v>
      </c>
    </row>
    <row r="17817" spans="4:5" x14ac:dyDescent="0.25">
      <c r="D17817" s="6">
        <v>2804.9810000000002</v>
      </c>
      <c r="E17817" s="6">
        <v>690.15740000000005</v>
      </c>
    </row>
    <row r="17818" spans="4:5" x14ac:dyDescent="0.25">
      <c r="D17818" s="6">
        <v>520.28279999999995</v>
      </c>
      <c r="E17818" s="6">
        <v>559.1259</v>
      </c>
    </row>
    <row r="17819" spans="4:5" x14ac:dyDescent="0.25">
      <c r="D17819" s="6">
        <v>4719.0659999999998</v>
      </c>
      <c r="E17819" s="6">
        <v>1296.8910000000001</v>
      </c>
    </row>
    <row r="17820" spans="4:5" x14ac:dyDescent="0.25">
      <c r="D17820" s="6">
        <v>2974.5129999999999</v>
      </c>
      <c r="E17820" s="6">
        <v>1463.7950000000001</v>
      </c>
    </row>
    <row r="17821" spans="4:5" x14ac:dyDescent="0.25">
      <c r="D17821" s="6">
        <v>7897.5140000000001</v>
      </c>
      <c r="E17821" s="6">
        <v>498</v>
      </c>
    </row>
    <row r="17822" spans="4:5" x14ac:dyDescent="0.25">
      <c r="D17822" s="6">
        <v>1122.2760000000001</v>
      </c>
      <c r="E17822" s="6">
        <v>1691.9179999999999</v>
      </c>
    </row>
    <row r="17823" spans="4:5" x14ac:dyDescent="0.25">
      <c r="D17823" s="6">
        <v>411.2842</v>
      </c>
      <c r="E17823" s="6">
        <v>1084.5</v>
      </c>
    </row>
    <row r="17824" spans="4:5" x14ac:dyDescent="0.25">
      <c r="D17824" s="6">
        <v>441.91329999999999</v>
      </c>
      <c r="E17824" s="6">
        <v>1709.229</v>
      </c>
    </row>
    <row r="17825" spans="4:5" x14ac:dyDescent="0.25">
      <c r="D17825" s="6">
        <v>447.6712</v>
      </c>
      <c r="E17825" s="6">
        <v>863.5059</v>
      </c>
    </row>
    <row r="17826" spans="4:5" x14ac:dyDescent="0.25">
      <c r="D17826" s="6">
        <v>1265.587</v>
      </c>
      <c r="E17826" s="6">
        <v>1600.0820000000001</v>
      </c>
    </row>
    <row r="17827" spans="4:5" x14ac:dyDescent="0.25">
      <c r="D17827" s="6">
        <v>495.46559999999999</v>
      </c>
      <c r="E17827" s="6">
        <v>1830.8810000000001</v>
      </c>
    </row>
    <row r="17828" spans="4:5" x14ac:dyDescent="0.25">
      <c r="D17828" s="6">
        <v>844.58420000000001</v>
      </c>
      <c r="E17828" s="6">
        <v>763.03589999999997</v>
      </c>
    </row>
    <row r="17829" spans="4:5" x14ac:dyDescent="0.25">
      <c r="D17829" s="6">
        <v>1022.202</v>
      </c>
      <c r="E17829" s="6">
        <v>781.91470000000004</v>
      </c>
    </row>
    <row r="17830" spans="4:5" x14ac:dyDescent="0.25">
      <c r="D17830" s="6">
        <v>533.77369999999996</v>
      </c>
      <c r="E17830" s="6">
        <v>1351.5350000000001</v>
      </c>
    </row>
    <row r="17831" spans="4:5" x14ac:dyDescent="0.25">
      <c r="D17831" s="6">
        <v>871.48009999999999</v>
      </c>
      <c r="E17831" s="6">
        <v>524.59900000000005</v>
      </c>
    </row>
    <row r="17832" spans="4:5" x14ac:dyDescent="0.25">
      <c r="D17832" s="6">
        <v>3636.2959999999998</v>
      </c>
      <c r="E17832" s="6">
        <v>1603.325</v>
      </c>
    </row>
    <row r="17833" spans="4:5" x14ac:dyDescent="0.25">
      <c r="D17833" s="6">
        <v>473.92180000000002</v>
      </c>
      <c r="E17833" s="6">
        <v>1582.1420000000001</v>
      </c>
    </row>
    <row r="17834" spans="4:5" x14ac:dyDescent="0.25">
      <c r="D17834" s="6">
        <v>2976.7510000000002</v>
      </c>
      <c r="E17834" s="6">
        <v>4230.884</v>
      </c>
    </row>
    <row r="17835" spans="4:5" x14ac:dyDescent="0.25">
      <c r="D17835" s="6">
        <v>785.55560000000003</v>
      </c>
      <c r="E17835" s="6">
        <v>568.45450000000005</v>
      </c>
    </row>
    <row r="17836" spans="4:5" x14ac:dyDescent="0.25">
      <c r="D17836" s="6">
        <v>466.27710000000002</v>
      </c>
      <c r="E17836" s="6">
        <v>1151</v>
      </c>
    </row>
    <row r="17837" spans="4:5" x14ac:dyDescent="0.25">
      <c r="D17837" s="6">
        <v>492</v>
      </c>
      <c r="E17837" s="6">
        <v>2344.1840000000002</v>
      </c>
    </row>
    <row r="17838" spans="4:5" x14ac:dyDescent="0.25">
      <c r="D17838" s="6">
        <v>765.34310000000005</v>
      </c>
      <c r="E17838" s="6">
        <v>1525.2329999999999</v>
      </c>
    </row>
    <row r="17839" spans="4:5" x14ac:dyDescent="0.25">
      <c r="D17839" s="6">
        <v>1176.127</v>
      </c>
      <c r="E17839" s="6">
        <v>1482.1469999999999</v>
      </c>
    </row>
    <row r="17840" spans="4:5" x14ac:dyDescent="0.25">
      <c r="D17840" s="6">
        <v>1038.325</v>
      </c>
      <c r="E17840" s="6">
        <v>1385.365</v>
      </c>
    </row>
    <row r="17841" spans="4:5" x14ac:dyDescent="0.25">
      <c r="D17841" s="6">
        <v>1828.153</v>
      </c>
      <c r="E17841" s="6">
        <v>1800.855</v>
      </c>
    </row>
    <row r="17842" spans="4:5" x14ac:dyDescent="0.25">
      <c r="D17842" s="6">
        <v>449.28179999999998</v>
      </c>
      <c r="E17842" s="6">
        <v>805.39620000000002</v>
      </c>
    </row>
    <row r="17843" spans="4:5" x14ac:dyDescent="0.25">
      <c r="D17843" s="6">
        <v>652.45960000000002</v>
      </c>
      <c r="E17843" s="6">
        <v>1335.133</v>
      </c>
    </row>
    <row r="17844" spans="4:5" x14ac:dyDescent="0.25">
      <c r="D17844" s="6">
        <v>3630.8240000000001</v>
      </c>
      <c r="E17844" s="6">
        <v>646.40769999999998</v>
      </c>
    </row>
    <row r="17845" spans="4:5" x14ac:dyDescent="0.25">
      <c r="D17845" s="6">
        <v>1212.203</v>
      </c>
      <c r="E17845" s="6">
        <v>878.00919999999996</v>
      </c>
    </row>
    <row r="17846" spans="4:5" x14ac:dyDescent="0.25">
      <c r="D17846" s="6">
        <v>680.56</v>
      </c>
      <c r="E17846" s="6">
        <v>636.81500000000005</v>
      </c>
    </row>
    <row r="17847" spans="4:5" x14ac:dyDescent="0.25">
      <c r="D17847" s="6">
        <v>2806.5740000000001</v>
      </c>
      <c r="E17847" s="6">
        <v>1545.463</v>
      </c>
    </row>
    <row r="17848" spans="4:5" x14ac:dyDescent="0.25">
      <c r="D17848" s="6">
        <v>3966.8780000000002</v>
      </c>
      <c r="E17848" s="6">
        <v>648.44119999999998</v>
      </c>
    </row>
    <row r="17849" spans="4:5" x14ac:dyDescent="0.25">
      <c r="D17849" s="6">
        <v>4446.0389999999998</v>
      </c>
      <c r="E17849" s="6">
        <v>1164.9159999999999</v>
      </c>
    </row>
    <row r="17850" spans="4:5" x14ac:dyDescent="0.25">
      <c r="D17850" s="6">
        <v>1252.5840000000001</v>
      </c>
      <c r="E17850" s="6">
        <v>683.83399999999995</v>
      </c>
    </row>
    <row r="17851" spans="4:5" x14ac:dyDescent="0.25">
      <c r="D17851" s="6">
        <v>379.53489999999999</v>
      </c>
      <c r="E17851" s="6">
        <v>1195.173</v>
      </c>
    </row>
    <row r="17852" spans="4:5" x14ac:dyDescent="0.25">
      <c r="D17852" s="6">
        <v>643.47320000000002</v>
      </c>
      <c r="E17852" s="6">
        <v>1604.5160000000001</v>
      </c>
    </row>
    <row r="17853" spans="4:5" x14ac:dyDescent="0.25">
      <c r="D17853" s="6">
        <v>409.75560000000002</v>
      </c>
      <c r="E17853" s="6">
        <v>535.88930000000005</v>
      </c>
    </row>
    <row r="17854" spans="4:5" x14ac:dyDescent="0.25">
      <c r="D17854" s="6">
        <v>11572.74</v>
      </c>
      <c r="E17854" s="6">
        <v>636.99469999999997</v>
      </c>
    </row>
    <row r="17855" spans="4:5" x14ac:dyDescent="0.25">
      <c r="D17855" s="6">
        <v>467.16379999999998</v>
      </c>
      <c r="E17855" s="6">
        <v>1580.616</v>
      </c>
    </row>
    <row r="17856" spans="4:5" x14ac:dyDescent="0.25">
      <c r="D17856" s="6">
        <v>497.98500000000001</v>
      </c>
      <c r="E17856" s="6">
        <v>5075.2780000000002</v>
      </c>
    </row>
    <row r="17857" spans="4:5" x14ac:dyDescent="0.25">
      <c r="D17857" s="6">
        <v>6357.6059999999998</v>
      </c>
      <c r="E17857" s="6">
        <v>540.68520000000001</v>
      </c>
    </row>
    <row r="17858" spans="4:5" x14ac:dyDescent="0.25">
      <c r="D17858" s="6">
        <v>496.2407</v>
      </c>
      <c r="E17858" s="6">
        <v>549.37070000000006</v>
      </c>
    </row>
    <row r="17859" spans="4:5" x14ac:dyDescent="0.25">
      <c r="D17859" s="6">
        <v>1613.23</v>
      </c>
      <c r="E17859" s="6">
        <v>1807.5</v>
      </c>
    </row>
    <row r="17860" spans="4:5" x14ac:dyDescent="0.25">
      <c r="D17860" s="6">
        <v>468.99970000000002</v>
      </c>
      <c r="E17860" s="6">
        <v>1862.09</v>
      </c>
    </row>
    <row r="17861" spans="4:5" x14ac:dyDescent="0.25">
      <c r="D17861" s="6">
        <v>1500.3510000000001</v>
      </c>
      <c r="E17861" s="6">
        <v>778.6431</v>
      </c>
    </row>
    <row r="17862" spans="4:5" x14ac:dyDescent="0.25">
      <c r="D17862" s="6">
        <v>501.61799999999999</v>
      </c>
      <c r="E17862" s="6">
        <v>537.89499999999998</v>
      </c>
    </row>
    <row r="17863" spans="4:5" x14ac:dyDescent="0.25">
      <c r="D17863" s="6">
        <v>1028.5039999999999</v>
      </c>
      <c r="E17863" s="6">
        <v>523.71169999999995</v>
      </c>
    </row>
    <row r="17864" spans="4:5" x14ac:dyDescent="0.25">
      <c r="D17864" s="6">
        <v>616.66989999999998</v>
      </c>
      <c r="E17864" s="6">
        <v>1973.6880000000001</v>
      </c>
    </row>
    <row r="17865" spans="4:5" x14ac:dyDescent="0.25">
      <c r="D17865" s="6">
        <v>472.99540000000002</v>
      </c>
      <c r="E17865" s="6">
        <v>6830.7370000000001</v>
      </c>
    </row>
    <row r="17866" spans="4:5" x14ac:dyDescent="0.25">
      <c r="D17866" s="6">
        <v>714.92309999999998</v>
      </c>
      <c r="E17866" s="6">
        <v>574.75300000000004</v>
      </c>
    </row>
    <row r="17867" spans="4:5" x14ac:dyDescent="0.25">
      <c r="D17867" s="6">
        <v>443.41849999999999</v>
      </c>
      <c r="E17867" s="6">
        <v>1723.0930000000001</v>
      </c>
    </row>
    <row r="17868" spans="4:5" x14ac:dyDescent="0.25">
      <c r="D17868" s="6">
        <v>418.3775</v>
      </c>
      <c r="E17868" s="6">
        <v>608.85149999999999</v>
      </c>
    </row>
    <row r="17869" spans="4:5" x14ac:dyDescent="0.25">
      <c r="D17869" s="6">
        <v>569.16909999999996</v>
      </c>
      <c r="E17869" s="6">
        <v>3555.4</v>
      </c>
    </row>
    <row r="17870" spans="4:5" x14ac:dyDescent="0.25">
      <c r="D17870" s="6">
        <v>1060.7950000000001</v>
      </c>
      <c r="E17870" s="6">
        <v>935</v>
      </c>
    </row>
    <row r="17871" spans="4:5" x14ac:dyDescent="0.25">
      <c r="D17871" s="6">
        <v>1229.57</v>
      </c>
      <c r="E17871" s="6">
        <v>852.20249999999999</v>
      </c>
    </row>
    <row r="17872" spans="4:5" x14ac:dyDescent="0.25">
      <c r="D17872" s="6">
        <v>492.70479999999998</v>
      </c>
      <c r="E17872" s="6">
        <v>1404.288</v>
      </c>
    </row>
    <row r="17873" spans="4:5" x14ac:dyDescent="0.25">
      <c r="D17873" s="6">
        <v>3308.6669999999999</v>
      </c>
      <c r="E17873" s="6">
        <v>1518.941</v>
      </c>
    </row>
    <row r="17874" spans="4:5" x14ac:dyDescent="0.25">
      <c r="D17874" s="6">
        <v>2047.5</v>
      </c>
      <c r="E17874" s="6">
        <v>862.01649999999995</v>
      </c>
    </row>
    <row r="17875" spans="4:5" x14ac:dyDescent="0.25">
      <c r="D17875" s="6">
        <v>1570.463</v>
      </c>
      <c r="E17875" s="6">
        <v>2099.096</v>
      </c>
    </row>
    <row r="17876" spans="4:5" x14ac:dyDescent="0.25">
      <c r="D17876" s="6">
        <v>4422.1229999999996</v>
      </c>
      <c r="E17876" s="6">
        <v>1265.1559999999999</v>
      </c>
    </row>
    <row r="17877" spans="4:5" x14ac:dyDescent="0.25">
      <c r="D17877" s="6">
        <v>649.30319999999995</v>
      </c>
      <c r="E17877" s="6">
        <v>1603.8810000000001</v>
      </c>
    </row>
    <row r="17878" spans="4:5" x14ac:dyDescent="0.25">
      <c r="D17878" s="6">
        <v>501.834</v>
      </c>
      <c r="E17878" s="6">
        <v>1548.424</v>
      </c>
    </row>
    <row r="17879" spans="4:5" x14ac:dyDescent="0.25">
      <c r="D17879" s="6">
        <v>451.28250000000003</v>
      </c>
      <c r="E17879" s="6">
        <v>1200.3699999999999</v>
      </c>
    </row>
    <row r="17880" spans="4:5" x14ac:dyDescent="0.25">
      <c r="D17880" s="6">
        <v>1982.7070000000001</v>
      </c>
      <c r="E17880" s="6">
        <v>401.1848</v>
      </c>
    </row>
    <row r="17881" spans="4:5" x14ac:dyDescent="0.25">
      <c r="D17881" s="6">
        <v>381.97410000000002</v>
      </c>
      <c r="E17881" s="6">
        <v>1841.124</v>
      </c>
    </row>
    <row r="17882" spans="4:5" x14ac:dyDescent="0.25">
      <c r="D17882" s="6">
        <v>368.90089999999998</v>
      </c>
      <c r="E17882" s="6">
        <v>1262.8330000000001</v>
      </c>
    </row>
    <row r="17883" spans="4:5" x14ac:dyDescent="0.25">
      <c r="D17883" s="6">
        <v>1408.675</v>
      </c>
      <c r="E17883" s="6">
        <v>1564.8489999999999</v>
      </c>
    </row>
    <row r="17884" spans="4:5" x14ac:dyDescent="0.25">
      <c r="D17884" s="6">
        <v>4831.0649999999996</v>
      </c>
      <c r="E17884" s="6">
        <v>1427.13</v>
      </c>
    </row>
    <row r="17885" spans="4:5" x14ac:dyDescent="0.25">
      <c r="D17885" s="6">
        <v>438.66</v>
      </c>
      <c r="E17885" s="6">
        <v>541.85419999999999</v>
      </c>
    </row>
    <row r="17886" spans="4:5" x14ac:dyDescent="0.25">
      <c r="D17886" s="6">
        <v>605</v>
      </c>
      <c r="E17886" s="6">
        <v>616.72159999999997</v>
      </c>
    </row>
    <row r="17887" spans="4:5" x14ac:dyDescent="0.25">
      <c r="D17887" s="6">
        <v>488.12709999999998</v>
      </c>
      <c r="E17887" s="6">
        <v>1511.5519999999999</v>
      </c>
    </row>
    <row r="17888" spans="4:5" x14ac:dyDescent="0.25">
      <c r="D17888" s="6">
        <v>423.8331</v>
      </c>
      <c r="E17888" s="6">
        <v>1799.519</v>
      </c>
    </row>
    <row r="17889" spans="4:5" x14ac:dyDescent="0.25">
      <c r="D17889" s="6">
        <v>511.2</v>
      </c>
      <c r="E17889" s="6">
        <v>1785.107</v>
      </c>
    </row>
    <row r="17890" spans="4:5" x14ac:dyDescent="0.25">
      <c r="D17890" s="6">
        <v>485.76369999999997</v>
      </c>
      <c r="E17890" s="6">
        <v>554.15980000000002</v>
      </c>
    </row>
    <row r="17891" spans="4:5" x14ac:dyDescent="0.25">
      <c r="D17891" s="6">
        <v>1034.287</v>
      </c>
      <c r="E17891" s="6">
        <v>1936.211</v>
      </c>
    </row>
    <row r="17892" spans="4:5" x14ac:dyDescent="0.25">
      <c r="D17892" s="6">
        <v>853.21860000000004</v>
      </c>
      <c r="E17892" s="6">
        <v>566.17489999999998</v>
      </c>
    </row>
    <row r="17893" spans="4:5" x14ac:dyDescent="0.25">
      <c r="D17893" s="6">
        <v>992.90480000000002</v>
      </c>
      <c r="E17893" s="6">
        <v>1796.7829999999999</v>
      </c>
    </row>
    <row r="17894" spans="4:5" x14ac:dyDescent="0.25">
      <c r="D17894" s="6">
        <v>362.8587</v>
      </c>
      <c r="E17894" s="6">
        <v>1032.942</v>
      </c>
    </row>
    <row r="17895" spans="4:5" x14ac:dyDescent="0.25">
      <c r="D17895" s="6">
        <v>2096.1329999999998</v>
      </c>
      <c r="E17895" s="6">
        <v>677.66549999999995</v>
      </c>
    </row>
    <row r="17896" spans="4:5" x14ac:dyDescent="0.25">
      <c r="D17896" s="6">
        <v>2404.0990000000002</v>
      </c>
      <c r="E17896" s="6">
        <v>522.20159999999998</v>
      </c>
    </row>
    <row r="17897" spans="4:5" x14ac:dyDescent="0.25">
      <c r="D17897" s="6">
        <v>809.93769999999995</v>
      </c>
      <c r="E17897" s="6">
        <v>2343.6320000000001</v>
      </c>
    </row>
    <row r="17898" spans="4:5" x14ac:dyDescent="0.25">
      <c r="D17898" s="6">
        <v>1136.5419999999999</v>
      </c>
      <c r="E17898" s="6">
        <v>2461.2660000000001</v>
      </c>
    </row>
    <row r="17899" spans="4:5" x14ac:dyDescent="0.25">
      <c r="D17899" s="6">
        <v>1214.1320000000001</v>
      </c>
      <c r="E17899" s="6">
        <v>1016.306</v>
      </c>
    </row>
    <row r="17900" spans="4:5" x14ac:dyDescent="0.25">
      <c r="D17900" s="6">
        <v>535.54650000000004</v>
      </c>
      <c r="E17900" s="6">
        <v>2158.2040000000002</v>
      </c>
    </row>
    <row r="17901" spans="4:5" x14ac:dyDescent="0.25">
      <c r="D17901" s="6">
        <v>939.61980000000005</v>
      </c>
      <c r="E17901" s="6">
        <v>703.28120000000001</v>
      </c>
    </row>
    <row r="17902" spans="4:5" x14ac:dyDescent="0.25">
      <c r="D17902" s="6">
        <v>2484.3330000000001</v>
      </c>
      <c r="E17902" s="6">
        <v>501.36860000000001</v>
      </c>
    </row>
    <row r="17903" spans="4:5" x14ac:dyDescent="0.25">
      <c r="D17903" s="6">
        <v>424.673</v>
      </c>
      <c r="E17903" s="6">
        <v>1313.4390000000001</v>
      </c>
    </row>
    <row r="17904" spans="4:5" x14ac:dyDescent="0.25">
      <c r="D17904" s="6">
        <v>763.13639999999998</v>
      </c>
      <c r="E17904" s="6">
        <v>598.20259999999996</v>
      </c>
    </row>
    <row r="17905" spans="4:5" x14ac:dyDescent="0.25">
      <c r="D17905" s="6">
        <v>5029.3739999999998</v>
      </c>
      <c r="E17905" s="6">
        <v>1382.4559999999999</v>
      </c>
    </row>
    <row r="17906" spans="4:5" x14ac:dyDescent="0.25">
      <c r="D17906" s="6">
        <v>442.66980000000001</v>
      </c>
      <c r="E17906" s="6">
        <v>3266.1559999999999</v>
      </c>
    </row>
    <row r="17907" spans="4:5" x14ac:dyDescent="0.25">
      <c r="D17907" s="6">
        <v>1069.874</v>
      </c>
      <c r="E17907" s="6">
        <v>2081.3240000000001</v>
      </c>
    </row>
    <row r="17908" spans="4:5" x14ac:dyDescent="0.25">
      <c r="D17908" s="6">
        <v>494.92200000000003</v>
      </c>
      <c r="E17908" s="6">
        <v>1888.325</v>
      </c>
    </row>
    <row r="17909" spans="4:5" x14ac:dyDescent="0.25">
      <c r="D17909" s="6">
        <v>4673.7650000000003</v>
      </c>
      <c r="E17909" s="6">
        <v>1342.357</v>
      </c>
    </row>
    <row r="17910" spans="4:5" x14ac:dyDescent="0.25">
      <c r="D17910" s="6">
        <v>468.89260000000002</v>
      </c>
      <c r="E17910" s="6">
        <v>1472.85</v>
      </c>
    </row>
    <row r="17911" spans="4:5" x14ac:dyDescent="0.25">
      <c r="D17911" s="6">
        <v>1409.454</v>
      </c>
      <c r="E17911" s="6">
        <v>681.37480000000005</v>
      </c>
    </row>
    <row r="17912" spans="4:5" x14ac:dyDescent="0.25">
      <c r="D17912" s="6">
        <v>475.53789999999998</v>
      </c>
      <c r="E17912" s="6">
        <v>1765.3979999999999</v>
      </c>
    </row>
    <row r="17913" spans="4:5" x14ac:dyDescent="0.25">
      <c r="D17913" s="6">
        <v>6044.49</v>
      </c>
      <c r="E17913" s="6">
        <v>1739.248</v>
      </c>
    </row>
    <row r="17914" spans="4:5" x14ac:dyDescent="0.25">
      <c r="D17914" s="6">
        <v>452.73129999999998</v>
      </c>
      <c r="E17914" s="6">
        <v>1531.133</v>
      </c>
    </row>
    <row r="17915" spans="4:5" x14ac:dyDescent="0.25">
      <c r="D17915" s="6">
        <v>398.83449999999999</v>
      </c>
      <c r="E17915" s="6">
        <v>1414.001</v>
      </c>
    </row>
    <row r="17916" spans="4:5" x14ac:dyDescent="0.25">
      <c r="D17916" s="6">
        <v>3182.8490000000002</v>
      </c>
      <c r="E17916" s="6">
        <v>1528.4690000000001</v>
      </c>
    </row>
    <row r="17917" spans="4:5" x14ac:dyDescent="0.25">
      <c r="D17917" s="6">
        <v>658.274</v>
      </c>
      <c r="E17917" s="6">
        <v>2939.0430000000001</v>
      </c>
    </row>
    <row r="17918" spans="4:5" x14ac:dyDescent="0.25">
      <c r="D17918" s="6">
        <v>924.54049999999995</v>
      </c>
      <c r="E17918" s="6">
        <v>1728.3820000000001</v>
      </c>
    </row>
    <row r="17919" spans="4:5" x14ac:dyDescent="0.25">
      <c r="D17919" s="6">
        <v>400.88589999999999</v>
      </c>
      <c r="E17919" s="6">
        <v>2102.0630000000001</v>
      </c>
    </row>
    <row r="17920" spans="4:5" x14ac:dyDescent="0.25">
      <c r="D17920" s="6">
        <v>1089.8109999999999</v>
      </c>
      <c r="E17920" s="6">
        <v>1662.5360000000001</v>
      </c>
    </row>
    <row r="17921" spans="4:5" x14ac:dyDescent="0.25">
      <c r="D17921" s="6">
        <v>337.39580000000001</v>
      </c>
      <c r="E17921" s="6">
        <v>1416.3030000000001</v>
      </c>
    </row>
    <row r="17922" spans="4:5" x14ac:dyDescent="0.25">
      <c r="D17922" s="6">
        <v>1130.701</v>
      </c>
      <c r="E17922" s="6">
        <v>621.92769999999996</v>
      </c>
    </row>
    <row r="17923" spans="4:5" x14ac:dyDescent="0.25">
      <c r="D17923" s="6">
        <v>937.67570000000001</v>
      </c>
      <c r="E17923" s="6">
        <v>2361.8710000000001</v>
      </c>
    </row>
    <row r="17924" spans="4:5" x14ac:dyDescent="0.25">
      <c r="D17924" s="6">
        <v>551.47339999999997</v>
      </c>
      <c r="E17924" s="6">
        <v>1009.068</v>
      </c>
    </row>
    <row r="17925" spans="4:5" x14ac:dyDescent="0.25">
      <c r="D17925" s="6">
        <v>898.22659999999996</v>
      </c>
      <c r="E17925" s="6">
        <v>680.47770000000003</v>
      </c>
    </row>
    <row r="17926" spans="4:5" x14ac:dyDescent="0.25">
      <c r="D17926" s="6">
        <v>430.63130000000001</v>
      </c>
      <c r="E17926" s="6">
        <v>740.83759999999995</v>
      </c>
    </row>
    <row r="17927" spans="4:5" x14ac:dyDescent="0.25">
      <c r="D17927" s="6">
        <v>441.71559999999999</v>
      </c>
      <c r="E17927" s="6">
        <v>1354.5170000000001</v>
      </c>
    </row>
    <row r="17928" spans="4:5" x14ac:dyDescent="0.25">
      <c r="D17928" s="6">
        <v>1520.7860000000001</v>
      </c>
      <c r="E17928" s="6">
        <v>2000.761</v>
      </c>
    </row>
    <row r="17929" spans="4:5" x14ac:dyDescent="0.25">
      <c r="D17929" s="6">
        <v>488.0188</v>
      </c>
      <c r="E17929" s="6">
        <v>3663.0819999999999</v>
      </c>
    </row>
    <row r="17930" spans="4:5" x14ac:dyDescent="0.25">
      <c r="D17930" s="6">
        <v>1166.008</v>
      </c>
      <c r="E17930" s="6">
        <v>1862.5329999999999</v>
      </c>
    </row>
    <row r="17931" spans="4:5" x14ac:dyDescent="0.25">
      <c r="D17931" s="6">
        <v>476.64170000000001</v>
      </c>
      <c r="E17931" s="6">
        <v>1445.3689999999999</v>
      </c>
    </row>
    <row r="17932" spans="4:5" x14ac:dyDescent="0.25">
      <c r="D17932" s="6">
        <v>420.85660000000001</v>
      </c>
      <c r="E17932" s="6">
        <v>1558.7670000000001</v>
      </c>
    </row>
    <row r="17933" spans="4:5" x14ac:dyDescent="0.25">
      <c r="D17933" s="6">
        <v>675.1377</v>
      </c>
      <c r="E17933" s="6">
        <v>3063.0329999999999</v>
      </c>
    </row>
    <row r="17934" spans="4:5" x14ac:dyDescent="0.25">
      <c r="D17934" s="6">
        <v>3929.4180000000001</v>
      </c>
      <c r="E17934" s="6">
        <v>720.02719999999999</v>
      </c>
    </row>
    <row r="17935" spans="4:5" x14ac:dyDescent="0.25">
      <c r="D17935" s="6">
        <v>3936.7440000000001</v>
      </c>
      <c r="E17935" s="6">
        <v>1348.3309999999999</v>
      </c>
    </row>
    <row r="17936" spans="4:5" x14ac:dyDescent="0.25">
      <c r="D17936" s="6">
        <v>485.16950000000003</v>
      </c>
      <c r="E17936" s="6">
        <v>652.92809999999997</v>
      </c>
    </row>
    <row r="17937" spans="4:5" x14ac:dyDescent="0.25">
      <c r="D17937" s="6">
        <v>1434.5039999999999</v>
      </c>
      <c r="E17937" s="6">
        <v>1120.575</v>
      </c>
    </row>
    <row r="17938" spans="4:5" x14ac:dyDescent="0.25">
      <c r="D17938" s="6">
        <v>5805.9070000000002</v>
      </c>
      <c r="E17938" s="6">
        <v>1417.3820000000001</v>
      </c>
    </row>
    <row r="17939" spans="4:5" x14ac:dyDescent="0.25">
      <c r="D17939" s="6">
        <v>472.37099999999998</v>
      </c>
      <c r="E17939" s="6">
        <v>1515.6980000000001</v>
      </c>
    </row>
    <row r="17940" spans="4:5" x14ac:dyDescent="0.25">
      <c r="D17940" s="6">
        <v>870.59370000000001</v>
      </c>
      <c r="E17940" s="6">
        <v>1724.326</v>
      </c>
    </row>
    <row r="17941" spans="4:5" x14ac:dyDescent="0.25">
      <c r="D17941" s="6">
        <v>872.70309999999995</v>
      </c>
      <c r="E17941" s="6">
        <v>1036.924</v>
      </c>
    </row>
    <row r="17942" spans="4:5" x14ac:dyDescent="0.25">
      <c r="D17942" s="6">
        <v>400.42439999999999</v>
      </c>
      <c r="E17942" s="6">
        <v>3326.915</v>
      </c>
    </row>
    <row r="17943" spans="4:5" x14ac:dyDescent="0.25">
      <c r="D17943" s="6">
        <v>483.464</v>
      </c>
      <c r="E17943" s="6">
        <v>2315.75</v>
      </c>
    </row>
    <row r="17944" spans="4:5" x14ac:dyDescent="0.25">
      <c r="D17944" s="6">
        <v>1168.492</v>
      </c>
      <c r="E17944" s="6">
        <v>625.98310000000004</v>
      </c>
    </row>
    <row r="17945" spans="4:5" x14ac:dyDescent="0.25">
      <c r="D17945" s="6">
        <v>453.56180000000001</v>
      </c>
      <c r="E17945" s="6">
        <v>1409.9359999999999</v>
      </c>
    </row>
    <row r="17946" spans="4:5" x14ac:dyDescent="0.25">
      <c r="D17946" s="6">
        <v>472.04129999999998</v>
      </c>
      <c r="E17946" s="6">
        <v>1933.867</v>
      </c>
    </row>
    <row r="17947" spans="4:5" x14ac:dyDescent="0.25">
      <c r="D17947" s="6">
        <v>2431.2669999999998</v>
      </c>
      <c r="E17947" s="6">
        <v>2498.3110000000001</v>
      </c>
    </row>
    <row r="17948" spans="4:5" x14ac:dyDescent="0.25">
      <c r="D17948" s="6">
        <v>402.03820000000002</v>
      </c>
      <c r="E17948" s="6">
        <v>1820.49</v>
      </c>
    </row>
    <row r="17949" spans="4:5" x14ac:dyDescent="0.25">
      <c r="D17949" s="6">
        <v>824.10879999999997</v>
      </c>
      <c r="E17949" s="6">
        <v>644.2491</v>
      </c>
    </row>
    <row r="17950" spans="4:5" x14ac:dyDescent="0.25">
      <c r="D17950" s="6">
        <v>1319.8130000000001</v>
      </c>
      <c r="E17950" s="6">
        <v>745.96400000000006</v>
      </c>
    </row>
    <row r="17951" spans="4:5" x14ac:dyDescent="0.25">
      <c r="D17951" s="6">
        <v>1164.338</v>
      </c>
      <c r="E17951" s="6">
        <v>1557.046</v>
      </c>
    </row>
    <row r="17952" spans="4:5" x14ac:dyDescent="0.25">
      <c r="D17952" s="6">
        <v>4276.6989999999996</v>
      </c>
      <c r="E17952" s="6">
        <v>1743.376</v>
      </c>
    </row>
    <row r="17953" spans="4:5" x14ac:dyDescent="0.25">
      <c r="D17953" s="6">
        <v>472.00290000000001</v>
      </c>
      <c r="E17953" s="6">
        <v>523.92359999999996</v>
      </c>
    </row>
    <row r="17954" spans="4:5" x14ac:dyDescent="0.25">
      <c r="D17954" s="6">
        <v>475.87549999999999</v>
      </c>
      <c r="E17954" s="6">
        <v>483.59640000000002</v>
      </c>
    </row>
    <row r="17955" spans="4:5" x14ac:dyDescent="0.25">
      <c r="D17955" s="6">
        <v>407.31079999999997</v>
      </c>
      <c r="E17955" s="6">
        <v>764.74180000000001</v>
      </c>
    </row>
    <row r="17956" spans="4:5" x14ac:dyDescent="0.25">
      <c r="D17956" s="6">
        <v>3062.6660000000002</v>
      </c>
      <c r="E17956" s="6">
        <v>987.31579999999997</v>
      </c>
    </row>
    <row r="17957" spans="4:5" x14ac:dyDescent="0.25">
      <c r="D17957" s="6">
        <v>1250.2470000000001</v>
      </c>
      <c r="E17957" s="6">
        <v>587.13319999999999</v>
      </c>
    </row>
    <row r="17958" spans="4:5" x14ac:dyDescent="0.25">
      <c r="D17958" s="6">
        <v>512.24239999999998</v>
      </c>
      <c r="E17958" s="6">
        <v>1818.431</v>
      </c>
    </row>
    <row r="17959" spans="4:5" x14ac:dyDescent="0.25">
      <c r="D17959" s="6">
        <v>7706.576</v>
      </c>
      <c r="E17959" s="6">
        <v>1880.5050000000001</v>
      </c>
    </row>
    <row r="17960" spans="4:5" x14ac:dyDescent="0.25">
      <c r="D17960" s="6">
        <v>496.67689999999999</v>
      </c>
      <c r="E17960" s="6">
        <v>828.32470000000001</v>
      </c>
    </row>
    <row r="17961" spans="4:5" x14ac:dyDescent="0.25">
      <c r="D17961" s="6">
        <v>519.803</v>
      </c>
      <c r="E17961" s="6">
        <v>1745.24</v>
      </c>
    </row>
    <row r="17962" spans="4:5" x14ac:dyDescent="0.25">
      <c r="D17962" s="6">
        <v>1589.623</v>
      </c>
      <c r="E17962" s="6">
        <v>1306.2249999999999</v>
      </c>
    </row>
    <row r="17963" spans="4:5" x14ac:dyDescent="0.25">
      <c r="D17963" s="6">
        <v>3464.4850000000001</v>
      </c>
      <c r="E17963" s="6">
        <v>1139.8689999999999</v>
      </c>
    </row>
    <row r="17964" spans="4:5" x14ac:dyDescent="0.25">
      <c r="D17964" s="6">
        <v>838.72619999999995</v>
      </c>
      <c r="E17964" s="6">
        <v>644.85709999999995</v>
      </c>
    </row>
    <row r="17965" spans="4:5" x14ac:dyDescent="0.25">
      <c r="D17965" s="6">
        <v>621.6</v>
      </c>
      <c r="E17965" s="6">
        <v>2141.6669999999999</v>
      </c>
    </row>
    <row r="17966" spans="4:5" x14ac:dyDescent="0.25">
      <c r="D17966" s="6">
        <v>819.89689999999996</v>
      </c>
      <c r="E17966" s="6">
        <v>1521.6489999999999</v>
      </c>
    </row>
    <row r="17967" spans="4:5" x14ac:dyDescent="0.25">
      <c r="D17967" s="6">
        <v>3028.7370000000001</v>
      </c>
      <c r="E17967" s="6">
        <v>1548.9469999999999</v>
      </c>
    </row>
    <row r="17968" spans="4:5" x14ac:dyDescent="0.25">
      <c r="D17968" s="6">
        <v>495.21319999999997</v>
      </c>
      <c r="E17968" s="6">
        <v>1822.201</v>
      </c>
    </row>
    <row r="17969" spans="4:5" x14ac:dyDescent="0.25">
      <c r="D17969" s="6">
        <v>1045.6869999999999</v>
      </c>
      <c r="E17969" s="6">
        <v>1494.999</v>
      </c>
    </row>
    <row r="17970" spans="4:5" x14ac:dyDescent="0.25">
      <c r="D17970" s="6">
        <v>325.5</v>
      </c>
      <c r="E17970" s="6">
        <v>867.26139999999998</v>
      </c>
    </row>
    <row r="17971" spans="4:5" x14ac:dyDescent="0.25">
      <c r="D17971" s="6">
        <v>1029.3989999999999</v>
      </c>
      <c r="E17971" s="6">
        <v>1585.548</v>
      </c>
    </row>
    <row r="17972" spans="4:5" x14ac:dyDescent="0.25">
      <c r="D17972" s="6">
        <v>1169.3530000000001</v>
      </c>
      <c r="E17972" s="6">
        <v>598.17370000000005</v>
      </c>
    </row>
    <row r="17973" spans="4:5" x14ac:dyDescent="0.25">
      <c r="D17973" s="6">
        <v>438.08139999999997</v>
      </c>
      <c r="E17973" s="6">
        <v>509.2921</v>
      </c>
    </row>
    <row r="17974" spans="4:5" x14ac:dyDescent="0.25">
      <c r="D17974" s="6">
        <v>3206.7669999999998</v>
      </c>
      <c r="E17974" s="6">
        <v>528.47339999999997</v>
      </c>
    </row>
    <row r="17975" spans="4:5" x14ac:dyDescent="0.25">
      <c r="D17975" s="6">
        <v>406.53969999999998</v>
      </c>
      <c r="E17975" s="6">
        <v>551.65359999999998</v>
      </c>
    </row>
    <row r="17976" spans="4:5" x14ac:dyDescent="0.25">
      <c r="D17976" s="6">
        <v>3060.6570000000002</v>
      </c>
      <c r="E17976" s="6">
        <v>1360.193</v>
      </c>
    </row>
    <row r="17977" spans="4:5" x14ac:dyDescent="0.25">
      <c r="D17977" s="6">
        <v>1302.9970000000001</v>
      </c>
      <c r="E17977" s="6">
        <v>2011.434</v>
      </c>
    </row>
    <row r="17978" spans="4:5" x14ac:dyDescent="0.25">
      <c r="D17978" s="6">
        <v>760.49429999999995</v>
      </c>
      <c r="E17978" s="6">
        <v>1457.4580000000001</v>
      </c>
    </row>
    <row r="17979" spans="4:5" x14ac:dyDescent="0.25">
      <c r="D17979" s="6">
        <v>327.89569999999998</v>
      </c>
      <c r="E17979" s="6">
        <v>957.11879999999996</v>
      </c>
    </row>
    <row r="17980" spans="4:5" x14ac:dyDescent="0.25">
      <c r="D17980" s="6">
        <v>1160.2529999999999</v>
      </c>
      <c r="E17980" s="6">
        <v>531.74270000000001</v>
      </c>
    </row>
    <row r="17981" spans="4:5" x14ac:dyDescent="0.25">
      <c r="D17981" s="6">
        <v>413.27190000000002</v>
      </c>
      <c r="E17981" s="6">
        <v>770.79250000000002</v>
      </c>
    </row>
    <row r="17982" spans="4:5" x14ac:dyDescent="0.25">
      <c r="D17982" s="6">
        <v>430.54169999999999</v>
      </c>
      <c r="E17982" s="6">
        <v>1478.6</v>
      </c>
    </row>
    <row r="17983" spans="4:5" x14ac:dyDescent="0.25">
      <c r="D17983" s="6">
        <v>5047.5060000000003</v>
      </c>
      <c r="E17983" s="6">
        <v>1717.0139999999999</v>
      </c>
    </row>
    <row r="17984" spans="4:5" x14ac:dyDescent="0.25">
      <c r="D17984" s="6">
        <v>453.2167</v>
      </c>
      <c r="E17984" s="6">
        <v>1408.9670000000001</v>
      </c>
    </row>
    <row r="17985" spans="4:5" x14ac:dyDescent="0.25">
      <c r="D17985" s="6">
        <v>420.8</v>
      </c>
      <c r="E17985" s="6">
        <v>700.27210000000002</v>
      </c>
    </row>
    <row r="17986" spans="4:5" x14ac:dyDescent="0.25">
      <c r="D17986" s="6">
        <v>932.39869999999996</v>
      </c>
      <c r="E17986" s="6">
        <v>2205.1379999999999</v>
      </c>
    </row>
    <row r="17987" spans="4:5" x14ac:dyDescent="0.25">
      <c r="D17987" s="6">
        <v>1787.912</v>
      </c>
      <c r="E17987" s="6">
        <v>1934.1610000000001</v>
      </c>
    </row>
    <row r="17988" spans="4:5" x14ac:dyDescent="0.25">
      <c r="D17988" s="6">
        <v>1417</v>
      </c>
      <c r="E17988" s="6">
        <v>1698.655</v>
      </c>
    </row>
    <row r="17989" spans="4:5" x14ac:dyDescent="0.25">
      <c r="D17989" s="6">
        <v>848.45740000000001</v>
      </c>
      <c r="E17989" s="6">
        <v>4422.951</v>
      </c>
    </row>
    <row r="17990" spans="4:5" x14ac:dyDescent="0.25">
      <c r="D17990" s="6">
        <v>2138.518</v>
      </c>
      <c r="E17990" s="6">
        <v>3980.9920000000002</v>
      </c>
    </row>
    <row r="17991" spans="4:5" x14ac:dyDescent="0.25">
      <c r="D17991" s="6">
        <v>668.98680000000002</v>
      </c>
      <c r="E17991" s="6">
        <v>1908.3530000000001</v>
      </c>
    </row>
    <row r="17992" spans="4:5" x14ac:dyDescent="0.25">
      <c r="D17992" s="6">
        <v>436.053</v>
      </c>
      <c r="E17992" s="6">
        <v>1736.885</v>
      </c>
    </row>
    <row r="17993" spans="4:5" x14ac:dyDescent="0.25">
      <c r="D17993" s="6">
        <v>3985.817</v>
      </c>
      <c r="E17993" s="6">
        <v>500.12889999999999</v>
      </c>
    </row>
    <row r="17994" spans="4:5" x14ac:dyDescent="0.25">
      <c r="D17994" s="6">
        <v>458.8415</v>
      </c>
      <c r="E17994" s="6">
        <v>1495.7139999999999</v>
      </c>
    </row>
    <row r="17995" spans="4:5" x14ac:dyDescent="0.25">
      <c r="D17995" s="6">
        <v>1490.2809999999999</v>
      </c>
      <c r="E17995" s="6">
        <v>1100.0440000000001</v>
      </c>
    </row>
    <row r="17996" spans="4:5" x14ac:dyDescent="0.25">
      <c r="D17996" s="6">
        <v>1253.5999999999999</v>
      </c>
      <c r="E17996" s="6">
        <v>1208.672</v>
      </c>
    </row>
    <row r="17997" spans="4:5" x14ac:dyDescent="0.25">
      <c r="D17997" s="6">
        <v>567.19190000000003</v>
      </c>
      <c r="E17997" s="6">
        <v>1499.702</v>
      </c>
    </row>
    <row r="17998" spans="4:5" x14ac:dyDescent="0.25">
      <c r="D17998" s="6">
        <v>935.29300000000001</v>
      </c>
      <c r="E17998" s="6">
        <v>1555.539</v>
      </c>
    </row>
    <row r="17999" spans="4:5" x14ac:dyDescent="0.25">
      <c r="D17999" s="6">
        <v>1286.162</v>
      </c>
      <c r="E17999" s="6">
        <v>591.84439999999995</v>
      </c>
    </row>
    <row r="18000" spans="4:5" x14ac:dyDescent="0.25">
      <c r="D18000" s="6">
        <v>456.95870000000002</v>
      </c>
      <c r="E18000" s="6">
        <v>2514.2719999999999</v>
      </c>
    </row>
    <row r="18001" spans="4:5" x14ac:dyDescent="0.25">
      <c r="D18001" s="6">
        <v>865.93970000000002</v>
      </c>
      <c r="E18001" s="6">
        <v>1818.4179999999999</v>
      </c>
    </row>
    <row r="18002" spans="4:5" x14ac:dyDescent="0.25">
      <c r="D18002" s="6">
        <v>484.15480000000002</v>
      </c>
      <c r="E18002" s="6">
        <v>1593.9739999999999</v>
      </c>
    </row>
    <row r="18003" spans="4:5" x14ac:dyDescent="0.25">
      <c r="D18003" s="6">
        <v>1383.2819999999999</v>
      </c>
      <c r="E18003" s="6">
        <v>1743.597</v>
      </c>
    </row>
    <row r="18004" spans="4:5" x14ac:dyDescent="0.25">
      <c r="D18004" s="6">
        <v>1556.6469999999999</v>
      </c>
      <c r="E18004" s="6">
        <v>1955</v>
      </c>
    </row>
    <row r="18005" spans="4:5" x14ac:dyDescent="0.25">
      <c r="D18005" s="6">
        <v>4379.7</v>
      </c>
      <c r="E18005" s="6">
        <v>1232.5409999999999</v>
      </c>
    </row>
    <row r="18006" spans="4:5" x14ac:dyDescent="0.25">
      <c r="D18006" s="6">
        <v>704.07079999999996</v>
      </c>
      <c r="E18006" s="6">
        <v>604.42020000000002</v>
      </c>
    </row>
    <row r="18007" spans="4:5" x14ac:dyDescent="0.25">
      <c r="D18007" s="6">
        <v>3270</v>
      </c>
      <c r="E18007" s="6">
        <v>1412.165</v>
      </c>
    </row>
    <row r="18008" spans="4:5" x14ac:dyDescent="0.25">
      <c r="D18008" s="6">
        <v>922.61419999999998</v>
      </c>
      <c r="E18008" s="6">
        <v>1250.8710000000001</v>
      </c>
    </row>
    <row r="18009" spans="4:5" x14ac:dyDescent="0.25">
      <c r="D18009" s="6">
        <v>891.43629999999996</v>
      </c>
      <c r="E18009" s="6">
        <v>1842.4849999999999</v>
      </c>
    </row>
    <row r="18010" spans="4:5" x14ac:dyDescent="0.25">
      <c r="D18010" s="6">
        <v>666.423</v>
      </c>
      <c r="E18010" s="6">
        <v>678.51110000000006</v>
      </c>
    </row>
    <row r="18011" spans="4:5" x14ac:dyDescent="0.25">
      <c r="D18011" s="6">
        <v>3258.4070000000002</v>
      </c>
      <c r="E18011" s="6">
        <v>904.66669999999999</v>
      </c>
    </row>
    <row r="18012" spans="4:5" x14ac:dyDescent="0.25">
      <c r="D18012" s="6">
        <v>537.38969999999995</v>
      </c>
      <c r="E18012" s="6">
        <v>1199.6130000000001</v>
      </c>
    </row>
    <row r="18013" spans="4:5" x14ac:dyDescent="0.25">
      <c r="D18013" s="6">
        <v>415.85610000000003</v>
      </c>
      <c r="E18013" s="6">
        <v>2180.7719999999999</v>
      </c>
    </row>
    <row r="18014" spans="4:5" x14ac:dyDescent="0.25">
      <c r="D18014" s="6">
        <v>365.24540000000002</v>
      </c>
      <c r="E18014" s="6">
        <v>1482.5250000000001</v>
      </c>
    </row>
    <row r="18015" spans="4:5" x14ac:dyDescent="0.25">
      <c r="D18015" s="6">
        <v>489.41719999999998</v>
      </c>
      <c r="E18015" s="6">
        <v>2332.6889999999999</v>
      </c>
    </row>
    <row r="18016" spans="4:5" x14ac:dyDescent="0.25">
      <c r="D18016" s="6">
        <v>4074.9850000000001</v>
      </c>
      <c r="E18016" s="6">
        <v>1516.7070000000001</v>
      </c>
    </row>
    <row r="18017" spans="4:5" x14ac:dyDescent="0.25">
      <c r="D18017" s="6">
        <v>445.88569999999999</v>
      </c>
      <c r="E18017" s="6">
        <v>581.83209999999997</v>
      </c>
    </row>
    <row r="18018" spans="4:5" x14ac:dyDescent="0.25">
      <c r="D18018" s="6">
        <v>602.45119999999997</v>
      </c>
      <c r="E18018" s="6">
        <v>2171.319</v>
      </c>
    </row>
    <row r="18019" spans="4:5" x14ac:dyDescent="0.25">
      <c r="D18019" s="6">
        <v>1220.0419999999999</v>
      </c>
      <c r="E18019" s="6">
        <v>1514.5630000000001</v>
      </c>
    </row>
    <row r="18020" spans="4:5" x14ac:dyDescent="0.25">
      <c r="D18020" s="6">
        <v>936.3415</v>
      </c>
      <c r="E18020" s="6">
        <v>854.92809999999997</v>
      </c>
    </row>
    <row r="18021" spans="4:5" x14ac:dyDescent="0.25">
      <c r="D18021" s="6">
        <v>727.18730000000005</v>
      </c>
      <c r="E18021" s="6">
        <v>570</v>
      </c>
    </row>
    <row r="18022" spans="4:5" x14ac:dyDescent="0.25">
      <c r="D18022" s="6">
        <v>415.99740000000003</v>
      </c>
      <c r="E18022" s="6">
        <v>684.50940000000003</v>
      </c>
    </row>
    <row r="18023" spans="4:5" x14ac:dyDescent="0.25">
      <c r="D18023" s="6">
        <v>4934.616</v>
      </c>
      <c r="E18023" s="6">
        <v>5196.01</v>
      </c>
    </row>
    <row r="18024" spans="4:5" x14ac:dyDescent="0.25">
      <c r="D18024" s="6">
        <v>4418.5479999999998</v>
      </c>
      <c r="E18024" s="6">
        <v>503.18299999999999</v>
      </c>
    </row>
    <row r="18025" spans="4:5" x14ac:dyDescent="0.25">
      <c r="D18025" s="6">
        <v>552.79380000000003</v>
      </c>
      <c r="E18025" s="6">
        <v>515.77530000000002</v>
      </c>
    </row>
    <row r="18026" spans="4:5" x14ac:dyDescent="0.25">
      <c r="D18026" s="6">
        <v>954.27959999999996</v>
      </c>
      <c r="E18026" s="6">
        <v>1433.845</v>
      </c>
    </row>
    <row r="18027" spans="4:5" x14ac:dyDescent="0.25">
      <c r="D18027" s="6">
        <v>6500.6930000000002</v>
      </c>
      <c r="E18027" s="6">
        <v>1115.4770000000001</v>
      </c>
    </row>
    <row r="18028" spans="4:5" x14ac:dyDescent="0.25">
      <c r="D18028" s="6">
        <v>888.65549999999996</v>
      </c>
      <c r="E18028" s="6">
        <v>508.35</v>
      </c>
    </row>
    <row r="18029" spans="4:5" x14ac:dyDescent="0.25">
      <c r="D18029" s="6">
        <v>1119.454</v>
      </c>
      <c r="E18029" s="6">
        <v>629.63800000000003</v>
      </c>
    </row>
    <row r="18030" spans="4:5" x14ac:dyDescent="0.25">
      <c r="D18030" s="6">
        <v>867.62400000000002</v>
      </c>
      <c r="E18030" s="6">
        <v>5593.6769999999997</v>
      </c>
    </row>
    <row r="18031" spans="4:5" x14ac:dyDescent="0.25">
      <c r="D18031" s="6">
        <v>2925.259</v>
      </c>
      <c r="E18031" s="6">
        <v>582.74739999999997</v>
      </c>
    </row>
    <row r="18032" spans="4:5" x14ac:dyDescent="0.25">
      <c r="D18032" s="6">
        <v>1342.654</v>
      </c>
      <c r="E18032" s="6">
        <v>2308.9180000000001</v>
      </c>
    </row>
    <row r="18033" spans="4:5" x14ac:dyDescent="0.25">
      <c r="D18033" s="6">
        <v>403.8691</v>
      </c>
      <c r="E18033" s="6">
        <v>2227.0250000000001</v>
      </c>
    </row>
    <row r="18034" spans="4:5" x14ac:dyDescent="0.25">
      <c r="D18034" s="6">
        <v>800.64610000000005</v>
      </c>
      <c r="E18034" s="6">
        <v>935.53779999999995</v>
      </c>
    </row>
    <row r="18035" spans="4:5" x14ac:dyDescent="0.25">
      <c r="D18035" s="6">
        <v>1261.5170000000001</v>
      </c>
      <c r="E18035" s="6">
        <v>1024.1179999999999</v>
      </c>
    </row>
    <row r="18036" spans="4:5" x14ac:dyDescent="0.25">
      <c r="D18036" s="6">
        <v>3425.241</v>
      </c>
      <c r="E18036" s="6">
        <v>1571.9860000000001</v>
      </c>
    </row>
    <row r="18037" spans="4:5" x14ac:dyDescent="0.25">
      <c r="D18037" s="6">
        <v>1710.92</v>
      </c>
      <c r="E18037" s="6">
        <v>1756.1479999999999</v>
      </c>
    </row>
    <row r="18038" spans="4:5" x14ac:dyDescent="0.25">
      <c r="D18038" s="6">
        <v>2919.5889999999999</v>
      </c>
      <c r="E18038" s="6">
        <v>641.99249999999995</v>
      </c>
    </row>
    <row r="18039" spans="4:5" x14ac:dyDescent="0.25">
      <c r="D18039" s="6">
        <v>567.34130000000005</v>
      </c>
      <c r="E18039" s="6">
        <v>1289.6579999999999</v>
      </c>
    </row>
    <row r="18040" spans="4:5" x14ac:dyDescent="0.25">
      <c r="D18040" s="6">
        <v>412.66950000000003</v>
      </c>
      <c r="E18040" s="6">
        <v>1434.212</v>
      </c>
    </row>
    <row r="18041" spans="4:5" x14ac:dyDescent="0.25">
      <c r="D18041" s="6">
        <v>419.74380000000002</v>
      </c>
      <c r="E18041" s="6">
        <v>616.58280000000002</v>
      </c>
    </row>
    <row r="18042" spans="4:5" x14ac:dyDescent="0.25">
      <c r="D18042" s="6">
        <v>2820.7759999999998</v>
      </c>
      <c r="E18042" s="6">
        <v>1849.0540000000001</v>
      </c>
    </row>
    <row r="18043" spans="4:5" x14ac:dyDescent="0.25">
      <c r="D18043" s="6">
        <v>978.37189999999998</v>
      </c>
      <c r="E18043" s="6">
        <v>659.65620000000001</v>
      </c>
    </row>
    <row r="18044" spans="4:5" x14ac:dyDescent="0.25">
      <c r="D18044" s="6">
        <v>420.46030000000002</v>
      </c>
      <c r="E18044" s="6">
        <v>1461</v>
      </c>
    </row>
    <row r="18045" spans="4:5" x14ac:dyDescent="0.25">
      <c r="D18045" s="6">
        <v>1294.7180000000001</v>
      </c>
      <c r="E18045" s="6">
        <v>892.01260000000002</v>
      </c>
    </row>
    <row r="18046" spans="4:5" x14ac:dyDescent="0.25">
      <c r="D18046" s="6">
        <v>4340.4840000000004</v>
      </c>
      <c r="E18046" s="6">
        <v>1684.8</v>
      </c>
    </row>
    <row r="18047" spans="4:5" x14ac:dyDescent="0.25">
      <c r="D18047" s="6">
        <v>334.25</v>
      </c>
      <c r="E18047" s="6">
        <v>1510.5619999999999</v>
      </c>
    </row>
    <row r="18048" spans="4:5" x14ac:dyDescent="0.25">
      <c r="D18048" s="6">
        <v>3538.8490000000002</v>
      </c>
      <c r="E18048" s="6">
        <v>4012.136</v>
      </c>
    </row>
    <row r="18049" spans="4:5" x14ac:dyDescent="0.25">
      <c r="D18049" s="6">
        <v>758.76729999999998</v>
      </c>
      <c r="E18049" s="6">
        <v>1410.7950000000001</v>
      </c>
    </row>
    <row r="18050" spans="4:5" x14ac:dyDescent="0.25">
      <c r="D18050" s="6">
        <v>862.91719999999998</v>
      </c>
      <c r="E18050" s="6">
        <v>602.11009999999999</v>
      </c>
    </row>
    <row r="18051" spans="4:5" x14ac:dyDescent="0.25">
      <c r="D18051" s="6">
        <v>1677.213</v>
      </c>
      <c r="E18051" s="6">
        <v>1287.0509999999999</v>
      </c>
    </row>
    <row r="18052" spans="4:5" x14ac:dyDescent="0.25">
      <c r="D18052" s="6">
        <v>4784</v>
      </c>
      <c r="E18052" s="6">
        <v>1420.2660000000001</v>
      </c>
    </row>
    <row r="18053" spans="4:5" x14ac:dyDescent="0.25">
      <c r="D18053" s="6">
        <v>616.52919999999995</v>
      </c>
      <c r="E18053" s="6">
        <v>1537.3510000000001</v>
      </c>
    </row>
    <row r="18054" spans="4:5" x14ac:dyDescent="0.25">
      <c r="D18054" s="6">
        <v>1182.037</v>
      </c>
      <c r="E18054" s="6">
        <v>839.44439999999997</v>
      </c>
    </row>
    <row r="18055" spans="4:5" x14ac:dyDescent="0.25">
      <c r="D18055" s="6">
        <v>424.97789999999998</v>
      </c>
      <c r="E18055" s="6">
        <v>1286.287</v>
      </c>
    </row>
    <row r="18056" spans="4:5" x14ac:dyDescent="0.25">
      <c r="D18056" s="6">
        <v>955.74249999999995</v>
      </c>
      <c r="E18056" s="6">
        <v>1321.203</v>
      </c>
    </row>
    <row r="18057" spans="4:5" x14ac:dyDescent="0.25">
      <c r="D18057" s="6">
        <v>1111.5540000000001</v>
      </c>
      <c r="E18057" s="6">
        <v>669.21910000000003</v>
      </c>
    </row>
    <row r="18058" spans="4:5" x14ac:dyDescent="0.25">
      <c r="D18058" s="6">
        <v>593.04430000000002</v>
      </c>
      <c r="E18058" s="6">
        <v>510.8295</v>
      </c>
    </row>
    <row r="18059" spans="4:5" x14ac:dyDescent="0.25">
      <c r="D18059" s="6">
        <v>927.54679999999996</v>
      </c>
      <c r="E18059" s="6">
        <v>1066.4469999999999</v>
      </c>
    </row>
    <row r="18060" spans="4:5" x14ac:dyDescent="0.25">
      <c r="D18060" s="6">
        <v>898.42579999999998</v>
      </c>
      <c r="E18060" s="6">
        <v>2489.4160000000002</v>
      </c>
    </row>
    <row r="18061" spans="4:5" x14ac:dyDescent="0.25">
      <c r="D18061" s="6">
        <v>3181.8510000000001</v>
      </c>
      <c r="E18061" s="6">
        <v>1597.0740000000001</v>
      </c>
    </row>
    <row r="18062" spans="4:5" x14ac:dyDescent="0.25">
      <c r="D18062" s="6">
        <v>510.78570000000002</v>
      </c>
      <c r="E18062" s="6">
        <v>597.73019999999997</v>
      </c>
    </row>
    <row r="18063" spans="4:5" x14ac:dyDescent="0.25">
      <c r="D18063" s="6">
        <v>2593.1289999999999</v>
      </c>
      <c r="E18063" s="6">
        <v>835.12289999999996</v>
      </c>
    </row>
    <row r="18064" spans="4:5" x14ac:dyDescent="0.25">
      <c r="D18064" s="6">
        <v>469.24130000000002</v>
      </c>
      <c r="E18064" s="6">
        <v>3036.326</v>
      </c>
    </row>
    <row r="18065" spans="4:5" x14ac:dyDescent="0.25">
      <c r="D18065" s="6">
        <v>3784.5079999999998</v>
      </c>
      <c r="E18065" s="6">
        <v>1143.9749999999999</v>
      </c>
    </row>
    <row r="18066" spans="4:5" x14ac:dyDescent="0.25">
      <c r="D18066" s="6">
        <v>483.83749999999998</v>
      </c>
      <c r="E18066" s="6">
        <v>585.43889999999999</v>
      </c>
    </row>
    <row r="18067" spans="4:5" x14ac:dyDescent="0.25">
      <c r="D18067" s="6">
        <v>6018.7430000000004</v>
      </c>
      <c r="E18067" s="6">
        <v>3248.0540000000001</v>
      </c>
    </row>
    <row r="18068" spans="4:5" x14ac:dyDescent="0.25">
      <c r="D18068" s="6">
        <v>1075.45</v>
      </c>
      <c r="E18068" s="6">
        <v>1602.625</v>
      </c>
    </row>
    <row r="18069" spans="4:5" x14ac:dyDescent="0.25">
      <c r="D18069" s="6">
        <v>941.42899999999997</v>
      </c>
      <c r="E18069" s="6">
        <v>623.24040000000002</v>
      </c>
    </row>
    <row r="18070" spans="4:5" x14ac:dyDescent="0.25">
      <c r="D18070" s="6">
        <v>367.5</v>
      </c>
      <c r="E18070" s="6">
        <v>918.1037</v>
      </c>
    </row>
    <row r="18071" spans="4:5" x14ac:dyDescent="0.25">
      <c r="D18071" s="6">
        <v>1140.577</v>
      </c>
      <c r="E18071" s="6">
        <v>1297.2950000000001</v>
      </c>
    </row>
    <row r="18072" spans="4:5" x14ac:dyDescent="0.25">
      <c r="D18072" s="6">
        <v>1981.7449999999999</v>
      </c>
      <c r="E18072" s="6">
        <v>548.18759999999997</v>
      </c>
    </row>
    <row r="18073" spans="4:5" x14ac:dyDescent="0.25">
      <c r="D18073" s="6">
        <v>453.27460000000002</v>
      </c>
      <c r="E18073" s="6">
        <v>2343.2350000000001</v>
      </c>
    </row>
    <row r="18074" spans="4:5" x14ac:dyDescent="0.25">
      <c r="D18074" s="6">
        <v>3004.23</v>
      </c>
      <c r="E18074" s="6">
        <v>1487.164</v>
      </c>
    </row>
    <row r="18075" spans="4:5" x14ac:dyDescent="0.25">
      <c r="D18075" s="6">
        <v>1452.5060000000001</v>
      </c>
      <c r="E18075" s="6">
        <v>2188.848</v>
      </c>
    </row>
    <row r="18076" spans="4:5" x14ac:dyDescent="0.25">
      <c r="D18076" s="6">
        <v>3224.2919999999999</v>
      </c>
      <c r="E18076" s="6">
        <v>1021.414</v>
      </c>
    </row>
    <row r="18077" spans="4:5" x14ac:dyDescent="0.25">
      <c r="D18077" s="6">
        <v>402.30770000000001</v>
      </c>
      <c r="E18077" s="6">
        <v>518.95929999999998</v>
      </c>
    </row>
    <row r="18078" spans="4:5" x14ac:dyDescent="0.25">
      <c r="D18078" s="6">
        <v>802.68619999999999</v>
      </c>
      <c r="E18078" s="6">
        <v>1554.4970000000001</v>
      </c>
    </row>
    <row r="18079" spans="4:5" x14ac:dyDescent="0.25">
      <c r="D18079" s="6">
        <v>1137.277</v>
      </c>
      <c r="E18079" s="6">
        <v>1672.2850000000001</v>
      </c>
    </row>
    <row r="18080" spans="4:5" x14ac:dyDescent="0.25">
      <c r="D18080" s="6">
        <v>320.95409999999998</v>
      </c>
      <c r="E18080" s="6">
        <v>1264.6379999999999</v>
      </c>
    </row>
    <row r="18081" spans="4:5" x14ac:dyDescent="0.25">
      <c r="D18081" s="6">
        <v>2690.6109999999999</v>
      </c>
      <c r="E18081" s="6">
        <v>918.85050000000001</v>
      </c>
    </row>
    <row r="18082" spans="4:5" x14ac:dyDescent="0.25">
      <c r="D18082" s="6">
        <v>3597.6849999999999</v>
      </c>
      <c r="E18082" s="6">
        <v>1759.383</v>
      </c>
    </row>
    <row r="18083" spans="4:5" x14ac:dyDescent="0.25">
      <c r="D18083" s="6">
        <v>1040.6790000000001</v>
      </c>
      <c r="E18083" s="6">
        <v>1944.625</v>
      </c>
    </row>
    <row r="18084" spans="4:5" x14ac:dyDescent="0.25">
      <c r="D18084" s="6">
        <v>409.5059</v>
      </c>
      <c r="E18084" s="6">
        <v>4431.1490000000003</v>
      </c>
    </row>
    <row r="18085" spans="4:5" x14ac:dyDescent="0.25">
      <c r="D18085" s="6">
        <v>4189.0169999999998</v>
      </c>
      <c r="E18085" s="6">
        <v>659</v>
      </c>
    </row>
    <row r="18086" spans="4:5" x14ac:dyDescent="0.25">
      <c r="D18086" s="6">
        <v>548.52300000000002</v>
      </c>
      <c r="E18086" s="6">
        <v>964.74480000000005</v>
      </c>
    </row>
    <row r="18087" spans="4:5" x14ac:dyDescent="0.25">
      <c r="D18087" s="6">
        <v>1333.481</v>
      </c>
      <c r="E18087" s="6">
        <v>1501.7619999999999</v>
      </c>
    </row>
    <row r="18088" spans="4:5" x14ac:dyDescent="0.25">
      <c r="D18088" s="6">
        <v>3439.5770000000002</v>
      </c>
      <c r="E18088" s="6">
        <v>584.43110000000001</v>
      </c>
    </row>
    <row r="18089" spans="4:5" x14ac:dyDescent="0.25">
      <c r="D18089" s="6">
        <v>1161.4749999999999</v>
      </c>
      <c r="E18089" s="6">
        <v>1291.6659999999999</v>
      </c>
    </row>
    <row r="18090" spans="4:5" x14ac:dyDescent="0.25">
      <c r="D18090" s="6">
        <v>580.48450000000003</v>
      </c>
      <c r="E18090" s="6">
        <v>1511.7760000000001</v>
      </c>
    </row>
    <row r="18091" spans="4:5" x14ac:dyDescent="0.25">
      <c r="D18091" s="6">
        <v>426.55959999999999</v>
      </c>
      <c r="E18091" s="6">
        <v>609.49400000000003</v>
      </c>
    </row>
    <row r="18092" spans="4:5" x14ac:dyDescent="0.25">
      <c r="D18092" s="6">
        <v>1187.444</v>
      </c>
      <c r="E18092" s="6">
        <v>546.99239999999998</v>
      </c>
    </row>
    <row r="18093" spans="4:5" x14ac:dyDescent="0.25">
      <c r="D18093" s="6">
        <v>409.05329999999998</v>
      </c>
      <c r="E18093" s="6">
        <v>585.30790000000002</v>
      </c>
    </row>
    <row r="18094" spans="4:5" x14ac:dyDescent="0.25">
      <c r="D18094" s="6">
        <v>6422.5950000000003</v>
      </c>
      <c r="E18094" s="6">
        <v>752.07429999999999</v>
      </c>
    </row>
    <row r="18095" spans="4:5" x14ac:dyDescent="0.25">
      <c r="D18095" s="6">
        <v>1837.8630000000001</v>
      </c>
      <c r="E18095" s="6">
        <v>2119.3710000000001</v>
      </c>
    </row>
    <row r="18096" spans="4:5" x14ac:dyDescent="0.25">
      <c r="D18096" s="6">
        <v>1061.9290000000001</v>
      </c>
      <c r="E18096" s="6">
        <v>782.56960000000004</v>
      </c>
    </row>
    <row r="18097" spans="4:5" x14ac:dyDescent="0.25">
      <c r="D18097" s="6">
        <v>1221.443</v>
      </c>
      <c r="E18097" s="6">
        <v>2837.22</v>
      </c>
    </row>
    <row r="18098" spans="4:5" x14ac:dyDescent="0.25">
      <c r="D18098" s="6">
        <v>686.20249999999999</v>
      </c>
      <c r="E18098" s="6">
        <v>2517.5</v>
      </c>
    </row>
    <row r="18099" spans="4:5" x14ac:dyDescent="0.25">
      <c r="D18099" s="6">
        <v>3742.3270000000002</v>
      </c>
      <c r="E18099" s="6">
        <v>1593.0139999999999</v>
      </c>
    </row>
    <row r="18100" spans="4:5" x14ac:dyDescent="0.25">
      <c r="D18100" s="6">
        <v>2080.8829999999998</v>
      </c>
      <c r="E18100" s="6">
        <v>7952.4709999999995</v>
      </c>
    </row>
    <row r="18101" spans="4:5" x14ac:dyDescent="0.25">
      <c r="D18101" s="6">
        <v>1073.279</v>
      </c>
      <c r="E18101" s="6">
        <v>1147.702</v>
      </c>
    </row>
    <row r="18102" spans="4:5" x14ac:dyDescent="0.25">
      <c r="D18102" s="6">
        <v>981.38049999999998</v>
      </c>
      <c r="E18102" s="6">
        <v>2360.1880000000001</v>
      </c>
    </row>
    <row r="18103" spans="4:5" x14ac:dyDescent="0.25">
      <c r="D18103" s="6">
        <v>512.72040000000004</v>
      </c>
      <c r="E18103" s="6">
        <v>533.8107</v>
      </c>
    </row>
    <row r="18104" spans="4:5" x14ac:dyDescent="0.25">
      <c r="D18104" s="6">
        <v>787.33050000000003</v>
      </c>
      <c r="E18104" s="6">
        <v>1830.874</v>
      </c>
    </row>
    <row r="18105" spans="4:5" x14ac:dyDescent="0.25">
      <c r="D18105" s="6">
        <v>1337.1210000000001</v>
      </c>
      <c r="E18105" s="6">
        <v>1477.8720000000001</v>
      </c>
    </row>
    <row r="18106" spans="4:5" x14ac:dyDescent="0.25">
      <c r="D18106" s="6">
        <v>511.98259999999999</v>
      </c>
      <c r="E18106" s="6">
        <v>2620.721</v>
      </c>
    </row>
    <row r="18107" spans="4:5" x14ac:dyDescent="0.25">
      <c r="D18107" s="6">
        <v>550.16669999999999</v>
      </c>
      <c r="E18107" s="6">
        <v>833.63800000000003</v>
      </c>
    </row>
    <row r="18108" spans="4:5" x14ac:dyDescent="0.25">
      <c r="D18108" s="6">
        <v>448.54719999999998</v>
      </c>
      <c r="E18108" s="6">
        <v>1308.0709999999999</v>
      </c>
    </row>
    <row r="18109" spans="4:5" x14ac:dyDescent="0.25">
      <c r="D18109" s="6">
        <v>1889.0139999999999</v>
      </c>
      <c r="E18109" s="6">
        <v>1594.73</v>
      </c>
    </row>
    <row r="18110" spans="4:5" x14ac:dyDescent="0.25">
      <c r="D18110" s="6">
        <v>1080.1859999999999</v>
      </c>
      <c r="E18110" s="6">
        <v>1302.3889999999999</v>
      </c>
    </row>
    <row r="18111" spans="4:5" x14ac:dyDescent="0.25">
      <c r="D18111" s="6">
        <v>439.27539999999999</v>
      </c>
      <c r="E18111" s="6">
        <v>790.08920000000001</v>
      </c>
    </row>
    <row r="18112" spans="4:5" x14ac:dyDescent="0.25">
      <c r="D18112" s="6">
        <v>876.73850000000004</v>
      </c>
      <c r="E18112" s="6">
        <v>1507.2819999999999</v>
      </c>
    </row>
    <row r="18113" spans="4:5" x14ac:dyDescent="0.25">
      <c r="D18113" s="6">
        <v>500.25</v>
      </c>
      <c r="E18113" s="6">
        <v>1388.192</v>
      </c>
    </row>
    <row r="18114" spans="4:5" x14ac:dyDescent="0.25">
      <c r="D18114" s="6">
        <v>945.0711</v>
      </c>
      <c r="E18114" s="6">
        <v>1715.4780000000001</v>
      </c>
    </row>
    <row r="18115" spans="4:5" x14ac:dyDescent="0.25">
      <c r="D18115" s="6">
        <v>827.87180000000001</v>
      </c>
      <c r="E18115" s="6">
        <v>1196.8699999999999</v>
      </c>
    </row>
    <row r="18116" spans="4:5" x14ac:dyDescent="0.25">
      <c r="D18116" s="6">
        <v>978.71429999999998</v>
      </c>
      <c r="E18116" s="6">
        <v>1221.444</v>
      </c>
    </row>
    <row r="18117" spans="4:5" x14ac:dyDescent="0.25">
      <c r="D18117" s="6">
        <v>3062.44</v>
      </c>
      <c r="E18117" s="6">
        <v>1529.327</v>
      </c>
    </row>
    <row r="18118" spans="4:5" x14ac:dyDescent="0.25">
      <c r="D18118" s="6">
        <v>550.93089999999995</v>
      </c>
      <c r="E18118" s="6">
        <v>1565.549</v>
      </c>
    </row>
    <row r="18119" spans="4:5" x14ac:dyDescent="0.25">
      <c r="D18119" s="6">
        <v>3704.53</v>
      </c>
      <c r="E18119" s="6">
        <v>1678.617</v>
      </c>
    </row>
    <row r="18120" spans="4:5" x14ac:dyDescent="0.25">
      <c r="D18120" s="6">
        <v>3853.9</v>
      </c>
      <c r="E18120" s="6">
        <v>1622.425</v>
      </c>
    </row>
    <row r="18121" spans="4:5" x14ac:dyDescent="0.25">
      <c r="D18121" s="6">
        <v>1674.903</v>
      </c>
      <c r="E18121" s="6">
        <v>493.62270000000001</v>
      </c>
    </row>
    <row r="18122" spans="4:5" x14ac:dyDescent="0.25">
      <c r="D18122" s="6">
        <v>1046.4659999999999</v>
      </c>
      <c r="E18122" s="6">
        <v>1526.17</v>
      </c>
    </row>
    <row r="18123" spans="4:5" x14ac:dyDescent="0.25">
      <c r="D18123" s="6">
        <v>411.75</v>
      </c>
      <c r="E18123" s="6">
        <v>1356.5650000000001</v>
      </c>
    </row>
    <row r="18124" spans="4:5" x14ac:dyDescent="0.25">
      <c r="D18124" s="6">
        <v>1262.442</v>
      </c>
      <c r="E18124" s="6">
        <v>2395.433</v>
      </c>
    </row>
    <row r="18125" spans="4:5" x14ac:dyDescent="0.25">
      <c r="D18125" s="6">
        <v>3629.1390000000001</v>
      </c>
      <c r="E18125" s="6">
        <v>553.39350000000002</v>
      </c>
    </row>
    <row r="18126" spans="4:5" x14ac:dyDescent="0.25">
      <c r="D18126" s="6">
        <v>415.72460000000001</v>
      </c>
      <c r="E18126" s="6">
        <v>849.76220000000001</v>
      </c>
    </row>
    <row r="18127" spans="4:5" x14ac:dyDescent="0.25">
      <c r="D18127" s="6">
        <v>434.10449999999997</v>
      </c>
      <c r="E18127" s="6">
        <v>551.60990000000004</v>
      </c>
    </row>
    <row r="18128" spans="4:5" x14ac:dyDescent="0.25">
      <c r="D18128" s="6">
        <v>508.25310000000002</v>
      </c>
      <c r="E18128" s="6">
        <v>1322.9469999999999</v>
      </c>
    </row>
    <row r="18129" spans="4:5" x14ac:dyDescent="0.25">
      <c r="D18129" s="6">
        <v>470.80110000000002</v>
      </c>
      <c r="E18129" s="6">
        <v>1564.0119999999999</v>
      </c>
    </row>
    <row r="18130" spans="4:5" x14ac:dyDescent="0.25">
      <c r="D18130" s="6">
        <v>3664.84</v>
      </c>
      <c r="E18130" s="6">
        <v>1302.575</v>
      </c>
    </row>
    <row r="18131" spans="4:5" x14ac:dyDescent="0.25">
      <c r="D18131" s="6">
        <v>1196.7260000000001</v>
      </c>
      <c r="E18131" s="6">
        <v>683.69470000000001</v>
      </c>
    </row>
    <row r="18132" spans="4:5" x14ac:dyDescent="0.25">
      <c r="D18132" s="6">
        <v>810.81650000000002</v>
      </c>
      <c r="E18132" s="6">
        <v>692.32730000000004</v>
      </c>
    </row>
    <row r="18133" spans="4:5" x14ac:dyDescent="0.25">
      <c r="D18133" s="6">
        <v>816.15060000000005</v>
      </c>
      <c r="E18133" s="6">
        <v>1975.0619999999999</v>
      </c>
    </row>
    <row r="18134" spans="4:5" x14ac:dyDescent="0.25">
      <c r="D18134" s="6">
        <v>382.70010000000002</v>
      </c>
      <c r="E18134" s="6">
        <v>795.53150000000005</v>
      </c>
    </row>
    <row r="18135" spans="4:5" x14ac:dyDescent="0.25">
      <c r="D18135" s="6">
        <v>484.62200000000001</v>
      </c>
      <c r="E18135" s="6">
        <v>1062.2460000000001</v>
      </c>
    </row>
    <row r="18136" spans="4:5" x14ac:dyDescent="0.25">
      <c r="D18136" s="6">
        <v>479.13470000000001</v>
      </c>
      <c r="E18136" s="6">
        <v>2221.5659999999998</v>
      </c>
    </row>
    <row r="18137" spans="4:5" x14ac:dyDescent="0.25">
      <c r="D18137" s="6">
        <v>706.35149999999999</v>
      </c>
      <c r="E18137" s="6">
        <v>3675.4009999999998</v>
      </c>
    </row>
    <row r="18138" spans="4:5" x14ac:dyDescent="0.25">
      <c r="D18138" s="6">
        <v>524.65629999999999</v>
      </c>
      <c r="E18138" s="6">
        <v>1120.3579999999999</v>
      </c>
    </row>
    <row r="18139" spans="4:5" x14ac:dyDescent="0.25">
      <c r="D18139" s="6">
        <v>1582.482</v>
      </c>
      <c r="E18139" s="6">
        <v>964.75</v>
      </c>
    </row>
    <row r="18140" spans="4:5" x14ac:dyDescent="0.25">
      <c r="D18140" s="6">
        <v>2619.741</v>
      </c>
      <c r="E18140" s="6">
        <v>1422.9949999999999</v>
      </c>
    </row>
    <row r="18141" spans="4:5" x14ac:dyDescent="0.25">
      <c r="D18141" s="6">
        <v>4790.2250000000004</v>
      </c>
      <c r="E18141" s="6">
        <v>783.54639999999995</v>
      </c>
    </row>
    <row r="18142" spans="4:5" x14ac:dyDescent="0.25">
      <c r="D18142" s="6">
        <v>490.41390000000001</v>
      </c>
      <c r="E18142" s="6">
        <v>2547.4189999999999</v>
      </c>
    </row>
    <row r="18143" spans="4:5" x14ac:dyDescent="0.25">
      <c r="D18143" s="6">
        <v>1087.0050000000001</v>
      </c>
      <c r="E18143" s="6">
        <v>1404.6130000000001</v>
      </c>
    </row>
    <row r="18144" spans="4:5" x14ac:dyDescent="0.25">
      <c r="D18144" s="6">
        <v>806.7287</v>
      </c>
      <c r="E18144" s="6">
        <v>737.42290000000003</v>
      </c>
    </row>
    <row r="18145" spans="4:5" x14ac:dyDescent="0.25">
      <c r="D18145" s="6">
        <v>456.42079999999999</v>
      </c>
      <c r="E18145" s="6">
        <v>756.65150000000006</v>
      </c>
    </row>
    <row r="18146" spans="4:5" x14ac:dyDescent="0.25">
      <c r="D18146" s="6">
        <v>475.07400000000001</v>
      </c>
      <c r="E18146" s="6">
        <v>1340.5709999999999</v>
      </c>
    </row>
    <row r="18147" spans="4:5" x14ac:dyDescent="0.25">
      <c r="D18147" s="6">
        <v>499.0299</v>
      </c>
      <c r="E18147" s="6">
        <v>1587.4570000000001</v>
      </c>
    </row>
    <row r="18148" spans="4:5" x14ac:dyDescent="0.25">
      <c r="D18148" s="6">
        <v>457.98239999999998</v>
      </c>
      <c r="E18148" s="6">
        <v>1920.5350000000001</v>
      </c>
    </row>
    <row r="18149" spans="4:5" x14ac:dyDescent="0.25">
      <c r="D18149" s="6">
        <v>466.59789999999998</v>
      </c>
      <c r="E18149" s="6">
        <v>1276.904</v>
      </c>
    </row>
    <row r="18150" spans="4:5" x14ac:dyDescent="0.25">
      <c r="D18150" s="6">
        <v>396.5</v>
      </c>
      <c r="E18150" s="6">
        <v>1735.221</v>
      </c>
    </row>
    <row r="18151" spans="4:5" x14ac:dyDescent="0.25">
      <c r="D18151" s="6">
        <v>3623.4690000000001</v>
      </c>
      <c r="E18151" s="6">
        <v>624.28060000000005</v>
      </c>
    </row>
    <row r="18152" spans="4:5" x14ac:dyDescent="0.25">
      <c r="D18152" s="6">
        <v>1268.0820000000001</v>
      </c>
      <c r="E18152" s="6">
        <v>1218.809</v>
      </c>
    </row>
    <row r="18153" spans="4:5" x14ac:dyDescent="0.25">
      <c r="D18153" s="6">
        <v>499.45519999999999</v>
      </c>
      <c r="E18153" s="6">
        <v>1685.0070000000001</v>
      </c>
    </row>
    <row r="18154" spans="4:5" x14ac:dyDescent="0.25">
      <c r="D18154" s="6">
        <v>430.23770000000002</v>
      </c>
      <c r="E18154" s="6">
        <v>1754.6610000000001</v>
      </c>
    </row>
    <row r="18155" spans="4:5" x14ac:dyDescent="0.25">
      <c r="D18155" s="6">
        <v>1094.893</v>
      </c>
      <c r="E18155" s="6">
        <v>9376.1759999999995</v>
      </c>
    </row>
    <row r="18156" spans="4:5" x14ac:dyDescent="0.25">
      <c r="D18156" s="6">
        <v>5292.1989999999996</v>
      </c>
      <c r="E18156" s="6">
        <v>499.32100000000003</v>
      </c>
    </row>
    <row r="18157" spans="4:5" x14ac:dyDescent="0.25">
      <c r="D18157" s="6">
        <v>440.77460000000002</v>
      </c>
      <c r="E18157" s="6">
        <v>1506.8109999999999</v>
      </c>
    </row>
    <row r="18158" spans="4:5" x14ac:dyDescent="0.25">
      <c r="D18158" s="6">
        <v>524.72559999999999</v>
      </c>
      <c r="E18158" s="6">
        <v>661.74549999999999</v>
      </c>
    </row>
    <row r="18159" spans="4:5" x14ac:dyDescent="0.25">
      <c r="D18159" s="6">
        <v>3653.8389999999999</v>
      </c>
      <c r="E18159" s="6">
        <v>590.33619999999996</v>
      </c>
    </row>
    <row r="18160" spans="4:5" x14ac:dyDescent="0.25">
      <c r="D18160" s="6">
        <v>495.72719999999998</v>
      </c>
      <c r="E18160" s="6">
        <v>1242.992</v>
      </c>
    </row>
    <row r="18161" spans="4:5" x14ac:dyDescent="0.25">
      <c r="D18161" s="6">
        <v>399.65309999999999</v>
      </c>
      <c r="E18161" s="6">
        <v>620.86959999999999</v>
      </c>
    </row>
    <row r="18162" spans="4:5" x14ac:dyDescent="0.25">
      <c r="D18162" s="6">
        <v>559.78250000000003</v>
      </c>
      <c r="E18162" s="6">
        <v>1521.123</v>
      </c>
    </row>
    <row r="18163" spans="4:5" x14ac:dyDescent="0.25">
      <c r="D18163" s="6">
        <v>1279.867</v>
      </c>
      <c r="E18163" s="6">
        <v>899.94830000000002</v>
      </c>
    </row>
    <row r="18164" spans="4:5" x14ac:dyDescent="0.25">
      <c r="D18164" s="6">
        <v>584.38199999999995</v>
      </c>
      <c r="E18164" s="6">
        <v>2835.3339999999998</v>
      </c>
    </row>
    <row r="18165" spans="4:5" x14ac:dyDescent="0.25">
      <c r="D18165" s="6">
        <v>437.3501</v>
      </c>
      <c r="E18165" s="6">
        <v>1143.3420000000001</v>
      </c>
    </row>
    <row r="18166" spans="4:5" x14ac:dyDescent="0.25">
      <c r="D18166" s="6">
        <v>3307.8789999999999</v>
      </c>
      <c r="E18166" s="6">
        <v>577.34180000000003</v>
      </c>
    </row>
    <row r="18167" spans="4:5" x14ac:dyDescent="0.25">
      <c r="D18167" s="6">
        <v>235.21279999999999</v>
      </c>
      <c r="E18167" s="6">
        <v>698.45830000000001</v>
      </c>
    </row>
    <row r="18168" spans="4:5" x14ac:dyDescent="0.25">
      <c r="D18168" s="6">
        <v>2328.8670000000002</v>
      </c>
      <c r="E18168" s="6">
        <v>882.72439999999995</v>
      </c>
    </row>
    <row r="18169" spans="4:5" x14ac:dyDescent="0.25">
      <c r="D18169" s="6">
        <v>3804.9110000000001</v>
      </c>
      <c r="E18169" s="6">
        <v>1635.595</v>
      </c>
    </row>
    <row r="18170" spans="4:5" x14ac:dyDescent="0.25">
      <c r="D18170" s="6">
        <v>611.25729999999999</v>
      </c>
      <c r="E18170" s="6">
        <v>1821.857</v>
      </c>
    </row>
    <row r="18171" spans="4:5" x14ac:dyDescent="0.25">
      <c r="D18171" s="6">
        <v>1368.788</v>
      </c>
      <c r="E18171" s="6">
        <v>539.6431</v>
      </c>
    </row>
    <row r="18172" spans="4:5" x14ac:dyDescent="0.25">
      <c r="D18172" s="6">
        <v>458.84570000000002</v>
      </c>
      <c r="E18172" s="6">
        <v>1661.1880000000001</v>
      </c>
    </row>
    <row r="18173" spans="4:5" x14ac:dyDescent="0.25">
      <c r="D18173" s="6">
        <v>576.94240000000002</v>
      </c>
      <c r="E18173" s="6">
        <v>4481.7290000000003</v>
      </c>
    </row>
    <row r="18174" spans="4:5" x14ac:dyDescent="0.25">
      <c r="D18174" s="6">
        <v>500.99340000000001</v>
      </c>
      <c r="E18174" s="6">
        <v>1475.4159999999999</v>
      </c>
    </row>
    <row r="18175" spans="4:5" x14ac:dyDescent="0.25">
      <c r="D18175" s="6">
        <v>1415.55</v>
      </c>
      <c r="E18175" s="6">
        <v>2087.9899999999998</v>
      </c>
    </row>
    <row r="18176" spans="4:5" x14ac:dyDescent="0.25">
      <c r="D18176" s="6">
        <v>787.86109999999996</v>
      </c>
      <c r="E18176" s="6">
        <v>1338.1010000000001</v>
      </c>
    </row>
    <row r="18177" spans="4:5" x14ac:dyDescent="0.25">
      <c r="D18177" s="6">
        <v>4526.0789999999997</v>
      </c>
      <c r="E18177" s="6">
        <v>444.42860000000002</v>
      </c>
    </row>
    <row r="18178" spans="4:5" x14ac:dyDescent="0.25">
      <c r="D18178" s="6">
        <v>828.85709999999995</v>
      </c>
      <c r="E18178" s="6">
        <v>2291.6640000000002</v>
      </c>
    </row>
    <row r="18179" spans="4:5" x14ac:dyDescent="0.25">
      <c r="D18179" s="6">
        <v>1770.9349999999999</v>
      </c>
      <c r="E18179" s="6">
        <v>4110.8879999999999</v>
      </c>
    </row>
    <row r="18180" spans="4:5" x14ac:dyDescent="0.25">
      <c r="D18180" s="6">
        <v>658.76930000000004</v>
      </c>
      <c r="E18180" s="6">
        <v>1243.164</v>
      </c>
    </row>
    <row r="18181" spans="4:5" x14ac:dyDescent="0.25">
      <c r="D18181" s="6">
        <v>590.32960000000003</v>
      </c>
      <c r="E18181" s="6">
        <v>1104.0409999999999</v>
      </c>
    </row>
    <row r="18182" spans="4:5" x14ac:dyDescent="0.25">
      <c r="D18182" s="6">
        <v>15788</v>
      </c>
      <c r="E18182" s="6">
        <v>1237.039</v>
      </c>
    </row>
    <row r="18183" spans="4:5" x14ac:dyDescent="0.25">
      <c r="D18183" s="6">
        <v>3850.6570000000002</v>
      </c>
      <c r="E18183" s="6">
        <v>482.47789999999998</v>
      </c>
    </row>
    <row r="18184" spans="4:5" x14ac:dyDescent="0.25">
      <c r="D18184" s="6">
        <v>534.9117</v>
      </c>
      <c r="E18184" s="6">
        <v>796.40959999999995</v>
      </c>
    </row>
    <row r="18185" spans="4:5" x14ac:dyDescent="0.25">
      <c r="D18185" s="6">
        <v>794.4058</v>
      </c>
      <c r="E18185" s="6">
        <v>1439.72</v>
      </c>
    </row>
    <row r="18186" spans="4:5" x14ac:dyDescent="0.25">
      <c r="D18186" s="6">
        <v>741.30179999999996</v>
      </c>
      <c r="E18186" s="6">
        <v>1167.846</v>
      </c>
    </row>
    <row r="18187" spans="4:5" x14ac:dyDescent="0.25">
      <c r="D18187" s="6">
        <v>1089.3800000000001</v>
      </c>
      <c r="E18187" s="6">
        <v>1962.4739999999999</v>
      </c>
    </row>
    <row r="18188" spans="4:5" x14ac:dyDescent="0.25">
      <c r="D18188" s="6">
        <v>452.33760000000001</v>
      </c>
      <c r="E18188" s="6">
        <v>569.70799999999997</v>
      </c>
    </row>
    <row r="18189" spans="4:5" x14ac:dyDescent="0.25">
      <c r="D18189" s="6">
        <v>577.96199999999999</v>
      </c>
      <c r="E18189" s="6">
        <v>727.23080000000004</v>
      </c>
    </row>
    <row r="18190" spans="4:5" x14ac:dyDescent="0.25">
      <c r="D18190" s="6">
        <v>3564.6770000000001</v>
      </c>
      <c r="E18190" s="6">
        <v>655.76639999999998</v>
      </c>
    </row>
    <row r="18191" spans="4:5" x14ac:dyDescent="0.25">
      <c r="D18191" s="6">
        <v>472.18720000000002</v>
      </c>
      <c r="E18191" s="6">
        <v>2136.0030000000002</v>
      </c>
    </row>
    <row r="18192" spans="4:5" x14ac:dyDescent="0.25">
      <c r="D18192" s="6">
        <v>538.51940000000002</v>
      </c>
      <c r="E18192" s="6">
        <v>1557.7739999999999</v>
      </c>
    </row>
    <row r="18193" spans="4:5" x14ac:dyDescent="0.25">
      <c r="D18193" s="6">
        <v>496.92759999999998</v>
      </c>
      <c r="E18193" s="6">
        <v>1006.172</v>
      </c>
    </row>
    <row r="18194" spans="4:5" x14ac:dyDescent="0.25">
      <c r="D18194" s="6">
        <v>2904.4690000000001</v>
      </c>
      <c r="E18194" s="6">
        <v>1383.905</v>
      </c>
    </row>
    <row r="18195" spans="4:5" x14ac:dyDescent="0.25">
      <c r="D18195" s="6">
        <v>1637.7729999999999</v>
      </c>
      <c r="E18195" s="6">
        <v>4068.7860000000001</v>
      </c>
    </row>
    <row r="18196" spans="4:5" x14ac:dyDescent="0.25">
      <c r="D18196" s="6">
        <v>2810.5549999999998</v>
      </c>
      <c r="E18196" s="6">
        <v>1183.924</v>
      </c>
    </row>
    <row r="18197" spans="4:5" x14ac:dyDescent="0.25">
      <c r="D18197" s="6">
        <v>3346.6729999999998</v>
      </c>
      <c r="E18197" s="6">
        <v>1870.9580000000001</v>
      </c>
    </row>
    <row r="18198" spans="4:5" x14ac:dyDescent="0.25">
      <c r="D18198" s="6">
        <v>1432.9290000000001</v>
      </c>
      <c r="E18198" s="6">
        <v>1714.1179999999999</v>
      </c>
    </row>
    <row r="18199" spans="4:5" x14ac:dyDescent="0.25">
      <c r="D18199" s="6">
        <v>453.23090000000002</v>
      </c>
      <c r="E18199" s="6">
        <v>672.37689999999998</v>
      </c>
    </row>
    <row r="18200" spans="4:5" x14ac:dyDescent="0.25">
      <c r="D18200" s="6">
        <v>855.62990000000002</v>
      </c>
      <c r="E18200" s="6">
        <v>1511.47</v>
      </c>
    </row>
    <row r="18201" spans="4:5" x14ac:dyDescent="0.25">
      <c r="D18201" s="6">
        <v>4223.78</v>
      </c>
      <c r="E18201" s="6">
        <v>1763.953</v>
      </c>
    </row>
    <row r="18202" spans="4:5" x14ac:dyDescent="0.25">
      <c r="D18202" s="6">
        <v>496.00040000000001</v>
      </c>
      <c r="E18202" s="6">
        <v>6328.9369999999999</v>
      </c>
    </row>
    <row r="18203" spans="4:5" x14ac:dyDescent="0.25">
      <c r="D18203" s="6">
        <v>906.63130000000001</v>
      </c>
      <c r="E18203" s="6">
        <v>1148.173</v>
      </c>
    </row>
    <row r="18204" spans="4:5" x14ac:dyDescent="0.25">
      <c r="D18204" s="6">
        <v>986.63679999999999</v>
      </c>
      <c r="E18204" s="6">
        <v>1537.2080000000001</v>
      </c>
    </row>
    <row r="18205" spans="4:5" x14ac:dyDescent="0.25">
      <c r="D18205" s="6">
        <v>2526.076</v>
      </c>
      <c r="E18205" s="6">
        <v>1683.297</v>
      </c>
    </row>
    <row r="18206" spans="4:5" x14ac:dyDescent="0.25">
      <c r="D18206" s="6">
        <v>1017.061</v>
      </c>
      <c r="E18206" s="6">
        <v>816.78710000000001</v>
      </c>
    </row>
    <row r="18207" spans="4:5" x14ac:dyDescent="0.25">
      <c r="D18207" s="6">
        <v>1301.1659999999999</v>
      </c>
      <c r="E18207" s="6">
        <v>1981.653</v>
      </c>
    </row>
    <row r="18208" spans="4:5" x14ac:dyDescent="0.25">
      <c r="D18208" s="6">
        <v>1240.3150000000001</v>
      </c>
      <c r="E18208" s="6">
        <v>1536.335</v>
      </c>
    </row>
    <row r="18209" spans="4:5" x14ac:dyDescent="0.25">
      <c r="D18209" s="6">
        <v>4528.2470000000003</v>
      </c>
      <c r="E18209" s="6">
        <v>3218.3890000000001</v>
      </c>
    </row>
    <row r="18210" spans="4:5" x14ac:dyDescent="0.25">
      <c r="D18210" s="6">
        <v>494.98399999999998</v>
      </c>
      <c r="E18210" s="6">
        <v>1414.9380000000001</v>
      </c>
    </row>
    <row r="18211" spans="4:5" x14ac:dyDescent="0.25">
      <c r="D18211" s="6">
        <v>550.48670000000004</v>
      </c>
      <c r="E18211" s="6">
        <v>2112.6959999999999</v>
      </c>
    </row>
    <row r="18212" spans="4:5" x14ac:dyDescent="0.25">
      <c r="D18212" s="6">
        <v>516.88879999999995</v>
      </c>
      <c r="E18212" s="6">
        <v>648.02959999999996</v>
      </c>
    </row>
    <row r="18213" spans="4:5" x14ac:dyDescent="0.25">
      <c r="D18213" s="6">
        <v>4170.1379999999999</v>
      </c>
      <c r="E18213" s="6">
        <v>1765.097</v>
      </c>
    </row>
    <row r="18214" spans="4:5" x14ac:dyDescent="0.25">
      <c r="D18214" s="6">
        <v>489.91059999999999</v>
      </c>
      <c r="E18214" s="6">
        <v>1683.4680000000001</v>
      </c>
    </row>
    <row r="18215" spans="4:5" x14ac:dyDescent="0.25">
      <c r="D18215" s="6">
        <v>739.12699999999995</v>
      </c>
      <c r="E18215" s="6">
        <v>728.93740000000003</v>
      </c>
    </row>
    <row r="18216" spans="4:5" x14ac:dyDescent="0.25">
      <c r="D18216" s="6">
        <v>3586.6770000000001</v>
      </c>
      <c r="E18216" s="6">
        <v>1591.367</v>
      </c>
    </row>
    <row r="18217" spans="4:5" x14ac:dyDescent="0.25">
      <c r="D18217" s="6">
        <v>1159.2670000000001</v>
      </c>
      <c r="E18217" s="6">
        <v>818.21429999999998</v>
      </c>
    </row>
    <row r="18218" spans="4:5" x14ac:dyDescent="0.25">
      <c r="D18218" s="6">
        <v>1720.2840000000001</v>
      </c>
      <c r="E18218" s="6">
        <v>2300.9180000000001</v>
      </c>
    </row>
    <row r="18219" spans="4:5" x14ac:dyDescent="0.25">
      <c r="D18219" s="6">
        <v>1092.0640000000001</v>
      </c>
      <c r="E18219" s="6">
        <v>1501.5530000000001</v>
      </c>
    </row>
    <row r="18220" spans="4:5" x14ac:dyDescent="0.25">
      <c r="D18220" s="6">
        <v>2225.4029999999998</v>
      </c>
      <c r="E18220" s="6">
        <v>1222.713</v>
      </c>
    </row>
    <row r="18221" spans="4:5" x14ac:dyDescent="0.25">
      <c r="D18221" s="6">
        <v>2360.8270000000002</v>
      </c>
      <c r="E18221" s="6">
        <v>1592.162</v>
      </c>
    </row>
    <row r="18222" spans="4:5" x14ac:dyDescent="0.25">
      <c r="D18222" s="6">
        <v>1069.0170000000001</v>
      </c>
      <c r="E18222" s="6">
        <v>734.33169999999996</v>
      </c>
    </row>
    <row r="18223" spans="4:5" x14ac:dyDescent="0.25">
      <c r="D18223" s="6">
        <v>488.27800000000002</v>
      </c>
      <c r="E18223" s="6">
        <v>561.90170000000001</v>
      </c>
    </row>
    <row r="18224" spans="4:5" x14ac:dyDescent="0.25">
      <c r="D18224" s="6">
        <v>391.64069999999998</v>
      </c>
      <c r="E18224" s="6">
        <v>2795.5050000000001</v>
      </c>
    </row>
    <row r="18225" spans="4:5" x14ac:dyDescent="0.25">
      <c r="D18225" s="6">
        <v>818.39620000000002</v>
      </c>
      <c r="E18225" s="6">
        <v>909.70190000000002</v>
      </c>
    </row>
    <row r="18226" spans="4:5" x14ac:dyDescent="0.25">
      <c r="D18226" s="6">
        <v>3675.893</v>
      </c>
      <c r="E18226" s="6">
        <v>579.95550000000003</v>
      </c>
    </row>
    <row r="18227" spans="4:5" x14ac:dyDescent="0.25">
      <c r="D18227" s="6">
        <v>1280.1780000000001</v>
      </c>
      <c r="E18227" s="6">
        <v>5019.9769999999999</v>
      </c>
    </row>
    <row r="18228" spans="4:5" x14ac:dyDescent="0.25">
      <c r="D18228" s="6">
        <v>467.87079999999997</v>
      </c>
      <c r="E18228" s="6">
        <v>1173.046</v>
      </c>
    </row>
    <row r="18229" spans="4:5" x14ac:dyDescent="0.25">
      <c r="D18229" s="6">
        <v>3135.6660000000002</v>
      </c>
      <c r="E18229" s="6">
        <v>1672.809</v>
      </c>
    </row>
    <row r="18230" spans="4:5" x14ac:dyDescent="0.25">
      <c r="D18230" s="6">
        <v>1911.66</v>
      </c>
      <c r="E18230" s="6">
        <v>2036.895</v>
      </c>
    </row>
    <row r="18231" spans="4:5" x14ac:dyDescent="0.25">
      <c r="D18231" s="6">
        <v>1971.71</v>
      </c>
      <c r="E18231" s="6">
        <v>1510.3679999999999</v>
      </c>
    </row>
    <row r="18232" spans="4:5" x14ac:dyDescent="0.25">
      <c r="D18232" s="6">
        <v>1020.271</v>
      </c>
      <c r="E18232" s="6">
        <v>3499.1480000000001</v>
      </c>
    </row>
    <row r="18233" spans="4:5" x14ac:dyDescent="0.25">
      <c r="D18233" s="6">
        <v>1098.925</v>
      </c>
      <c r="E18233" s="6">
        <v>2122.9029999999998</v>
      </c>
    </row>
    <row r="18234" spans="4:5" x14ac:dyDescent="0.25">
      <c r="D18234" s="6">
        <v>1014.704</v>
      </c>
      <c r="E18234" s="6">
        <v>1713.7370000000001</v>
      </c>
    </row>
    <row r="18235" spans="4:5" x14ac:dyDescent="0.25">
      <c r="D18235" s="6">
        <v>879.77729999999997</v>
      </c>
      <c r="E18235" s="6">
        <v>1595.499</v>
      </c>
    </row>
    <row r="18236" spans="4:5" x14ac:dyDescent="0.25">
      <c r="D18236" s="6">
        <v>2494.9659999999999</v>
      </c>
      <c r="E18236" s="6">
        <v>1401.3489999999999</v>
      </c>
    </row>
    <row r="18237" spans="4:5" x14ac:dyDescent="0.25">
      <c r="D18237" s="6">
        <v>411.14210000000003</v>
      </c>
      <c r="E18237" s="6">
        <v>4730.4319999999998</v>
      </c>
    </row>
    <row r="18238" spans="4:5" x14ac:dyDescent="0.25">
      <c r="D18238" s="6">
        <v>904.37929999999994</v>
      </c>
      <c r="E18238" s="6">
        <v>2109.37</v>
      </c>
    </row>
    <row r="18239" spans="4:5" x14ac:dyDescent="0.25">
      <c r="D18239" s="6">
        <v>928.85230000000001</v>
      </c>
      <c r="E18239" s="6">
        <v>4522</v>
      </c>
    </row>
    <row r="18240" spans="4:5" x14ac:dyDescent="0.25">
      <c r="D18240" s="6">
        <v>945.32979999999998</v>
      </c>
      <c r="E18240" s="6">
        <v>1282.9369999999999</v>
      </c>
    </row>
    <row r="18241" spans="4:5" x14ac:dyDescent="0.25">
      <c r="D18241" s="6">
        <v>4524.5690000000004</v>
      </c>
      <c r="E18241" s="6">
        <v>2142.027</v>
      </c>
    </row>
    <row r="18242" spans="4:5" x14ac:dyDescent="0.25">
      <c r="D18242" s="6">
        <v>707.53959999999995</v>
      </c>
      <c r="E18242" s="6">
        <v>619.6875</v>
      </c>
    </row>
    <row r="18243" spans="4:5" x14ac:dyDescent="0.25">
      <c r="D18243" s="6">
        <v>954.40089999999998</v>
      </c>
      <c r="E18243" s="6">
        <v>1018.8680000000001</v>
      </c>
    </row>
    <row r="18244" spans="4:5" x14ac:dyDescent="0.25">
      <c r="D18244" s="6">
        <v>1326</v>
      </c>
      <c r="E18244" s="6">
        <v>1919.9739999999999</v>
      </c>
    </row>
    <row r="18245" spans="4:5" x14ac:dyDescent="0.25">
      <c r="D18245" s="6">
        <v>470.88569999999999</v>
      </c>
      <c r="E18245" s="6">
        <v>619.2867</v>
      </c>
    </row>
    <row r="18246" spans="4:5" x14ac:dyDescent="0.25">
      <c r="D18246" s="6">
        <v>2846.9549999999999</v>
      </c>
      <c r="E18246" s="6">
        <v>2026.2059999999999</v>
      </c>
    </row>
    <row r="18247" spans="4:5" x14ac:dyDescent="0.25">
      <c r="D18247" s="6">
        <v>479.78219999999999</v>
      </c>
      <c r="E18247" s="6">
        <v>1158.271</v>
      </c>
    </row>
    <row r="18248" spans="4:5" x14ac:dyDescent="0.25">
      <c r="D18248" s="6">
        <v>4238.6180000000004</v>
      </c>
      <c r="E18248" s="6">
        <v>1082.1790000000001</v>
      </c>
    </row>
    <row r="18249" spans="4:5" x14ac:dyDescent="0.25">
      <c r="D18249" s="6">
        <v>929.45759999999996</v>
      </c>
      <c r="E18249" s="6">
        <v>6121.2209999999995</v>
      </c>
    </row>
    <row r="18250" spans="4:5" x14ac:dyDescent="0.25">
      <c r="D18250" s="6">
        <v>3567.3690000000001</v>
      </c>
      <c r="E18250" s="6">
        <v>1792.2929999999999</v>
      </c>
    </row>
    <row r="18251" spans="4:5" x14ac:dyDescent="0.25">
      <c r="D18251" s="6">
        <v>564.85770000000002</v>
      </c>
      <c r="E18251" s="6">
        <v>988.17629999999997</v>
      </c>
    </row>
    <row r="18252" spans="4:5" x14ac:dyDescent="0.25">
      <c r="D18252" s="6">
        <v>738.10140000000001</v>
      </c>
      <c r="E18252" s="6">
        <v>2135.8150000000001</v>
      </c>
    </row>
    <row r="18253" spans="4:5" x14ac:dyDescent="0.25">
      <c r="D18253" s="6">
        <v>1149.4000000000001</v>
      </c>
      <c r="E18253" s="6">
        <v>1866.7570000000001</v>
      </c>
    </row>
    <row r="18254" spans="4:5" x14ac:dyDescent="0.25">
      <c r="D18254" s="6">
        <v>1833.644</v>
      </c>
      <c r="E18254" s="6">
        <v>1034.94</v>
      </c>
    </row>
    <row r="18255" spans="4:5" x14ac:dyDescent="0.25">
      <c r="D18255" s="6">
        <v>447.31009999999998</v>
      </c>
      <c r="E18255" s="6">
        <v>1741.0309999999999</v>
      </c>
    </row>
    <row r="18256" spans="4:5" x14ac:dyDescent="0.25">
      <c r="D18256" s="6">
        <v>450.3759</v>
      </c>
      <c r="E18256" s="6">
        <v>479.71370000000002</v>
      </c>
    </row>
    <row r="18257" spans="4:5" x14ac:dyDescent="0.25">
      <c r="D18257" s="6">
        <v>549.3528</v>
      </c>
      <c r="E18257" s="6">
        <v>1984.385</v>
      </c>
    </row>
    <row r="18258" spans="4:5" x14ac:dyDescent="0.25">
      <c r="D18258" s="6">
        <v>3781.71</v>
      </c>
      <c r="E18258" s="6">
        <v>1404.1389999999999</v>
      </c>
    </row>
    <row r="18259" spans="4:5" x14ac:dyDescent="0.25">
      <c r="D18259" s="6">
        <v>776.31460000000004</v>
      </c>
      <c r="E18259" s="6">
        <v>1861.6220000000001</v>
      </c>
    </row>
    <row r="18260" spans="4:5" x14ac:dyDescent="0.25">
      <c r="D18260" s="6">
        <v>1042.6420000000001</v>
      </c>
      <c r="E18260" s="6">
        <v>3933.8820000000001</v>
      </c>
    </row>
    <row r="18261" spans="4:5" x14ac:dyDescent="0.25">
      <c r="D18261" s="6">
        <v>1172.2280000000001</v>
      </c>
      <c r="E18261" s="6">
        <v>601.3895</v>
      </c>
    </row>
    <row r="18262" spans="4:5" x14ac:dyDescent="0.25">
      <c r="D18262" s="6">
        <v>1038.4780000000001</v>
      </c>
      <c r="E18262" s="6">
        <v>1088.5999999999999</v>
      </c>
    </row>
    <row r="18263" spans="4:5" x14ac:dyDescent="0.25">
      <c r="D18263" s="6">
        <v>2250.5970000000002</v>
      </c>
      <c r="E18263" s="6">
        <v>433.30770000000001</v>
      </c>
    </row>
    <row r="18264" spans="4:5" x14ac:dyDescent="0.25">
      <c r="D18264" s="6">
        <v>1099.454</v>
      </c>
      <c r="E18264" s="6">
        <v>730.36649999999997</v>
      </c>
    </row>
    <row r="18265" spans="4:5" x14ac:dyDescent="0.25">
      <c r="D18265" s="6">
        <v>1168.886</v>
      </c>
      <c r="E18265" s="6">
        <v>1569.4839999999999</v>
      </c>
    </row>
    <row r="18266" spans="4:5" x14ac:dyDescent="0.25">
      <c r="D18266" s="6">
        <v>409.44970000000001</v>
      </c>
      <c r="E18266" s="6">
        <v>3953.9259999999999</v>
      </c>
    </row>
    <row r="18267" spans="4:5" x14ac:dyDescent="0.25">
      <c r="D18267" s="6">
        <v>1096.8230000000001</v>
      </c>
      <c r="E18267" s="6">
        <v>3362</v>
      </c>
    </row>
    <row r="18268" spans="4:5" x14ac:dyDescent="0.25">
      <c r="D18268" s="6">
        <v>2547.8710000000001</v>
      </c>
      <c r="E18268" s="6">
        <v>1461.7159999999999</v>
      </c>
    </row>
    <row r="18269" spans="4:5" x14ac:dyDescent="0.25">
      <c r="D18269" s="6">
        <v>2882.2890000000002</v>
      </c>
      <c r="E18269" s="6">
        <v>883.52959999999996</v>
      </c>
    </row>
    <row r="18270" spans="4:5" x14ac:dyDescent="0.25">
      <c r="D18270" s="6">
        <v>1209.153</v>
      </c>
      <c r="E18270" s="6">
        <v>1015.2</v>
      </c>
    </row>
    <row r="18271" spans="4:5" x14ac:dyDescent="0.25">
      <c r="D18271" s="6">
        <v>5654.06</v>
      </c>
      <c r="E18271" s="6">
        <v>5365.4790000000003</v>
      </c>
    </row>
    <row r="18272" spans="4:5" x14ac:dyDescent="0.25">
      <c r="D18272" s="6">
        <v>1024.662</v>
      </c>
      <c r="E18272" s="6">
        <v>1353.4459999999999</v>
      </c>
    </row>
    <row r="18273" spans="4:5" x14ac:dyDescent="0.25">
      <c r="D18273" s="6">
        <v>2051.3429999999998</v>
      </c>
      <c r="E18273" s="6">
        <v>883.18719999999996</v>
      </c>
    </row>
    <row r="18274" spans="4:5" x14ac:dyDescent="0.25">
      <c r="D18274" s="6">
        <v>713</v>
      </c>
      <c r="E18274" s="6">
        <v>4934.3280000000004</v>
      </c>
    </row>
    <row r="18275" spans="4:5" x14ac:dyDescent="0.25">
      <c r="D18275" s="6">
        <v>3455.732</v>
      </c>
      <c r="E18275" s="6">
        <v>1307.2329999999999</v>
      </c>
    </row>
    <row r="18276" spans="4:5" x14ac:dyDescent="0.25">
      <c r="D18276" s="6">
        <v>1041.7329999999999</v>
      </c>
      <c r="E18276" s="6">
        <v>506.73829999999998</v>
      </c>
    </row>
    <row r="18277" spans="4:5" x14ac:dyDescent="0.25">
      <c r="D18277" s="6">
        <v>5133.1310000000003</v>
      </c>
      <c r="E18277" s="6">
        <v>907.84860000000003</v>
      </c>
    </row>
    <row r="18278" spans="4:5" x14ac:dyDescent="0.25">
      <c r="D18278" s="6">
        <v>363.33760000000001</v>
      </c>
      <c r="E18278" s="6">
        <v>1561.4449999999999</v>
      </c>
    </row>
    <row r="18279" spans="4:5" x14ac:dyDescent="0.25">
      <c r="D18279" s="6">
        <v>531.89660000000003</v>
      </c>
      <c r="E18279" s="6">
        <v>1357.0930000000001</v>
      </c>
    </row>
    <row r="18280" spans="4:5" x14ac:dyDescent="0.25">
      <c r="D18280" s="6">
        <v>1150.7539999999999</v>
      </c>
      <c r="E18280" s="6">
        <v>763.1336</v>
      </c>
    </row>
    <row r="18281" spans="4:5" x14ac:dyDescent="0.25">
      <c r="D18281" s="6">
        <v>3123.2660000000001</v>
      </c>
      <c r="E18281" s="6">
        <v>1535.143</v>
      </c>
    </row>
    <row r="18282" spans="4:5" x14ac:dyDescent="0.25">
      <c r="D18282" s="6">
        <v>770.12599999999998</v>
      </c>
      <c r="E18282" s="6">
        <v>1043.5</v>
      </c>
    </row>
    <row r="18283" spans="4:5" x14ac:dyDescent="0.25">
      <c r="D18283" s="6">
        <v>527.07150000000001</v>
      </c>
      <c r="E18283" s="6">
        <v>1137.742</v>
      </c>
    </row>
    <row r="18284" spans="4:5" x14ac:dyDescent="0.25">
      <c r="D18284" s="6">
        <v>400.32589999999999</v>
      </c>
      <c r="E18284" s="6">
        <v>1565.2460000000001</v>
      </c>
    </row>
    <row r="18285" spans="4:5" x14ac:dyDescent="0.25">
      <c r="D18285" s="6">
        <v>950.39760000000001</v>
      </c>
      <c r="E18285" s="6">
        <v>511.02499999999998</v>
      </c>
    </row>
    <row r="18286" spans="4:5" x14ac:dyDescent="0.25">
      <c r="D18286" s="6">
        <v>5721.5379999999996</v>
      </c>
      <c r="E18286" s="6">
        <v>1412.4259999999999</v>
      </c>
    </row>
    <row r="18287" spans="4:5" x14ac:dyDescent="0.25">
      <c r="D18287" s="6">
        <v>785.87819999999999</v>
      </c>
      <c r="E18287" s="6">
        <v>1429.578</v>
      </c>
    </row>
    <row r="18288" spans="4:5" x14ac:dyDescent="0.25">
      <c r="D18288" s="6">
        <v>461.38569999999999</v>
      </c>
      <c r="E18288" s="6">
        <v>609.72220000000004</v>
      </c>
    </row>
    <row r="18289" spans="4:5" x14ac:dyDescent="0.25">
      <c r="D18289" s="6">
        <v>647.50869999999998</v>
      </c>
      <c r="E18289" s="6">
        <v>631.12670000000003</v>
      </c>
    </row>
    <row r="18290" spans="4:5" x14ac:dyDescent="0.25">
      <c r="D18290" s="6">
        <v>4140.8720000000003</v>
      </c>
      <c r="E18290" s="6">
        <v>1731.799</v>
      </c>
    </row>
    <row r="18291" spans="4:5" x14ac:dyDescent="0.25">
      <c r="D18291" s="6">
        <v>1070.0889999999999</v>
      </c>
      <c r="E18291" s="6">
        <v>5101.8280000000004</v>
      </c>
    </row>
    <row r="18292" spans="4:5" x14ac:dyDescent="0.25">
      <c r="D18292" s="6">
        <v>625.87890000000004</v>
      </c>
      <c r="E18292" s="6">
        <v>1588.5740000000001</v>
      </c>
    </row>
    <row r="18293" spans="4:5" x14ac:dyDescent="0.25">
      <c r="D18293" s="6">
        <v>1445.1579999999999</v>
      </c>
      <c r="E18293" s="6">
        <v>730.81820000000005</v>
      </c>
    </row>
    <row r="18294" spans="4:5" x14ac:dyDescent="0.25">
      <c r="D18294" s="6">
        <v>475.54259999999999</v>
      </c>
      <c r="E18294" s="6">
        <v>1634.104</v>
      </c>
    </row>
    <row r="18295" spans="4:5" x14ac:dyDescent="0.25">
      <c r="D18295" s="6">
        <v>1362.0609999999999</v>
      </c>
      <c r="E18295" s="6">
        <v>1005.759</v>
      </c>
    </row>
    <row r="18296" spans="4:5" x14ac:dyDescent="0.25">
      <c r="D18296" s="6">
        <v>436.89240000000001</v>
      </c>
      <c r="E18296" s="6">
        <v>2057.09</v>
      </c>
    </row>
    <row r="18297" spans="4:5" x14ac:dyDescent="0.25">
      <c r="D18297" s="6">
        <v>5896.1819999999998</v>
      </c>
      <c r="E18297" s="6">
        <v>1639.03</v>
      </c>
    </row>
    <row r="18298" spans="4:5" x14ac:dyDescent="0.25">
      <c r="D18298" s="6">
        <v>496.08300000000003</v>
      </c>
      <c r="E18298" s="6">
        <v>1745.923</v>
      </c>
    </row>
    <row r="18299" spans="4:5" x14ac:dyDescent="0.25">
      <c r="D18299" s="6">
        <v>384.71620000000001</v>
      </c>
      <c r="E18299" s="6">
        <v>3029.614</v>
      </c>
    </row>
    <row r="18300" spans="4:5" x14ac:dyDescent="0.25">
      <c r="D18300" s="6">
        <v>543.18320000000006</v>
      </c>
      <c r="E18300" s="6">
        <v>547.65440000000001</v>
      </c>
    </row>
    <row r="18301" spans="4:5" x14ac:dyDescent="0.25">
      <c r="D18301" s="6">
        <v>517.79999999999995</v>
      </c>
      <c r="E18301" s="6">
        <v>3577.364</v>
      </c>
    </row>
    <row r="18302" spans="4:5" x14ac:dyDescent="0.25">
      <c r="D18302" s="6">
        <v>4571.9870000000001</v>
      </c>
      <c r="E18302" s="6">
        <v>808.20519999999999</v>
      </c>
    </row>
    <row r="18303" spans="4:5" x14ac:dyDescent="0.25">
      <c r="D18303" s="6">
        <v>430.13299999999998</v>
      </c>
      <c r="E18303" s="6">
        <v>1927.1320000000001</v>
      </c>
    </row>
    <row r="18304" spans="4:5" x14ac:dyDescent="0.25">
      <c r="D18304" s="6">
        <v>493.2122</v>
      </c>
      <c r="E18304" s="6">
        <v>2742.261</v>
      </c>
    </row>
    <row r="18305" spans="4:5" x14ac:dyDescent="0.25">
      <c r="D18305" s="6">
        <v>1084.617</v>
      </c>
      <c r="E18305" s="6">
        <v>1268.1659999999999</v>
      </c>
    </row>
    <row r="18306" spans="4:5" x14ac:dyDescent="0.25">
      <c r="D18306" s="6">
        <v>496.84309999999999</v>
      </c>
      <c r="E18306" s="6">
        <v>908.17550000000006</v>
      </c>
    </row>
    <row r="18307" spans="4:5" x14ac:dyDescent="0.25">
      <c r="D18307" s="6">
        <v>490.0274</v>
      </c>
      <c r="E18307" s="6">
        <v>1593.655</v>
      </c>
    </row>
    <row r="18308" spans="4:5" x14ac:dyDescent="0.25">
      <c r="D18308" s="6">
        <v>4061.8519999999999</v>
      </c>
      <c r="E18308" s="6">
        <v>5445.1480000000001</v>
      </c>
    </row>
    <row r="18309" spans="4:5" x14ac:dyDescent="0.25">
      <c r="D18309" s="6">
        <v>523.85699999999997</v>
      </c>
      <c r="E18309" s="6">
        <v>847.25670000000002</v>
      </c>
    </row>
    <row r="18310" spans="4:5" x14ac:dyDescent="0.25">
      <c r="D18310" s="6">
        <v>513.50720000000001</v>
      </c>
      <c r="E18310" s="6">
        <v>773.15380000000005</v>
      </c>
    </row>
    <row r="18311" spans="4:5" x14ac:dyDescent="0.25">
      <c r="D18311" s="6">
        <v>866.06560000000002</v>
      </c>
      <c r="E18311" s="6">
        <v>3910.1370000000002</v>
      </c>
    </row>
    <row r="18312" spans="4:5" x14ac:dyDescent="0.25">
      <c r="D18312" s="6">
        <v>660.34100000000001</v>
      </c>
      <c r="E18312" s="6">
        <v>3229.7130000000002</v>
      </c>
    </row>
    <row r="18313" spans="4:5" x14ac:dyDescent="0.25">
      <c r="D18313" s="6">
        <v>494.03379999999999</v>
      </c>
      <c r="E18313" s="6">
        <v>423.25</v>
      </c>
    </row>
    <row r="18314" spans="4:5" x14ac:dyDescent="0.25">
      <c r="D18314" s="6">
        <v>1441.2280000000001</v>
      </c>
      <c r="E18314" s="6">
        <v>7593.1670000000004</v>
      </c>
    </row>
    <row r="18315" spans="4:5" x14ac:dyDescent="0.25">
      <c r="D18315" s="6">
        <v>1089.93</v>
      </c>
      <c r="E18315" s="6">
        <v>1035.9970000000001</v>
      </c>
    </row>
    <row r="18316" spans="4:5" x14ac:dyDescent="0.25">
      <c r="D18316" s="6">
        <v>899.31380000000001</v>
      </c>
      <c r="E18316" s="6">
        <v>1308.5619999999999</v>
      </c>
    </row>
    <row r="18317" spans="4:5" x14ac:dyDescent="0.25">
      <c r="D18317" s="6">
        <v>818.56389999999999</v>
      </c>
      <c r="E18317" s="6">
        <v>1506.059</v>
      </c>
    </row>
    <row r="18318" spans="4:5" x14ac:dyDescent="0.25">
      <c r="D18318" s="6">
        <v>998.89139999999998</v>
      </c>
      <c r="E18318" s="6">
        <v>511.41980000000001</v>
      </c>
    </row>
    <row r="18319" spans="4:5" x14ac:dyDescent="0.25">
      <c r="D18319" s="6">
        <v>1147.971</v>
      </c>
      <c r="E18319" s="6">
        <v>1226.867</v>
      </c>
    </row>
    <row r="18320" spans="4:5" x14ac:dyDescent="0.25">
      <c r="D18320" s="6">
        <v>424.6934</v>
      </c>
      <c r="E18320" s="6">
        <v>1425.0840000000001</v>
      </c>
    </row>
    <row r="18321" spans="4:5" x14ac:dyDescent="0.25">
      <c r="D18321" s="6">
        <v>462.76920000000001</v>
      </c>
      <c r="E18321" s="6">
        <v>542.27009999999996</v>
      </c>
    </row>
    <row r="18322" spans="4:5" x14ac:dyDescent="0.25">
      <c r="D18322" s="6">
        <v>1291.434</v>
      </c>
      <c r="E18322" s="6">
        <v>879.5181</v>
      </c>
    </row>
    <row r="18323" spans="4:5" x14ac:dyDescent="0.25">
      <c r="D18323" s="6">
        <v>1351.8430000000001</v>
      </c>
      <c r="E18323" s="6">
        <v>703.39670000000001</v>
      </c>
    </row>
    <row r="18324" spans="4:5" x14ac:dyDescent="0.25">
      <c r="D18324" s="6">
        <v>407.0917</v>
      </c>
      <c r="E18324" s="6">
        <v>931.01030000000003</v>
      </c>
    </row>
    <row r="18325" spans="4:5" x14ac:dyDescent="0.25">
      <c r="D18325" s="6">
        <v>2634.665</v>
      </c>
      <c r="E18325" s="6">
        <v>1281.306</v>
      </c>
    </row>
    <row r="18326" spans="4:5" x14ac:dyDescent="0.25">
      <c r="D18326" s="6">
        <v>478.83069999999998</v>
      </c>
      <c r="E18326" s="6">
        <v>1408.8489999999999</v>
      </c>
    </row>
    <row r="18327" spans="4:5" x14ac:dyDescent="0.25">
      <c r="D18327" s="6">
        <v>1293.8699999999999</v>
      </c>
      <c r="E18327" s="6">
        <v>3817.855</v>
      </c>
    </row>
    <row r="18328" spans="4:5" x14ac:dyDescent="0.25">
      <c r="D18328" s="6">
        <v>914.2604</v>
      </c>
      <c r="E18328" s="6">
        <v>1592.9480000000001</v>
      </c>
    </row>
    <row r="18329" spans="4:5" x14ac:dyDescent="0.25">
      <c r="D18329" s="6">
        <v>434.87079999999997</v>
      </c>
      <c r="E18329" s="6">
        <v>1338.883</v>
      </c>
    </row>
    <row r="18330" spans="4:5" x14ac:dyDescent="0.25">
      <c r="D18330" s="6">
        <v>1065.098</v>
      </c>
      <c r="E18330" s="6">
        <v>3974.4360000000001</v>
      </c>
    </row>
    <row r="18331" spans="4:5" x14ac:dyDescent="0.25">
      <c r="D18331" s="6">
        <v>1458.259</v>
      </c>
      <c r="E18331" s="6">
        <v>824.21209999999996</v>
      </c>
    </row>
    <row r="18332" spans="4:5" x14ac:dyDescent="0.25">
      <c r="D18332" s="6">
        <v>2386.9360000000001</v>
      </c>
      <c r="E18332" s="6">
        <v>1727.2629999999999</v>
      </c>
    </row>
    <row r="18333" spans="4:5" x14ac:dyDescent="0.25">
      <c r="D18333" s="6">
        <v>3904.848</v>
      </c>
      <c r="E18333" s="6">
        <v>923.48140000000001</v>
      </c>
    </row>
    <row r="18334" spans="4:5" x14ac:dyDescent="0.25">
      <c r="D18334" s="6">
        <v>407.56599999999997</v>
      </c>
      <c r="E18334" s="6">
        <v>665.35640000000001</v>
      </c>
    </row>
    <row r="18335" spans="4:5" x14ac:dyDescent="0.25">
      <c r="D18335" s="6">
        <v>2972.4119999999998</v>
      </c>
      <c r="E18335" s="6">
        <v>1480.0640000000001</v>
      </c>
    </row>
    <row r="18336" spans="4:5" x14ac:dyDescent="0.25">
      <c r="D18336" s="6">
        <v>1857.1120000000001</v>
      </c>
      <c r="E18336" s="6">
        <v>1050.722</v>
      </c>
    </row>
    <row r="18337" spans="4:5" x14ac:dyDescent="0.25">
      <c r="D18337" s="6">
        <v>1090.2370000000001</v>
      </c>
      <c r="E18337" s="6">
        <v>1575.56</v>
      </c>
    </row>
    <row r="18338" spans="4:5" x14ac:dyDescent="0.25">
      <c r="D18338" s="6">
        <v>953.39139999999998</v>
      </c>
      <c r="E18338" s="6">
        <v>370.4513</v>
      </c>
    </row>
    <row r="18339" spans="4:5" x14ac:dyDescent="0.25">
      <c r="D18339" s="6">
        <v>1121.287</v>
      </c>
      <c r="E18339" s="6">
        <v>475.15320000000003</v>
      </c>
    </row>
    <row r="18340" spans="4:5" x14ac:dyDescent="0.25">
      <c r="D18340" s="6">
        <v>467.15589999999997</v>
      </c>
      <c r="E18340" s="6">
        <v>2021.703</v>
      </c>
    </row>
    <row r="18341" spans="4:5" x14ac:dyDescent="0.25">
      <c r="D18341" s="6">
        <v>4038.0549999999998</v>
      </c>
      <c r="E18341" s="6">
        <v>1114.72</v>
      </c>
    </row>
    <row r="18342" spans="4:5" x14ac:dyDescent="0.25">
      <c r="D18342" s="6">
        <v>2467.116</v>
      </c>
      <c r="E18342" s="6">
        <v>2964.5680000000002</v>
      </c>
    </row>
    <row r="18343" spans="4:5" x14ac:dyDescent="0.25">
      <c r="D18343" s="6">
        <v>2319.4549999999999</v>
      </c>
      <c r="E18343" s="6">
        <v>1088.114</v>
      </c>
    </row>
    <row r="18344" spans="4:5" x14ac:dyDescent="0.25">
      <c r="D18344" s="6">
        <v>186.77549999999999</v>
      </c>
      <c r="E18344" s="6">
        <v>2232</v>
      </c>
    </row>
    <row r="18345" spans="4:5" x14ac:dyDescent="0.25">
      <c r="D18345" s="6">
        <v>1314.2380000000001</v>
      </c>
      <c r="E18345" s="6">
        <v>1334.942</v>
      </c>
    </row>
    <row r="18346" spans="4:5" x14ac:dyDescent="0.25">
      <c r="D18346" s="6">
        <v>848.52449999999999</v>
      </c>
      <c r="E18346" s="6">
        <v>14607.71</v>
      </c>
    </row>
    <row r="18347" spans="4:5" x14ac:dyDescent="0.25">
      <c r="D18347" s="6">
        <v>1982.348</v>
      </c>
      <c r="E18347" s="6">
        <v>2040.1130000000001</v>
      </c>
    </row>
    <row r="18348" spans="4:5" x14ac:dyDescent="0.25">
      <c r="D18348" s="6">
        <v>3397.45</v>
      </c>
      <c r="E18348" s="6">
        <v>1639.271</v>
      </c>
    </row>
    <row r="18349" spans="4:5" x14ac:dyDescent="0.25">
      <c r="D18349" s="6">
        <v>499.4502</v>
      </c>
      <c r="E18349" s="6">
        <v>1426.193</v>
      </c>
    </row>
    <row r="18350" spans="4:5" x14ac:dyDescent="0.25">
      <c r="D18350" s="6">
        <v>2369.134</v>
      </c>
      <c r="E18350" s="6">
        <v>1399.682</v>
      </c>
    </row>
    <row r="18351" spans="4:5" x14ac:dyDescent="0.25">
      <c r="D18351" s="6">
        <v>1183.085</v>
      </c>
      <c r="E18351" s="6">
        <v>713.14400000000001</v>
      </c>
    </row>
    <row r="18352" spans="4:5" x14ac:dyDescent="0.25">
      <c r="D18352" s="6">
        <v>1297.117</v>
      </c>
      <c r="E18352" s="6">
        <v>668.46529999999996</v>
      </c>
    </row>
    <row r="18353" spans="4:5" x14ac:dyDescent="0.25">
      <c r="D18353" s="6">
        <v>410.80990000000003</v>
      </c>
      <c r="E18353" s="6">
        <v>2149.9459999999999</v>
      </c>
    </row>
    <row r="18354" spans="4:5" x14ac:dyDescent="0.25">
      <c r="D18354" s="6">
        <v>3532.03</v>
      </c>
      <c r="E18354" s="6">
        <v>1509.8520000000001</v>
      </c>
    </row>
    <row r="18355" spans="4:5" x14ac:dyDescent="0.25">
      <c r="D18355" s="6">
        <v>645.42809999999997</v>
      </c>
      <c r="E18355" s="6">
        <v>1255.482</v>
      </c>
    </row>
    <row r="18356" spans="4:5" x14ac:dyDescent="0.25">
      <c r="D18356" s="6">
        <v>515.76</v>
      </c>
      <c r="E18356" s="6">
        <v>6087.4009999999998</v>
      </c>
    </row>
    <row r="18357" spans="4:5" x14ac:dyDescent="0.25">
      <c r="D18357" s="6">
        <v>534.84079999999994</v>
      </c>
      <c r="E18357" s="6">
        <v>3469.759</v>
      </c>
    </row>
    <row r="18358" spans="4:5" x14ac:dyDescent="0.25">
      <c r="D18358" s="6">
        <v>1454.4639999999999</v>
      </c>
      <c r="E18358" s="6">
        <v>1899.91</v>
      </c>
    </row>
    <row r="18359" spans="4:5" x14ac:dyDescent="0.25">
      <c r="D18359" s="6">
        <v>1107.2090000000001</v>
      </c>
      <c r="E18359" s="6">
        <v>1466.027</v>
      </c>
    </row>
    <row r="18360" spans="4:5" x14ac:dyDescent="0.25">
      <c r="D18360" s="6">
        <v>446.71379999999999</v>
      </c>
      <c r="E18360" s="6">
        <v>2163.7779999999998</v>
      </c>
    </row>
    <row r="18361" spans="4:5" x14ac:dyDescent="0.25">
      <c r="D18361" s="6">
        <v>424.76659999999998</v>
      </c>
      <c r="E18361" s="6">
        <v>678.34019999999998</v>
      </c>
    </row>
    <row r="18362" spans="4:5" x14ac:dyDescent="0.25">
      <c r="D18362" s="6">
        <v>441.82240000000002</v>
      </c>
      <c r="E18362" s="6">
        <v>1176.008</v>
      </c>
    </row>
    <row r="18363" spans="4:5" x14ac:dyDescent="0.25">
      <c r="D18363" s="6">
        <v>1480.404</v>
      </c>
      <c r="E18363" s="6">
        <v>662</v>
      </c>
    </row>
    <row r="18364" spans="4:5" x14ac:dyDescent="0.25">
      <c r="D18364" s="6">
        <v>507.87959999999998</v>
      </c>
      <c r="E18364" s="6">
        <v>5064</v>
      </c>
    </row>
    <row r="18365" spans="4:5" x14ac:dyDescent="0.25">
      <c r="D18365" s="6">
        <v>711.60879999999997</v>
      </c>
      <c r="E18365" s="6">
        <v>3412.1570000000002</v>
      </c>
    </row>
    <row r="18366" spans="4:5" x14ac:dyDescent="0.25">
      <c r="D18366" s="6">
        <v>643.04960000000005</v>
      </c>
      <c r="E18366" s="6">
        <v>1593.7819999999999</v>
      </c>
    </row>
    <row r="18367" spans="4:5" x14ac:dyDescent="0.25">
      <c r="D18367" s="6">
        <v>342.33870000000002</v>
      </c>
      <c r="E18367" s="6">
        <v>4828.1530000000002</v>
      </c>
    </row>
    <row r="18368" spans="4:5" x14ac:dyDescent="0.25">
      <c r="D18368" s="6">
        <v>2737.0430000000001</v>
      </c>
      <c r="E18368" s="6">
        <v>1994.336</v>
      </c>
    </row>
    <row r="18369" spans="4:5" x14ac:dyDescent="0.25">
      <c r="D18369" s="6">
        <v>3740.6010000000001</v>
      </c>
      <c r="E18369" s="6">
        <v>1414.2429999999999</v>
      </c>
    </row>
    <row r="18370" spans="4:5" x14ac:dyDescent="0.25">
      <c r="D18370" s="6">
        <v>4703.2820000000002</v>
      </c>
      <c r="E18370" s="6">
        <v>1304.942</v>
      </c>
    </row>
    <row r="18371" spans="4:5" x14ac:dyDescent="0.25">
      <c r="D18371" s="6">
        <v>1368.8009999999999</v>
      </c>
      <c r="E18371" s="6">
        <v>1481.2619999999999</v>
      </c>
    </row>
    <row r="18372" spans="4:5" x14ac:dyDescent="0.25">
      <c r="D18372" s="6">
        <v>1007.3630000000001</v>
      </c>
      <c r="E18372" s="6">
        <v>1055.7180000000001</v>
      </c>
    </row>
    <row r="18373" spans="4:5" x14ac:dyDescent="0.25">
      <c r="D18373" s="6">
        <v>3695.2139999999999</v>
      </c>
      <c r="E18373" s="6">
        <v>1266.126</v>
      </c>
    </row>
    <row r="18374" spans="4:5" x14ac:dyDescent="0.25">
      <c r="D18374" s="6">
        <v>4873.4660000000003</v>
      </c>
      <c r="E18374" s="6">
        <v>606.99609999999996</v>
      </c>
    </row>
    <row r="18375" spans="4:5" x14ac:dyDescent="0.25">
      <c r="D18375" s="6">
        <v>707.94709999999998</v>
      </c>
      <c r="E18375" s="6">
        <v>1449.5</v>
      </c>
    </row>
    <row r="18376" spans="4:5" x14ac:dyDescent="0.25">
      <c r="D18376" s="6">
        <v>3539.3879999999999</v>
      </c>
      <c r="E18376" s="6">
        <v>525.27449999999999</v>
      </c>
    </row>
    <row r="18377" spans="4:5" x14ac:dyDescent="0.25">
      <c r="D18377" s="6">
        <v>1159.848</v>
      </c>
      <c r="E18377" s="6">
        <v>2387.0680000000002</v>
      </c>
    </row>
    <row r="18378" spans="4:5" x14ac:dyDescent="0.25">
      <c r="D18378" s="6">
        <v>462.36689999999999</v>
      </c>
      <c r="E18378" s="6">
        <v>2634.846</v>
      </c>
    </row>
    <row r="18379" spans="4:5" x14ac:dyDescent="0.25">
      <c r="D18379" s="6">
        <v>2499.2339999999999</v>
      </c>
      <c r="E18379" s="6">
        <v>1605.759</v>
      </c>
    </row>
    <row r="18380" spans="4:5" x14ac:dyDescent="0.25">
      <c r="D18380" s="6">
        <v>2001.7449999999999</v>
      </c>
      <c r="E18380" s="6">
        <v>1394.0050000000001</v>
      </c>
    </row>
    <row r="18381" spans="4:5" x14ac:dyDescent="0.25">
      <c r="D18381" s="6">
        <v>393.87360000000001</v>
      </c>
      <c r="E18381" s="6">
        <v>791.91319999999996</v>
      </c>
    </row>
    <row r="18382" spans="4:5" x14ac:dyDescent="0.25">
      <c r="D18382" s="6">
        <v>1027.135</v>
      </c>
      <c r="E18382" s="6">
        <v>1000.054</v>
      </c>
    </row>
    <row r="18383" spans="4:5" x14ac:dyDescent="0.25">
      <c r="D18383" s="6">
        <v>2281.4160000000002</v>
      </c>
      <c r="E18383" s="6">
        <v>1341.8109999999999</v>
      </c>
    </row>
    <row r="18384" spans="4:5" x14ac:dyDescent="0.25">
      <c r="D18384" s="6">
        <v>727.1979</v>
      </c>
      <c r="E18384" s="6">
        <v>1113.4880000000001</v>
      </c>
    </row>
    <row r="18385" spans="4:5" x14ac:dyDescent="0.25">
      <c r="D18385" s="6">
        <v>2393.5509999999999</v>
      </c>
      <c r="E18385" s="6">
        <v>1479.34</v>
      </c>
    </row>
    <row r="18386" spans="4:5" x14ac:dyDescent="0.25">
      <c r="D18386" s="6">
        <v>566.14239999999995</v>
      </c>
      <c r="E18386" s="6">
        <v>1382.1079999999999</v>
      </c>
    </row>
    <row r="18387" spans="4:5" x14ac:dyDescent="0.25">
      <c r="D18387" s="6">
        <v>2858.5990000000002</v>
      </c>
      <c r="E18387" s="6">
        <v>1802.98</v>
      </c>
    </row>
    <row r="18388" spans="4:5" x14ac:dyDescent="0.25">
      <c r="D18388" s="6">
        <v>864.43389999999999</v>
      </c>
      <c r="E18388" s="6">
        <v>1194.059</v>
      </c>
    </row>
    <row r="18389" spans="4:5" x14ac:dyDescent="0.25">
      <c r="D18389" s="6">
        <v>664.3152</v>
      </c>
      <c r="E18389" s="6">
        <v>2603.569</v>
      </c>
    </row>
    <row r="18390" spans="4:5" x14ac:dyDescent="0.25">
      <c r="D18390" s="6">
        <v>2084.0700000000002</v>
      </c>
      <c r="E18390" s="6">
        <v>1632.7729999999999</v>
      </c>
    </row>
    <row r="18391" spans="4:5" x14ac:dyDescent="0.25">
      <c r="D18391" s="6">
        <v>2244.5709999999999</v>
      </c>
      <c r="E18391" s="6">
        <v>1442.5930000000001</v>
      </c>
    </row>
    <row r="18392" spans="4:5" x14ac:dyDescent="0.25">
      <c r="D18392" s="6">
        <v>836.8809</v>
      </c>
      <c r="E18392" s="6">
        <v>3999.9839999999999</v>
      </c>
    </row>
    <row r="18393" spans="4:5" x14ac:dyDescent="0.25">
      <c r="D18393" s="6">
        <v>1762.48</v>
      </c>
      <c r="E18393" s="6">
        <v>1280.9059999999999</v>
      </c>
    </row>
    <row r="18394" spans="4:5" x14ac:dyDescent="0.25">
      <c r="D18394" s="6">
        <v>693.93970000000002</v>
      </c>
      <c r="E18394" s="6">
        <v>2138.7170000000001</v>
      </c>
    </row>
    <row r="18395" spans="4:5" x14ac:dyDescent="0.25">
      <c r="D18395" s="6">
        <v>574.91179999999997</v>
      </c>
      <c r="E18395" s="6">
        <v>2340.1849999999999</v>
      </c>
    </row>
    <row r="18396" spans="4:5" x14ac:dyDescent="0.25">
      <c r="D18396" s="6">
        <v>426.79</v>
      </c>
      <c r="E18396" s="6">
        <v>1857.9390000000001</v>
      </c>
    </row>
    <row r="18397" spans="4:5" x14ac:dyDescent="0.25">
      <c r="D18397" s="6">
        <v>436.10399999999998</v>
      </c>
      <c r="E18397" s="6">
        <v>1663.095</v>
      </c>
    </row>
    <row r="18398" spans="4:5" x14ac:dyDescent="0.25">
      <c r="D18398" s="6">
        <v>5328.0410000000002</v>
      </c>
      <c r="E18398" s="6">
        <v>3051.1030000000001</v>
      </c>
    </row>
    <row r="18399" spans="4:5" x14ac:dyDescent="0.25">
      <c r="D18399" s="6">
        <v>483.94130000000001</v>
      </c>
      <c r="E18399" s="6">
        <v>1335.2570000000001</v>
      </c>
    </row>
    <row r="18400" spans="4:5" x14ac:dyDescent="0.25">
      <c r="D18400" s="6">
        <v>1135.991</v>
      </c>
      <c r="E18400" s="6">
        <v>683.47450000000003</v>
      </c>
    </row>
    <row r="18401" spans="4:5" x14ac:dyDescent="0.25">
      <c r="D18401" s="6">
        <v>964.15239999999994</v>
      </c>
      <c r="E18401" s="6">
        <v>1160.9670000000001</v>
      </c>
    </row>
    <row r="18402" spans="4:5" x14ac:dyDescent="0.25">
      <c r="D18402" s="6">
        <v>1082.6369999999999</v>
      </c>
      <c r="E18402" s="6">
        <v>874.96759999999995</v>
      </c>
    </row>
    <row r="18403" spans="4:5" x14ac:dyDescent="0.25">
      <c r="D18403" s="6">
        <v>850.77859999999998</v>
      </c>
      <c r="E18403" s="6">
        <v>1773.49</v>
      </c>
    </row>
    <row r="18404" spans="4:5" x14ac:dyDescent="0.25">
      <c r="D18404" s="6">
        <v>2377.319</v>
      </c>
      <c r="E18404" s="6">
        <v>1419.702</v>
      </c>
    </row>
    <row r="18405" spans="4:5" x14ac:dyDescent="0.25">
      <c r="D18405" s="6">
        <v>1012.379</v>
      </c>
      <c r="E18405" s="6">
        <v>1703.42</v>
      </c>
    </row>
    <row r="18406" spans="4:5" x14ac:dyDescent="0.25">
      <c r="D18406" s="6">
        <v>520.55730000000005</v>
      </c>
      <c r="E18406" s="6">
        <v>1349.5150000000001</v>
      </c>
    </row>
    <row r="18407" spans="4:5" x14ac:dyDescent="0.25">
      <c r="D18407" s="6">
        <v>2441.7710000000002</v>
      </c>
      <c r="E18407" s="6">
        <v>5489.518</v>
      </c>
    </row>
    <row r="18408" spans="4:5" x14ac:dyDescent="0.25">
      <c r="D18408" s="6">
        <v>1891.1610000000001</v>
      </c>
      <c r="E18408" s="6">
        <v>4556.857</v>
      </c>
    </row>
    <row r="18409" spans="4:5" x14ac:dyDescent="0.25">
      <c r="D18409" s="6">
        <v>404.5788</v>
      </c>
      <c r="E18409" s="6">
        <v>1535.855</v>
      </c>
    </row>
    <row r="18410" spans="4:5" x14ac:dyDescent="0.25">
      <c r="D18410" s="6">
        <v>377.53449999999998</v>
      </c>
      <c r="E18410" s="6">
        <v>2115.348</v>
      </c>
    </row>
    <row r="18411" spans="4:5" x14ac:dyDescent="0.25">
      <c r="D18411" s="6">
        <v>1592.0450000000001</v>
      </c>
      <c r="E18411" s="6">
        <v>1954</v>
      </c>
    </row>
    <row r="18412" spans="4:5" x14ac:dyDescent="0.25">
      <c r="D18412" s="6">
        <v>926.59820000000002</v>
      </c>
      <c r="E18412" s="6">
        <v>1555.16</v>
      </c>
    </row>
    <row r="18413" spans="4:5" x14ac:dyDescent="0.25">
      <c r="D18413" s="6">
        <v>1279.0229999999999</v>
      </c>
      <c r="E18413" s="6">
        <v>1275.6579999999999</v>
      </c>
    </row>
    <row r="18414" spans="4:5" x14ac:dyDescent="0.25">
      <c r="D18414" s="6">
        <v>443.80250000000001</v>
      </c>
      <c r="E18414" s="6">
        <v>2066</v>
      </c>
    </row>
    <row r="18415" spans="4:5" x14ac:dyDescent="0.25">
      <c r="D18415" s="6">
        <v>3540.806</v>
      </c>
      <c r="E18415" s="6">
        <v>1401.3150000000001</v>
      </c>
    </row>
    <row r="18416" spans="4:5" x14ac:dyDescent="0.25">
      <c r="D18416" s="6">
        <v>867.96079999999995</v>
      </c>
      <c r="E18416" s="6">
        <v>1309.454</v>
      </c>
    </row>
    <row r="18417" spans="4:5" x14ac:dyDescent="0.25">
      <c r="D18417" s="6">
        <v>554.79589999999996</v>
      </c>
      <c r="E18417" s="6">
        <v>1137.0129999999999</v>
      </c>
    </row>
    <row r="18418" spans="4:5" x14ac:dyDescent="0.25">
      <c r="D18418" s="6">
        <v>1056.655</v>
      </c>
      <c r="E18418" s="6">
        <v>601.26279999999997</v>
      </c>
    </row>
    <row r="18419" spans="4:5" x14ac:dyDescent="0.25">
      <c r="D18419" s="6">
        <v>968.24019999999996</v>
      </c>
      <c r="E18419" s="6">
        <v>1636.8589999999999</v>
      </c>
    </row>
    <row r="18420" spans="4:5" x14ac:dyDescent="0.25">
      <c r="D18420" s="6">
        <v>483.25</v>
      </c>
      <c r="E18420" s="6">
        <v>1331.248</v>
      </c>
    </row>
    <row r="18421" spans="4:5" x14ac:dyDescent="0.25">
      <c r="D18421" s="6">
        <v>1094.425</v>
      </c>
      <c r="E18421" s="6">
        <v>894.54859999999996</v>
      </c>
    </row>
    <row r="18422" spans="4:5" x14ac:dyDescent="0.25">
      <c r="D18422" s="6">
        <v>1006.946</v>
      </c>
      <c r="E18422" s="6">
        <v>1863.8420000000001</v>
      </c>
    </row>
    <row r="18423" spans="4:5" x14ac:dyDescent="0.25">
      <c r="D18423" s="6">
        <v>2771.2330000000002</v>
      </c>
      <c r="E18423" s="6">
        <v>4479.6540000000005</v>
      </c>
    </row>
    <row r="18424" spans="4:5" x14ac:dyDescent="0.25">
      <c r="D18424" s="6">
        <v>1082.2850000000001</v>
      </c>
      <c r="E18424" s="6">
        <v>857.04200000000003</v>
      </c>
    </row>
    <row r="18425" spans="4:5" x14ac:dyDescent="0.25">
      <c r="D18425" s="6">
        <v>3834.2130000000002</v>
      </c>
      <c r="E18425" s="6">
        <v>577.80020000000002</v>
      </c>
    </row>
    <row r="18426" spans="4:5" x14ac:dyDescent="0.25">
      <c r="D18426" s="6">
        <v>975.46789999999999</v>
      </c>
      <c r="E18426" s="6">
        <v>1673.922</v>
      </c>
    </row>
    <row r="18427" spans="4:5" x14ac:dyDescent="0.25">
      <c r="D18427" s="6">
        <v>591.54759999999999</v>
      </c>
      <c r="E18427" s="6">
        <v>1152.7809999999999</v>
      </c>
    </row>
    <row r="18428" spans="4:5" x14ac:dyDescent="0.25">
      <c r="D18428" s="6">
        <v>3520.3389999999999</v>
      </c>
      <c r="E18428" s="6">
        <v>1814.7339999999999</v>
      </c>
    </row>
    <row r="18429" spans="4:5" x14ac:dyDescent="0.25">
      <c r="D18429" s="6">
        <v>628.76440000000002</v>
      </c>
      <c r="E18429" s="6">
        <v>1503.2570000000001</v>
      </c>
    </row>
    <row r="18430" spans="4:5" x14ac:dyDescent="0.25">
      <c r="D18430" s="6">
        <v>357.01920000000001</v>
      </c>
      <c r="E18430" s="6">
        <v>969.49170000000004</v>
      </c>
    </row>
    <row r="18431" spans="4:5" x14ac:dyDescent="0.25">
      <c r="D18431" s="6">
        <v>561.85429999999997</v>
      </c>
      <c r="E18431" s="6">
        <v>1660.2660000000001</v>
      </c>
    </row>
    <row r="18432" spans="4:5" x14ac:dyDescent="0.25">
      <c r="D18432" s="6">
        <v>403.38459999999998</v>
      </c>
      <c r="E18432" s="6">
        <v>1505.0160000000001</v>
      </c>
    </row>
    <row r="18433" spans="4:5" x14ac:dyDescent="0.25">
      <c r="D18433" s="6">
        <v>716.23670000000004</v>
      </c>
      <c r="E18433" s="6">
        <v>1163.1949999999999</v>
      </c>
    </row>
    <row r="18434" spans="4:5" x14ac:dyDescent="0.25">
      <c r="D18434" s="6">
        <v>914.74770000000001</v>
      </c>
      <c r="E18434" s="6">
        <v>621.50710000000004</v>
      </c>
    </row>
    <row r="18435" spans="4:5" x14ac:dyDescent="0.25">
      <c r="D18435" s="6">
        <v>1056.172</v>
      </c>
      <c r="E18435" s="6">
        <v>856.15989999999999</v>
      </c>
    </row>
    <row r="18436" spans="4:5" x14ac:dyDescent="0.25">
      <c r="D18436" s="6">
        <v>474.93270000000001</v>
      </c>
      <c r="E18436" s="6">
        <v>1588.671</v>
      </c>
    </row>
    <row r="18437" spans="4:5" x14ac:dyDescent="0.25">
      <c r="D18437" s="6">
        <v>4363.6589999999997</v>
      </c>
      <c r="E18437" s="6">
        <v>1356.951</v>
      </c>
    </row>
    <row r="18438" spans="4:5" x14ac:dyDescent="0.25">
      <c r="D18438" s="6">
        <v>855.90869999999995</v>
      </c>
      <c r="E18438" s="6">
        <v>1482.566</v>
      </c>
    </row>
    <row r="18439" spans="4:5" x14ac:dyDescent="0.25">
      <c r="D18439" s="6">
        <v>1049.319</v>
      </c>
      <c r="E18439" s="6">
        <v>1075.088</v>
      </c>
    </row>
    <row r="18440" spans="4:5" x14ac:dyDescent="0.25">
      <c r="D18440" s="6">
        <v>482.52140000000003</v>
      </c>
      <c r="E18440" s="6">
        <v>506.17959999999999</v>
      </c>
    </row>
    <row r="18441" spans="4:5" x14ac:dyDescent="0.25">
      <c r="D18441" s="6">
        <v>531.44569999999999</v>
      </c>
      <c r="E18441" s="6">
        <v>460.78570000000002</v>
      </c>
    </row>
    <row r="18442" spans="4:5" x14ac:dyDescent="0.25">
      <c r="D18442" s="6">
        <v>441.83010000000002</v>
      </c>
      <c r="E18442" s="6">
        <v>1480.6130000000001</v>
      </c>
    </row>
    <row r="18443" spans="4:5" x14ac:dyDescent="0.25">
      <c r="D18443" s="6">
        <v>623.20550000000003</v>
      </c>
      <c r="E18443" s="6">
        <v>3280.1689999999999</v>
      </c>
    </row>
    <row r="18444" spans="4:5" x14ac:dyDescent="0.25">
      <c r="D18444" s="6">
        <v>3550.152</v>
      </c>
      <c r="E18444" s="6">
        <v>1513.838</v>
      </c>
    </row>
    <row r="18445" spans="4:5" x14ac:dyDescent="0.25">
      <c r="D18445" s="6">
        <v>405.43709999999999</v>
      </c>
      <c r="E18445" s="6">
        <v>545.5412</v>
      </c>
    </row>
    <row r="18446" spans="4:5" x14ac:dyDescent="0.25">
      <c r="D18446" s="6">
        <v>576.6671</v>
      </c>
      <c r="E18446" s="6">
        <v>794.76189999999997</v>
      </c>
    </row>
    <row r="18447" spans="4:5" x14ac:dyDescent="0.25">
      <c r="D18447" s="6">
        <v>3729.529</v>
      </c>
      <c r="E18447" s="6">
        <v>693.90899999999999</v>
      </c>
    </row>
    <row r="18448" spans="4:5" x14ac:dyDescent="0.25">
      <c r="D18448" s="6">
        <v>2465.9430000000002</v>
      </c>
      <c r="E18448" s="6">
        <v>1621.8920000000001</v>
      </c>
    </row>
    <row r="18449" spans="4:5" x14ac:dyDescent="0.25">
      <c r="D18449" s="6">
        <v>3165.89</v>
      </c>
      <c r="E18449" s="6">
        <v>2252.4160000000002</v>
      </c>
    </row>
    <row r="18450" spans="4:5" x14ac:dyDescent="0.25">
      <c r="D18450" s="6">
        <v>2782.4929999999999</v>
      </c>
      <c r="E18450" s="6">
        <v>2554.9679999999998</v>
      </c>
    </row>
    <row r="18451" spans="4:5" x14ac:dyDescent="0.25">
      <c r="D18451" s="6">
        <v>2852.3040000000001</v>
      </c>
      <c r="E18451" s="6">
        <v>872.14179999999999</v>
      </c>
    </row>
    <row r="18452" spans="4:5" x14ac:dyDescent="0.25">
      <c r="D18452" s="6">
        <v>1035.777</v>
      </c>
      <c r="E18452" s="6">
        <v>1318.048</v>
      </c>
    </row>
    <row r="18453" spans="4:5" x14ac:dyDescent="0.25">
      <c r="D18453" s="6">
        <v>4409.2579999999998</v>
      </c>
      <c r="E18453" s="6">
        <v>667.25</v>
      </c>
    </row>
    <row r="18454" spans="4:5" x14ac:dyDescent="0.25">
      <c r="D18454" s="6">
        <v>426.14080000000001</v>
      </c>
      <c r="E18454" s="6">
        <v>1817.125</v>
      </c>
    </row>
    <row r="18455" spans="4:5" x14ac:dyDescent="0.25">
      <c r="D18455" s="6">
        <v>1385.6559999999999</v>
      </c>
      <c r="E18455" s="6">
        <v>804.95129999999995</v>
      </c>
    </row>
    <row r="18456" spans="4:5" x14ac:dyDescent="0.25">
      <c r="D18456" s="6">
        <v>437.60789999999997</v>
      </c>
      <c r="E18456" s="6">
        <v>208</v>
      </c>
    </row>
    <row r="18457" spans="4:5" x14ac:dyDescent="0.25">
      <c r="D18457" s="6">
        <v>897.26859999999999</v>
      </c>
      <c r="E18457" s="6">
        <v>616.55119999999999</v>
      </c>
    </row>
    <row r="18458" spans="4:5" x14ac:dyDescent="0.25">
      <c r="D18458" s="6">
        <v>913.68</v>
      </c>
      <c r="E18458" s="6">
        <v>6932.7529999999997</v>
      </c>
    </row>
    <row r="18459" spans="4:5" x14ac:dyDescent="0.25">
      <c r="D18459" s="6">
        <v>3828.0369999999998</v>
      </c>
      <c r="E18459" s="6">
        <v>1316.4849999999999</v>
      </c>
    </row>
    <row r="18460" spans="4:5" x14ac:dyDescent="0.25">
      <c r="D18460" s="6">
        <v>702.822</v>
      </c>
      <c r="E18460" s="6">
        <v>1828.7650000000001</v>
      </c>
    </row>
    <row r="18461" spans="4:5" x14ac:dyDescent="0.25">
      <c r="D18461" s="6">
        <v>1776.864</v>
      </c>
      <c r="E18461" s="6">
        <v>3709.3139999999999</v>
      </c>
    </row>
    <row r="18462" spans="4:5" x14ac:dyDescent="0.25">
      <c r="D18462" s="6">
        <v>514.41890000000001</v>
      </c>
      <c r="E18462" s="6">
        <v>1608.125</v>
      </c>
    </row>
    <row r="18463" spans="4:5" x14ac:dyDescent="0.25">
      <c r="D18463" s="6">
        <v>1451.3869999999999</v>
      </c>
      <c r="E18463" s="6">
        <v>797.62210000000005</v>
      </c>
    </row>
    <row r="18464" spans="4:5" x14ac:dyDescent="0.25">
      <c r="D18464" s="6">
        <v>5726.4780000000001</v>
      </c>
      <c r="E18464" s="6">
        <v>1563.828</v>
      </c>
    </row>
    <row r="18465" spans="4:5" x14ac:dyDescent="0.25">
      <c r="D18465" s="6">
        <v>3588.8229999999999</v>
      </c>
      <c r="E18465" s="6">
        <v>1226.684</v>
      </c>
    </row>
    <row r="18466" spans="4:5" x14ac:dyDescent="0.25">
      <c r="D18466" s="6">
        <v>1248.415</v>
      </c>
      <c r="E18466" s="6">
        <v>1332.309</v>
      </c>
    </row>
    <row r="18467" spans="4:5" x14ac:dyDescent="0.25">
      <c r="D18467" s="6">
        <v>857.29319999999996</v>
      </c>
      <c r="E18467" s="6">
        <v>1249.2360000000001</v>
      </c>
    </row>
    <row r="18468" spans="4:5" x14ac:dyDescent="0.25">
      <c r="D18468" s="6">
        <v>423.34019999999998</v>
      </c>
      <c r="E18468" s="6">
        <v>746.48440000000005</v>
      </c>
    </row>
    <row r="18469" spans="4:5" x14ac:dyDescent="0.25">
      <c r="D18469" s="6">
        <v>482.16800000000001</v>
      </c>
      <c r="E18469" s="6">
        <v>5651.3230000000003</v>
      </c>
    </row>
    <row r="18470" spans="4:5" x14ac:dyDescent="0.25">
      <c r="D18470" s="6">
        <v>1930.316</v>
      </c>
      <c r="E18470" s="6">
        <v>1496.473</v>
      </c>
    </row>
    <row r="18471" spans="4:5" x14ac:dyDescent="0.25">
      <c r="D18471" s="6">
        <v>973.03309999999999</v>
      </c>
      <c r="E18471" s="6">
        <v>1719.8810000000001</v>
      </c>
    </row>
    <row r="18472" spans="4:5" x14ac:dyDescent="0.25">
      <c r="D18472" s="6">
        <v>1631.7639999999999</v>
      </c>
      <c r="E18472" s="6">
        <v>780.88800000000003</v>
      </c>
    </row>
    <row r="18473" spans="4:5" x14ac:dyDescent="0.25">
      <c r="D18473" s="6">
        <v>4486.0029999999997</v>
      </c>
      <c r="E18473" s="6">
        <v>2165.6799999999998</v>
      </c>
    </row>
    <row r="18474" spans="4:5" x14ac:dyDescent="0.25">
      <c r="D18474" s="6">
        <v>751.89869999999996</v>
      </c>
      <c r="E18474" s="6">
        <v>785.14890000000003</v>
      </c>
    </row>
    <row r="18475" spans="4:5" x14ac:dyDescent="0.25">
      <c r="D18475" s="6">
        <v>501.61189999999999</v>
      </c>
      <c r="E18475" s="6">
        <v>1222.806</v>
      </c>
    </row>
    <row r="18476" spans="4:5" x14ac:dyDescent="0.25">
      <c r="D18476" s="6">
        <v>809.30909999999994</v>
      </c>
      <c r="E18476" s="6">
        <v>6286.7889999999998</v>
      </c>
    </row>
    <row r="18477" spans="4:5" x14ac:dyDescent="0.25">
      <c r="D18477" s="6">
        <v>3971.6460000000002</v>
      </c>
      <c r="E18477" s="6">
        <v>823.25990000000002</v>
      </c>
    </row>
    <row r="18478" spans="4:5" x14ac:dyDescent="0.25">
      <c r="D18478" s="6">
        <v>4807.12</v>
      </c>
      <c r="E18478" s="6">
        <v>1887.4849999999999</v>
      </c>
    </row>
    <row r="18479" spans="4:5" x14ac:dyDescent="0.25">
      <c r="D18479" s="6">
        <v>453.77339999999998</v>
      </c>
      <c r="E18479" s="6">
        <v>595.58330000000001</v>
      </c>
    </row>
    <row r="18480" spans="4:5" x14ac:dyDescent="0.25">
      <c r="D18480" s="6">
        <v>2362.77</v>
      </c>
      <c r="E18480" s="6">
        <v>1372.223</v>
      </c>
    </row>
    <row r="18481" spans="4:5" x14ac:dyDescent="0.25">
      <c r="D18481" s="6">
        <v>3804.9169999999999</v>
      </c>
      <c r="E18481" s="6">
        <v>2069.0439999999999</v>
      </c>
    </row>
    <row r="18482" spans="4:5" x14ac:dyDescent="0.25">
      <c r="D18482" s="6">
        <v>437.35910000000001</v>
      </c>
      <c r="E18482" s="6">
        <v>463.04809999999998</v>
      </c>
    </row>
    <row r="18483" spans="4:5" x14ac:dyDescent="0.25">
      <c r="D18483" s="6">
        <v>817.82849999999996</v>
      </c>
      <c r="E18483" s="6">
        <v>495.81229999999999</v>
      </c>
    </row>
    <row r="18484" spans="4:5" x14ac:dyDescent="0.25">
      <c r="D18484" s="6">
        <v>4191.2039999999997</v>
      </c>
      <c r="E18484" s="6">
        <v>1293.6320000000001</v>
      </c>
    </row>
    <row r="18485" spans="4:5" x14ac:dyDescent="0.25">
      <c r="D18485" s="6">
        <v>1233.702</v>
      </c>
      <c r="E18485" s="6">
        <v>1922.8109999999999</v>
      </c>
    </row>
    <row r="18486" spans="4:5" x14ac:dyDescent="0.25">
      <c r="D18486" s="6">
        <v>432.83679999999998</v>
      </c>
      <c r="E18486" s="6">
        <v>1268.2370000000001</v>
      </c>
    </row>
    <row r="18487" spans="4:5" x14ac:dyDescent="0.25">
      <c r="D18487" s="6">
        <v>588.70039999999995</v>
      </c>
      <c r="E18487" s="6">
        <v>855.06050000000005</v>
      </c>
    </row>
    <row r="18488" spans="4:5" x14ac:dyDescent="0.25">
      <c r="D18488" s="6">
        <v>4739.0649999999996</v>
      </c>
      <c r="E18488" s="6">
        <v>882.50670000000002</v>
      </c>
    </row>
    <row r="18489" spans="4:5" x14ac:dyDescent="0.25">
      <c r="D18489" s="6">
        <v>1093.373</v>
      </c>
      <c r="E18489" s="6">
        <v>3618.2449999999999</v>
      </c>
    </row>
    <row r="18490" spans="4:5" x14ac:dyDescent="0.25">
      <c r="D18490" s="6">
        <v>360.10059999999999</v>
      </c>
      <c r="E18490" s="6">
        <v>541.66669999999999</v>
      </c>
    </row>
    <row r="18491" spans="4:5" x14ac:dyDescent="0.25">
      <c r="D18491" s="6">
        <v>712.05989999999997</v>
      </c>
      <c r="E18491" s="6">
        <v>547.35479999999995</v>
      </c>
    </row>
    <row r="18492" spans="4:5" x14ac:dyDescent="0.25">
      <c r="D18492" s="6">
        <v>877.43460000000005</v>
      </c>
      <c r="E18492" s="6">
        <v>949.51430000000005</v>
      </c>
    </row>
    <row r="18493" spans="4:5" x14ac:dyDescent="0.25">
      <c r="D18493" s="6">
        <v>742.8877</v>
      </c>
      <c r="E18493" s="6">
        <v>1268.027</v>
      </c>
    </row>
    <row r="18494" spans="4:5" x14ac:dyDescent="0.25">
      <c r="D18494" s="6">
        <v>848.72280000000001</v>
      </c>
      <c r="E18494" s="6">
        <v>318.11110000000002</v>
      </c>
    </row>
    <row r="18495" spans="4:5" x14ac:dyDescent="0.25">
      <c r="D18495" s="6">
        <v>2941.03</v>
      </c>
      <c r="E18495" s="6">
        <v>2604.3919999999998</v>
      </c>
    </row>
    <row r="18496" spans="4:5" x14ac:dyDescent="0.25">
      <c r="D18496" s="6">
        <v>1718.684</v>
      </c>
      <c r="E18496" s="6">
        <v>1691.432</v>
      </c>
    </row>
    <row r="18497" spans="4:5" x14ac:dyDescent="0.25">
      <c r="D18497" s="6">
        <v>1200.9069999999999</v>
      </c>
      <c r="E18497" s="6">
        <v>2149.2730000000001</v>
      </c>
    </row>
    <row r="18498" spans="4:5" x14ac:dyDescent="0.25">
      <c r="D18498" s="6">
        <v>528.64469999999994</v>
      </c>
      <c r="E18498" s="6">
        <v>1634.6569999999999</v>
      </c>
    </row>
    <row r="18499" spans="4:5" x14ac:dyDescent="0.25">
      <c r="D18499" s="6">
        <v>3247.75</v>
      </c>
      <c r="E18499" s="6">
        <v>976.66010000000006</v>
      </c>
    </row>
    <row r="18500" spans="4:5" x14ac:dyDescent="0.25">
      <c r="D18500" s="6">
        <v>438.77969999999999</v>
      </c>
      <c r="E18500" s="6">
        <v>728.82230000000004</v>
      </c>
    </row>
    <row r="18501" spans="4:5" x14ac:dyDescent="0.25">
      <c r="D18501" s="6">
        <v>3144.9830000000002</v>
      </c>
      <c r="E18501" s="6">
        <v>3762.6039999999998</v>
      </c>
    </row>
    <row r="18502" spans="4:5" x14ac:dyDescent="0.25">
      <c r="D18502" s="6">
        <v>3566.5990000000002</v>
      </c>
      <c r="E18502" s="6">
        <v>1424.444</v>
      </c>
    </row>
    <row r="18503" spans="4:5" x14ac:dyDescent="0.25">
      <c r="D18503" s="6">
        <v>1100.5060000000001</v>
      </c>
      <c r="E18503" s="6">
        <v>1611.9590000000001</v>
      </c>
    </row>
    <row r="18504" spans="4:5" x14ac:dyDescent="0.25">
      <c r="D18504" s="6">
        <v>861.83529999999996</v>
      </c>
      <c r="E18504" s="6">
        <v>976.60730000000001</v>
      </c>
    </row>
    <row r="18505" spans="4:5" x14ac:dyDescent="0.25">
      <c r="D18505" s="6">
        <v>3043.13</v>
      </c>
      <c r="E18505" s="6">
        <v>870.04909999999995</v>
      </c>
    </row>
    <row r="18506" spans="4:5" x14ac:dyDescent="0.25">
      <c r="D18506" s="6">
        <v>636.65740000000005</v>
      </c>
      <c r="E18506" s="6">
        <v>1573.777</v>
      </c>
    </row>
    <row r="18507" spans="4:5" x14ac:dyDescent="0.25">
      <c r="D18507" s="6">
        <v>757.39449999999999</v>
      </c>
      <c r="E18507" s="6">
        <v>1493.106</v>
      </c>
    </row>
    <row r="18508" spans="4:5" x14ac:dyDescent="0.25">
      <c r="D18508" s="6">
        <v>5711.0129999999999</v>
      </c>
      <c r="E18508" s="6">
        <v>514.27179999999998</v>
      </c>
    </row>
    <row r="18509" spans="4:5" x14ac:dyDescent="0.25">
      <c r="D18509" s="6">
        <v>663.83669999999995</v>
      </c>
      <c r="E18509" s="6">
        <v>990.56389999999999</v>
      </c>
    </row>
    <row r="18510" spans="4:5" x14ac:dyDescent="0.25">
      <c r="D18510" s="6">
        <v>1093.337</v>
      </c>
      <c r="E18510" s="6">
        <v>1454.25</v>
      </c>
    </row>
    <row r="18511" spans="4:5" x14ac:dyDescent="0.25">
      <c r="D18511" s="6">
        <v>775.22739999999999</v>
      </c>
      <c r="E18511" s="6">
        <v>671.86580000000004</v>
      </c>
    </row>
    <row r="18512" spans="4:5" x14ac:dyDescent="0.25">
      <c r="D18512" s="6">
        <v>389.85419999999999</v>
      </c>
      <c r="E18512" s="6">
        <v>1347.4770000000001</v>
      </c>
    </row>
    <row r="18513" spans="4:5" x14ac:dyDescent="0.25">
      <c r="D18513" s="6">
        <v>196.7927</v>
      </c>
      <c r="E18513" s="6">
        <v>1582.68</v>
      </c>
    </row>
    <row r="18514" spans="4:5" x14ac:dyDescent="0.25">
      <c r="D18514" s="6">
        <v>3303.74</v>
      </c>
      <c r="E18514" s="6">
        <v>1168.3409999999999</v>
      </c>
    </row>
    <row r="18515" spans="4:5" x14ac:dyDescent="0.25">
      <c r="D18515" s="6">
        <v>1155.674</v>
      </c>
      <c r="E18515" s="6">
        <v>1541.2280000000001</v>
      </c>
    </row>
    <row r="18516" spans="4:5" x14ac:dyDescent="0.25">
      <c r="D18516" s="6">
        <v>423.79450000000003</v>
      </c>
      <c r="E18516" s="6">
        <v>1956.579</v>
      </c>
    </row>
    <row r="18517" spans="4:5" x14ac:dyDescent="0.25">
      <c r="D18517" s="6">
        <v>3495.239</v>
      </c>
      <c r="E18517" s="6">
        <v>693.16899999999998</v>
      </c>
    </row>
    <row r="18518" spans="4:5" x14ac:dyDescent="0.25">
      <c r="D18518" s="6">
        <v>1148.8009999999999</v>
      </c>
      <c r="E18518" s="6">
        <v>1508.761</v>
      </c>
    </row>
    <row r="18519" spans="4:5" x14ac:dyDescent="0.25">
      <c r="D18519" s="6">
        <v>5155.7259999999997</v>
      </c>
      <c r="E18519" s="6">
        <v>1234.327</v>
      </c>
    </row>
    <row r="18520" spans="4:5" x14ac:dyDescent="0.25">
      <c r="D18520" s="6">
        <v>414.4042</v>
      </c>
      <c r="E18520" s="6">
        <v>983.57029999999997</v>
      </c>
    </row>
    <row r="18521" spans="4:5" x14ac:dyDescent="0.25">
      <c r="D18521" s="6">
        <v>3512.3679999999999</v>
      </c>
      <c r="E18521" s="6">
        <v>1851.184</v>
      </c>
    </row>
    <row r="18522" spans="4:5" x14ac:dyDescent="0.25">
      <c r="D18522" s="6">
        <v>3191.203</v>
      </c>
      <c r="E18522" s="6">
        <v>1171.298</v>
      </c>
    </row>
    <row r="18523" spans="4:5" x14ac:dyDescent="0.25">
      <c r="D18523" s="6">
        <v>944.99390000000005</v>
      </c>
      <c r="E18523" s="6">
        <v>808.79809999999998</v>
      </c>
    </row>
    <row r="18524" spans="4:5" x14ac:dyDescent="0.25">
      <c r="D18524" s="6">
        <v>2535.5300000000002</v>
      </c>
      <c r="E18524" s="6">
        <v>1094.9849999999999</v>
      </c>
    </row>
    <row r="18525" spans="4:5" x14ac:dyDescent="0.25">
      <c r="D18525" s="6">
        <v>996.8152</v>
      </c>
      <c r="E18525" s="6">
        <v>504.61040000000003</v>
      </c>
    </row>
    <row r="18526" spans="4:5" x14ac:dyDescent="0.25">
      <c r="D18526" s="6">
        <v>1593.5619999999999</v>
      </c>
      <c r="E18526" s="6">
        <v>4242.1120000000001</v>
      </c>
    </row>
    <row r="18527" spans="4:5" x14ac:dyDescent="0.25">
      <c r="D18527" s="6">
        <v>881.29909999999995</v>
      </c>
      <c r="E18527" s="6">
        <v>539.22609999999997</v>
      </c>
    </row>
    <row r="18528" spans="4:5" x14ac:dyDescent="0.25">
      <c r="D18528" s="6">
        <v>725.70899999999995</v>
      </c>
      <c r="E18528" s="6">
        <v>1616.2</v>
      </c>
    </row>
    <row r="18529" spans="4:5" x14ac:dyDescent="0.25">
      <c r="D18529" s="6">
        <v>1293.3969999999999</v>
      </c>
      <c r="E18529" s="6">
        <v>1009.466</v>
      </c>
    </row>
    <row r="18530" spans="4:5" x14ac:dyDescent="0.25">
      <c r="D18530" s="6">
        <v>3526.4989999999998</v>
      </c>
      <c r="E18530" s="6">
        <v>299.21249999999998</v>
      </c>
    </row>
    <row r="18531" spans="4:5" x14ac:dyDescent="0.25">
      <c r="D18531" s="6">
        <v>1026.587</v>
      </c>
      <c r="E18531" s="6">
        <v>1734</v>
      </c>
    </row>
    <row r="18532" spans="4:5" x14ac:dyDescent="0.25">
      <c r="D18532" s="6">
        <v>1122.6410000000001</v>
      </c>
      <c r="E18532" s="6">
        <v>2203.027</v>
      </c>
    </row>
    <row r="18533" spans="4:5" x14ac:dyDescent="0.25">
      <c r="D18533" s="6">
        <v>2884.6109999999999</v>
      </c>
      <c r="E18533" s="6">
        <v>3278.886</v>
      </c>
    </row>
    <row r="18534" spans="4:5" x14ac:dyDescent="0.25">
      <c r="D18534" s="6">
        <v>1074.6859999999999</v>
      </c>
      <c r="E18534" s="6">
        <v>1603.6389999999999</v>
      </c>
    </row>
    <row r="18535" spans="4:5" x14ac:dyDescent="0.25">
      <c r="D18535" s="6">
        <v>2478.7579999999998</v>
      </c>
      <c r="E18535" s="6">
        <v>748.79790000000003</v>
      </c>
    </row>
    <row r="18536" spans="4:5" x14ac:dyDescent="0.25">
      <c r="D18536" s="6">
        <v>385.97460000000001</v>
      </c>
      <c r="E18536" s="6">
        <v>809.90089999999998</v>
      </c>
    </row>
    <row r="18537" spans="4:5" x14ac:dyDescent="0.25">
      <c r="D18537" s="6">
        <v>4087.0129999999999</v>
      </c>
      <c r="E18537" s="6">
        <v>880.0299</v>
      </c>
    </row>
    <row r="18538" spans="4:5" x14ac:dyDescent="0.25">
      <c r="D18538" s="6">
        <v>277.25</v>
      </c>
      <c r="E18538" s="6">
        <v>671.55870000000004</v>
      </c>
    </row>
    <row r="18539" spans="4:5" x14ac:dyDescent="0.25">
      <c r="D18539" s="6">
        <v>1436.566</v>
      </c>
      <c r="E18539" s="6">
        <v>1720.5450000000001</v>
      </c>
    </row>
    <row r="18540" spans="4:5" x14ac:dyDescent="0.25">
      <c r="D18540" s="6">
        <v>3895.51</v>
      </c>
      <c r="E18540" s="6">
        <v>643.91520000000003</v>
      </c>
    </row>
    <row r="18541" spans="4:5" x14ac:dyDescent="0.25">
      <c r="D18541" s="6">
        <v>916.80780000000004</v>
      </c>
      <c r="E18541" s="6">
        <v>1097.451</v>
      </c>
    </row>
    <row r="18542" spans="4:5" x14ac:dyDescent="0.25">
      <c r="D18542" s="6">
        <v>540.59230000000002</v>
      </c>
      <c r="E18542" s="6">
        <v>3365.069</v>
      </c>
    </row>
    <row r="18543" spans="4:5" x14ac:dyDescent="0.25">
      <c r="D18543" s="6">
        <v>842.35919999999999</v>
      </c>
      <c r="E18543" s="6">
        <v>896.45669999999996</v>
      </c>
    </row>
    <row r="18544" spans="4:5" x14ac:dyDescent="0.25">
      <c r="D18544" s="6">
        <v>960.64800000000002</v>
      </c>
      <c r="E18544" s="6">
        <v>1218.0039999999999</v>
      </c>
    </row>
    <row r="18545" spans="4:5" x14ac:dyDescent="0.25">
      <c r="D18545" s="6">
        <v>424.65620000000001</v>
      </c>
      <c r="E18545" s="6">
        <v>2124.5729999999999</v>
      </c>
    </row>
    <row r="18546" spans="4:5" x14ac:dyDescent="0.25">
      <c r="D18546" s="6">
        <v>1023.336</v>
      </c>
      <c r="E18546" s="6">
        <v>531.11789999999996</v>
      </c>
    </row>
    <row r="18547" spans="4:5" x14ac:dyDescent="0.25">
      <c r="D18547" s="6">
        <v>974.69470000000001</v>
      </c>
      <c r="E18547" s="6">
        <v>1090.8889999999999</v>
      </c>
    </row>
    <row r="18548" spans="4:5" x14ac:dyDescent="0.25">
      <c r="D18548" s="6">
        <v>1080</v>
      </c>
      <c r="E18548" s="6">
        <v>1452.2</v>
      </c>
    </row>
    <row r="18549" spans="4:5" x14ac:dyDescent="0.25">
      <c r="D18549" s="6">
        <v>399.27670000000001</v>
      </c>
      <c r="E18549" s="6">
        <v>1505.9849999999999</v>
      </c>
    </row>
    <row r="18550" spans="4:5" x14ac:dyDescent="0.25">
      <c r="D18550" s="6">
        <v>577.49279999999999</v>
      </c>
      <c r="E18550" s="6">
        <v>1363.0340000000001</v>
      </c>
    </row>
    <row r="18551" spans="4:5" x14ac:dyDescent="0.25">
      <c r="D18551" s="6">
        <v>5774.5060000000003</v>
      </c>
      <c r="E18551" s="6">
        <v>1300.433</v>
      </c>
    </row>
    <row r="18552" spans="4:5" x14ac:dyDescent="0.25">
      <c r="D18552" s="6">
        <v>2435.9110000000001</v>
      </c>
      <c r="E18552" s="6">
        <v>1009.211</v>
      </c>
    </row>
    <row r="18553" spans="4:5" x14ac:dyDescent="0.25">
      <c r="D18553" s="6">
        <v>506.59570000000002</v>
      </c>
      <c r="E18553" s="6">
        <v>1196.6210000000001</v>
      </c>
    </row>
    <row r="18554" spans="4:5" x14ac:dyDescent="0.25">
      <c r="D18554" s="6">
        <v>1539.886</v>
      </c>
      <c r="E18554" s="6">
        <v>1286.067</v>
      </c>
    </row>
    <row r="18555" spans="4:5" x14ac:dyDescent="0.25">
      <c r="D18555" s="6">
        <v>1303.461</v>
      </c>
      <c r="E18555" s="6">
        <v>1617.0139999999999</v>
      </c>
    </row>
    <row r="18556" spans="4:5" x14ac:dyDescent="0.25">
      <c r="D18556" s="6">
        <v>3028.1390000000001</v>
      </c>
      <c r="E18556" s="6">
        <v>1178</v>
      </c>
    </row>
    <row r="18557" spans="4:5" x14ac:dyDescent="0.25">
      <c r="D18557" s="6">
        <v>1431.971</v>
      </c>
      <c r="E18557" s="6">
        <v>1866.2840000000001</v>
      </c>
    </row>
    <row r="18558" spans="4:5" x14ac:dyDescent="0.25">
      <c r="D18558" s="6">
        <v>1110.3109999999999</v>
      </c>
      <c r="E18558" s="6">
        <v>1508.826</v>
      </c>
    </row>
    <row r="18559" spans="4:5" x14ac:dyDescent="0.25">
      <c r="D18559" s="6">
        <v>444.4194</v>
      </c>
      <c r="E18559" s="6">
        <v>471.97460000000001</v>
      </c>
    </row>
    <row r="18560" spans="4:5" x14ac:dyDescent="0.25">
      <c r="D18560" s="6">
        <v>1516.6980000000001</v>
      </c>
      <c r="E18560" s="6">
        <v>2600.7750000000001</v>
      </c>
    </row>
    <row r="18561" spans="4:5" x14ac:dyDescent="0.25">
      <c r="D18561" s="6">
        <v>1707.9559999999999</v>
      </c>
      <c r="E18561" s="6">
        <v>837.16160000000002</v>
      </c>
    </row>
    <row r="18562" spans="4:5" x14ac:dyDescent="0.25">
      <c r="D18562" s="6">
        <v>3738.3339999999998</v>
      </c>
      <c r="E18562" s="6">
        <v>1381.309</v>
      </c>
    </row>
    <row r="18563" spans="4:5" x14ac:dyDescent="0.25">
      <c r="D18563" s="6">
        <v>2504.3519999999999</v>
      </c>
      <c r="E18563" s="6">
        <v>1914.1010000000001</v>
      </c>
    </row>
    <row r="18564" spans="4:5" x14ac:dyDescent="0.25">
      <c r="D18564" s="6">
        <v>1710.1880000000001</v>
      </c>
      <c r="E18564" s="6">
        <v>710.98080000000004</v>
      </c>
    </row>
    <row r="18565" spans="4:5" x14ac:dyDescent="0.25">
      <c r="D18565" s="6">
        <v>426.81369999999998</v>
      </c>
      <c r="E18565" s="6">
        <v>2255.8519999999999</v>
      </c>
    </row>
    <row r="18566" spans="4:5" x14ac:dyDescent="0.25">
      <c r="D18566" s="6">
        <v>1017.208</v>
      </c>
      <c r="E18566" s="6">
        <v>658.25</v>
      </c>
    </row>
    <row r="18567" spans="4:5" x14ac:dyDescent="0.25">
      <c r="D18567" s="6">
        <v>2259.2849999999999</v>
      </c>
      <c r="E18567" s="6">
        <v>1536.4839999999999</v>
      </c>
    </row>
    <row r="18568" spans="4:5" x14ac:dyDescent="0.25">
      <c r="D18568" s="6">
        <v>2667.7950000000001</v>
      </c>
      <c r="E18568" s="6">
        <v>1137.394</v>
      </c>
    </row>
    <row r="18569" spans="4:5" x14ac:dyDescent="0.25">
      <c r="D18569" s="6">
        <v>1051.029</v>
      </c>
      <c r="E18569" s="6">
        <v>1371.1859999999999</v>
      </c>
    </row>
    <row r="18570" spans="4:5" x14ac:dyDescent="0.25">
      <c r="D18570" s="6">
        <v>644.98119999999994</v>
      </c>
      <c r="E18570" s="6">
        <v>492.67</v>
      </c>
    </row>
    <row r="18571" spans="4:5" x14ac:dyDescent="0.25">
      <c r="D18571" s="6">
        <v>3274.7820000000002</v>
      </c>
      <c r="E18571" s="6">
        <v>424.60230000000001</v>
      </c>
    </row>
    <row r="18572" spans="4:5" x14ac:dyDescent="0.25">
      <c r="D18572" s="6">
        <v>393.92790000000002</v>
      </c>
      <c r="E18572" s="6">
        <v>1401.9480000000001</v>
      </c>
    </row>
    <row r="18573" spans="4:5" x14ac:dyDescent="0.25">
      <c r="D18573" s="6">
        <v>431.48700000000002</v>
      </c>
      <c r="E18573" s="6">
        <v>1583.2639999999999</v>
      </c>
    </row>
    <row r="18574" spans="4:5" x14ac:dyDescent="0.25">
      <c r="D18574" s="6">
        <v>430.90989999999999</v>
      </c>
      <c r="E18574" s="6">
        <v>6959.6570000000002</v>
      </c>
    </row>
    <row r="18575" spans="4:5" x14ac:dyDescent="0.25">
      <c r="D18575" s="6">
        <v>1141.0239999999999</v>
      </c>
      <c r="E18575" s="6">
        <v>1731.145</v>
      </c>
    </row>
    <row r="18576" spans="4:5" x14ac:dyDescent="0.25">
      <c r="D18576" s="6">
        <v>405.7253</v>
      </c>
      <c r="E18576" s="6">
        <v>674.57849999999996</v>
      </c>
    </row>
    <row r="18577" spans="4:5" x14ac:dyDescent="0.25">
      <c r="D18577" s="6">
        <v>432.09679999999997</v>
      </c>
      <c r="E18577" s="6">
        <v>1798.0640000000001</v>
      </c>
    </row>
    <row r="18578" spans="4:5" x14ac:dyDescent="0.25">
      <c r="D18578" s="6">
        <v>384.0163</v>
      </c>
      <c r="E18578" s="6">
        <v>1092.5509999999999</v>
      </c>
    </row>
    <row r="18579" spans="4:5" x14ac:dyDescent="0.25">
      <c r="D18579" s="6">
        <v>1094.287</v>
      </c>
      <c r="E18579" s="6">
        <v>1499.4359999999999</v>
      </c>
    </row>
    <row r="18580" spans="4:5" x14ac:dyDescent="0.25">
      <c r="D18580" s="6">
        <v>451.04259999999999</v>
      </c>
      <c r="E18580" s="6">
        <v>697.91150000000005</v>
      </c>
    </row>
    <row r="18581" spans="4:5" x14ac:dyDescent="0.25">
      <c r="D18581" s="6">
        <v>1193.3</v>
      </c>
      <c r="E18581" s="6">
        <v>3203</v>
      </c>
    </row>
    <row r="18582" spans="4:5" x14ac:dyDescent="0.25">
      <c r="D18582" s="6">
        <v>3682.076</v>
      </c>
      <c r="E18582" s="6">
        <v>1491.5989999999999</v>
      </c>
    </row>
    <row r="18583" spans="4:5" x14ac:dyDescent="0.25">
      <c r="D18583" s="6">
        <v>4274.0780000000004</v>
      </c>
      <c r="E18583" s="6">
        <v>814</v>
      </c>
    </row>
    <row r="18584" spans="4:5" x14ac:dyDescent="0.25">
      <c r="D18584" s="6">
        <v>747.42420000000004</v>
      </c>
      <c r="E18584" s="6">
        <v>315.98849999999999</v>
      </c>
    </row>
    <row r="18585" spans="4:5" x14ac:dyDescent="0.25">
      <c r="D18585" s="6">
        <v>1400.069</v>
      </c>
      <c r="E18585" s="6">
        <v>3104.0279999999998</v>
      </c>
    </row>
    <row r="18586" spans="4:5" x14ac:dyDescent="0.25">
      <c r="D18586" s="6">
        <v>452.37400000000002</v>
      </c>
      <c r="E18586" s="6">
        <v>1079.5709999999999</v>
      </c>
    </row>
    <row r="18587" spans="4:5" x14ac:dyDescent="0.25">
      <c r="D18587" s="6">
        <v>457.29829999999998</v>
      </c>
      <c r="E18587" s="6">
        <v>1573.0719999999999</v>
      </c>
    </row>
    <row r="18588" spans="4:5" x14ac:dyDescent="0.25">
      <c r="D18588" s="6">
        <v>373.5564</v>
      </c>
      <c r="E18588" s="6">
        <v>1289.5309999999999</v>
      </c>
    </row>
    <row r="18589" spans="4:5" x14ac:dyDescent="0.25">
      <c r="D18589" s="6">
        <v>449.11919999999998</v>
      </c>
      <c r="E18589" s="6">
        <v>1010.072</v>
      </c>
    </row>
    <row r="18590" spans="4:5" x14ac:dyDescent="0.25">
      <c r="D18590" s="6">
        <v>410.45819999999998</v>
      </c>
      <c r="E18590" s="6">
        <v>1886.835</v>
      </c>
    </row>
    <row r="18591" spans="4:5" x14ac:dyDescent="0.25">
      <c r="D18591" s="6">
        <v>4706.4660000000003</v>
      </c>
      <c r="E18591" s="6">
        <v>6035.9279999999999</v>
      </c>
    </row>
    <row r="18592" spans="4:5" x14ac:dyDescent="0.25">
      <c r="D18592" s="6">
        <v>940.12649999999996</v>
      </c>
      <c r="E18592" s="6">
        <v>2148.9859999999999</v>
      </c>
    </row>
    <row r="18593" spans="4:5" x14ac:dyDescent="0.25">
      <c r="D18593" s="6">
        <v>427.81150000000002</v>
      </c>
      <c r="E18593" s="6">
        <v>3432.7719999999999</v>
      </c>
    </row>
    <row r="18594" spans="4:5" x14ac:dyDescent="0.25">
      <c r="D18594" s="6">
        <v>776.94349999999997</v>
      </c>
      <c r="E18594" s="6">
        <v>502.71440000000001</v>
      </c>
    </row>
    <row r="18595" spans="4:5" x14ac:dyDescent="0.25">
      <c r="D18595" s="6">
        <v>506.0401</v>
      </c>
      <c r="E18595" s="6">
        <v>1385.2909999999999</v>
      </c>
    </row>
    <row r="18596" spans="4:5" x14ac:dyDescent="0.25">
      <c r="D18596" s="6">
        <v>1230.422</v>
      </c>
      <c r="E18596" s="6">
        <v>1537.6880000000001</v>
      </c>
    </row>
    <row r="18597" spans="4:5" x14ac:dyDescent="0.25">
      <c r="D18597" s="6">
        <v>576.01480000000004</v>
      </c>
      <c r="E18597" s="6">
        <v>4490.5</v>
      </c>
    </row>
    <row r="18598" spans="4:5" x14ac:dyDescent="0.25">
      <c r="D18598" s="6">
        <v>1203.569</v>
      </c>
      <c r="E18598" s="6">
        <v>658.82759999999996</v>
      </c>
    </row>
    <row r="18599" spans="4:5" x14ac:dyDescent="0.25">
      <c r="D18599" s="6">
        <v>401.06819999999999</v>
      </c>
      <c r="E18599" s="6">
        <v>5124.8789999999999</v>
      </c>
    </row>
    <row r="18600" spans="4:5" x14ac:dyDescent="0.25">
      <c r="D18600" s="6">
        <v>780.95770000000005</v>
      </c>
      <c r="E18600" s="6">
        <v>679.79809999999998</v>
      </c>
    </row>
    <row r="18601" spans="4:5" x14ac:dyDescent="0.25">
      <c r="D18601" s="6">
        <v>2565.9850000000001</v>
      </c>
      <c r="E18601" s="6">
        <v>3261.6080000000002</v>
      </c>
    </row>
    <row r="18602" spans="4:5" x14ac:dyDescent="0.25">
      <c r="D18602" s="6">
        <v>1094.085</v>
      </c>
      <c r="E18602" s="6">
        <v>1858.5930000000001</v>
      </c>
    </row>
    <row r="18603" spans="4:5" x14ac:dyDescent="0.25">
      <c r="D18603" s="6">
        <v>5491.4470000000001</v>
      </c>
      <c r="E18603" s="6">
        <v>1599.328</v>
      </c>
    </row>
    <row r="18604" spans="4:5" x14ac:dyDescent="0.25">
      <c r="D18604" s="6">
        <v>889.83699999999999</v>
      </c>
      <c r="E18604" s="6">
        <v>562.89919999999995</v>
      </c>
    </row>
    <row r="18605" spans="4:5" x14ac:dyDescent="0.25">
      <c r="D18605" s="6">
        <v>907.42380000000003</v>
      </c>
      <c r="E18605" s="6">
        <v>7355.6</v>
      </c>
    </row>
    <row r="18606" spans="4:5" x14ac:dyDescent="0.25">
      <c r="D18606" s="6">
        <v>732.62750000000005</v>
      </c>
      <c r="E18606" s="6">
        <v>16383</v>
      </c>
    </row>
    <row r="18607" spans="4:5" x14ac:dyDescent="0.25">
      <c r="D18607" s="6">
        <v>952.07979999999998</v>
      </c>
      <c r="E18607" s="6">
        <v>668</v>
      </c>
    </row>
    <row r="18608" spans="4:5" x14ac:dyDescent="0.25">
      <c r="D18608" s="6">
        <v>2470.761</v>
      </c>
      <c r="E18608" s="6">
        <v>1236.7329999999999</v>
      </c>
    </row>
    <row r="18609" spans="4:5" x14ac:dyDescent="0.25">
      <c r="D18609" s="6">
        <v>786.67100000000005</v>
      </c>
      <c r="E18609" s="6">
        <v>520.79349999999999</v>
      </c>
    </row>
    <row r="18610" spans="4:5" x14ac:dyDescent="0.25">
      <c r="D18610" s="6">
        <v>664.09159999999997</v>
      </c>
      <c r="E18610" s="6">
        <v>5411.9960000000001</v>
      </c>
    </row>
    <row r="18611" spans="4:5" x14ac:dyDescent="0.25">
      <c r="D18611" s="6">
        <v>400.64519999999999</v>
      </c>
      <c r="E18611" s="6">
        <v>606.3741</v>
      </c>
    </row>
    <row r="18612" spans="4:5" x14ac:dyDescent="0.25">
      <c r="D18612" s="6">
        <v>2171.0340000000001</v>
      </c>
      <c r="E18612" s="6">
        <v>1814.6369999999999</v>
      </c>
    </row>
    <row r="18613" spans="4:5" x14ac:dyDescent="0.25">
      <c r="D18613" s="6">
        <v>1174.5340000000001</v>
      </c>
      <c r="E18613" s="6">
        <v>1301.3689999999999</v>
      </c>
    </row>
    <row r="18614" spans="4:5" x14ac:dyDescent="0.25">
      <c r="D18614" s="6">
        <v>750.75980000000004</v>
      </c>
      <c r="E18614" s="6">
        <v>1319.17</v>
      </c>
    </row>
    <row r="18615" spans="4:5" x14ac:dyDescent="0.25">
      <c r="D18615" s="6">
        <v>434.3698</v>
      </c>
      <c r="E18615" s="6">
        <v>3347.3809999999999</v>
      </c>
    </row>
    <row r="18616" spans="4:5" x14ac:dyDescent="0.25">
      <c r="D18616" s="6">
        <v>883.53930000000003</v>
      </c>
      <c r="E18616" s="6">
        <v>1141.6579999999999</v>
      </c>
    </row>
    <row r="18617" spans="4:5" x14ac:dyDescent="0.25">
      <c r="D18617" s="6">
        <v>453.68040000000002</v>
      </c>
      <c r="E18617" s="6">
        <v>1499</v>
      </c>
    </row>
    <row r="18618" spans="4:5" x14ac:dyDescent="0.25">
      <c r="D18618" s="6">
        <v>756.27620000000002</v>
      </c>
      <c r="E18618" s="6">
        <v>700.50350000000003</v>
      </c>
    </row>
    <row r="18619" spans="4:5" x14ac:dyDescent="0.25">
      <c r="D18619" s="6">
        <v>751.84130000000005</v>
      </c>
      <c r="E18619" s="6">
        <v>6583</v>
      </c>
    </row>
    <row r="18620" spans="4:5" x14ac:dyDescent="0.25">
      <c r="D18620" s="6">
        <v>1071.575</v>
      </c>
      <c r="E18620" s="6">
        <v>2335.6729999999998</v>
      </c>
    </row>
    <row r="18621" spans="4:5" x14ac:dyDescent="0.25">
      <c r="D18621" s="6">
        <v>1102.433</v>
      </c>
      <c r="E18621" s="6">
        <v>1292.049</v>
      </c>
    </row>
    <row r="18622" spans="4:5" x14ac:dyDescent="0.25">
      <c r="D18622" s="6">
        <v>640.46860000000004</v>
      </c>
      <c r="E18622" s="6">
        <v>5123.9359999999997</v>
      </c>
    </row>
    <row r="18623" spans="4:5" x14ac:dyDescent="0.25">
      <c r="D18623" s="6">
        <v>854.48440000000005</v>
      </c>
      <c r="E18623" s="6">
        <v>872.80460000000005</v>
      </c>
    </row>
    <row r="18624" spans="4:5" x14ac:dyDescent="0.25">
      <c r="D18624" s="6">
        <v>1690.4749999999999</v>
      </c>
      <c r="E18624" s="6">
        <v>1354.1669999999999</v>
      </c>
    </row>
    <row r="18625" spans="4:5" x14ac:dyDescent="0.25">
      <c r="D18625" s="6">
        <v>615.19889999999998</v>
      </c>
      <c r="E18625" s="6">
        <v>717.99210000000005</v>
      </c>
    </row>
    <row r="18626" spans="4:5" x14ac:dyDescent="0.25">
      <c r="D18626" s="6">
        <v>631.0412</v>
      </c>
      <c r="E18626" s="6">
        <v>4256.7150000000001</v>
      </c>
    </row>
    <row r="18627" spans="4:5" x14ac:dyDescent="0.25">
      <c r="D18627" s="6">
        <v>799</v>
      </c>
      <c r="E18627" s="6">
        <v>1492.057</v>
      </c>
    </row>
    <row r="18628" spans="4:5" x14ac:dyDescent="0.25">
      <c r="D18628" s="6">
        <v>1225.4079999999999</v>
      </c>
      <c r="E18628" s="6">
        <v>2114.0720000000001</v>
      </c>
    </row>
    <row r="18629" spans="4:5" x14ac:dyDescent="0.25">
      <c r="D18629" s="6">
        <v>440.97800000000001</v>
      </c>
      <c r="E18629" s="6">
        <v>3953.0479999999998</v>
      </c>
    </row>
    <row r="18630" spans="4:5" x14ac:dyDescent="0.25">
      <c r="D18630" s="6">
        <v>637.8673</v>
      </c>
      <c r="E18630" s="6">
        <v>816.74480000000005</v>
      </c>
    </row>
    <row r="18631" spans="4:5" x14ac:dyDescent="0.25">
      <c r="D18631" s="6">
        <v>799.64689999999996</v>
      </c>
      <c r="E18631" s="6">
        <v>2856.317</v>
      </c>
    </row>
    <row r="18632" spans="4:5" x14ac:dyDescent="0.25">
      <c r="D18632" s="6">
        <v>600.70299999999997</v>
      </c>
      <c r="E18632" s="6">
        <v>1196.326</v>
      </c>
    </row>
    <row r="18633" spans="4:5" x14ac:dyDescent="0.25">
      <c r="D18633" s="6">
        <v>1656.05</v>
      </c>
      <c r="E18633" s="6">
        <v>1299.423</v>
      </c>
    </row>
    <row r="18634" spans="4:5" x14ac:dyDescent="0.25">
      <c r="D18634" s="6">
        <v>363.41329999999999</v>
      </c>
      <c r="E18634" s="6">
        <v>1853.009</v>
      </c>
    </row>
    <row r="18635" spans="4:5" x14ac:dyDescent="0.25">
      <c r="D18635" s="6">
        <v>1702.1310000000001</v>
      </c>
      <c r="E18635" s="6">
        <v>1861.9559999999999</v>
      </c>
    </row>
    <row r="18636" spans="4:5" x14ac:dyDescent="0.25">
      <c r="D18636" s="6">
        <v>2283.83</v>
      </c>
      <c r="E18636" s="6">
        <v>1478.9290000000001</v>
      </c>
    </row>
    <row r="18637" spans="4:5" x14ac:dyDescent="0.25">
      <c r="D18637" s="6">
        <v>944.05989999999997</v>
      </c>
      <c r="E18637" s="6">
        <v>998.39440000000002</v>
      </c>
    </row>
    <row r="18638" spans="4:5" x14ac:dyDescent="0.25">
      <c r="D18638" s="6">
        <v>3392.0819999999999</v>
      </c>
      <c r="E18638" s="6">
        <v>4717.4549999999999</v>
      </c>
    </row>
    <row r="18639" spans="4:5" x14ac:dyDescent="0.25">
      <c r="D18639" s="6">
        <v>906.55880000000002</v>
      </c>
      <c r="E18639" s="6">
        <v>661.8501</v>
      </c>
    </row>
    <row r="18640" spans="4:5" x14ac:dyDescent="0.25">
      <c r="D18640" s="6">
        <v>2349.8180000000002</v>
      </c>
      <c r="E18640" s="6">
        <v>1033.771</v>
      </c>
    </row>
    <row r="18641" spans="4:5" x14ac:dyDescent="0.25">
      <c r="D18641" s="6">
        <v>513.48649999999998</v>
      </c>
      <c r="E18641" s="6">
        <v>560.20749999999998</v>
      </c>
    </row>
    <row r="18642" spans="4:5" x14ac:dyDescent="0.25">
      <c r="D18642" s="6">
        <v>5016.7020000000002</v>
      </c>
      <c r="E18642" s="6">
        <v>741.68050000000005</v>
      </c>
    </row>
    <row r="18643" spans="4:5" x14ac:dyDescent="0.25">
      <c r="D18643" s="6">
        <v>2190.4949999999999</v>
      </c>
      <c r="E18643" s="6">
        <v>730.59360000000004</v>
      </c>
    </row>
    <row r="18644" spans="4:5" x14ac:dyDescent="0.25">
      <c r="D18644" s="6">
        <v>3665.6840000000002</v>
      </c>
      <c r="E18644" s="6">
        <v>485.3433</v>
      </c>
    </row>
    <row r="18645" spans="4:5" x14ac:dyDescent="0.25">
      <c r="D18645" s="6">
        <v>952.09690000000001</v>
      </c>
      <c r="E18645" s="6">
        <v>2145.5100000000002</v>
      </c>
    </row>
    <row r="18646" spans="4:5" x14ac:dyDescent="0.25">
      <c r="D18646" s="6">
        <v>441.05970000000002</v>
      </c>
      <c r="E18646" s="6">
        <v>1648.14</v>
      </c>
    </row>
    <row r="18647" spans="4:5" x14ac:dyDescent="0.25">
      <c r="D18647" s="6">
        <v>2507.7669999999998</v>
      </c>
      <c r="E18647" s="6">
        <v>1236.556</v>
      </c>
    </row>
    <row r="18648" spans="4:5" x14ac:dyDescent="0.25">
      <c r="D18648" s="6">
        <v>3094.6080000000002</v>
      </c>
      <c r="E18648" s="6">
        <v>733.61389999999994</v>
      </c>
    </row>
    <row r="18649" spans="4:5" x14ac:dyDescent="0.25">
      <c r="D18649" s="6">
        <v>674.28570000000002</v>
      </c>
      <c r="E18649" s="6">
        <v>2480.19</v>
      </c>
    </row>
    <row r="18650" spans="4:5" x14ac:dyDescent="0.25">
      <c r="D18650" s="6">
        <v>933.48429999999996</v>
      </c>
      <c r="E18650" s="6">
        <v>1971.5229999999999</v>
      </c>
    </row>
    <row r="18651" spans="4:5" x14ac:dyDescent="0.25">
      <c r="D18651" s="6">
        <v>1279</v>
      </c>
      <c r="E18651" s="6">
        <v>878.24149999999997</v>
      </c>
    </row>
    <row r="18652" spans="4:5" x14ac:dyDescent="0.25">
      <c r="D18652" s="6">
        <v>407.54500000000002</v>
      </c>
      <c r="E18652" s="6">
        <v>1028.249</v>
      </c>
    </row>
    <row r="18653" spans="4:5" x14ac:dyDescent="0.25">
      <c r="D18653" s="6">
        <v>346.0394</v>
      </c>
      <c r="E18653" s="6">
        <v>3969.4549999999999</v>
      </c>
    </row>
    <row r="18654" spans="4:5" x14ac:dyDescent="0.25">
      <c r="D18654" s="6">
        <v>2697.1010000000001</v>
      </c>
      <c r="E18654" s="6">
        <v>1273.9849999999999</v>
      </c>
    </row>
    <row r="18655" spans="4:5" x14ac:dyDescent="0.25">
      <c r="D18655" s="6">
        <v>476.93150000000003</v>
      </c>
      <c r="E18655" s="6">
        <v>643.47770000000003</v>
      </c>
    </row>
    <row r="18656" spans="4:5" x14ac:dyDescent="0.25">
      <c r="D18656" s="6">
        <v>5731.6850000000004</v>
      </c>
      <c r="E18656" s="6">
        <v>583.6277</v>
      </c>
    </row>
    <row r="18657" spans="4:5" x14ac:dyDescent="0.25">
      <c r="D18657" s="6">
        <v>399.90949999999998</v>
      </c>
      <c r="E18657" s="6">
        <v>478.8218</v>
      </c>
    </row>
    <row r="18658" spans="4:5" x14ac:dyDescent="0.25">
      <c r="D18658" s="6">
        <v>1025.8309999999999</v>
      </c>
      <c r="E18658" s="6">
        <v>8558.357</v>
      </c>
    </row>
    <row r="18659" spans="4:5" x14ac:dyDescent="0.25">
      <c r="D18659" s="6">
        <v>3549.9380000000001</v>
      </c>
      <c r="E18659" s="6">
        <v>1311.8150000000001</v>
      </c>
    </row>
    <row r="18660" spans="4:5" x14ac:dyDescent="0.25">
      <c r="D18660" s="6">
        <v>1027.299</v>
      </c>
      <c r="E18660" s="6">
        <v>1088.354</v>
      </c>
    </row>
    <row r="18661" spans="4:5" x14ac:dyDescent="0.25">
      <c r="D18661" s="6">
        <v>794.91309999999999</v>
      </c>
      <c r="E18661" s="6">
        <v>921.47130000000004</v>
      </c>
    </row>
    <row r="18662" spans="4:5" x14ac:dyDescent="0.25">
      <c r="D18662" s="6">
        <v>344.45589999999999</v>
      </c>
      <c r="E18662" s="6">
        <v>1637.499</v>
      </c>
    </row>
    <row r="18663" spans="4:5" x14ac:dyDescent="0.25">
      <c r="D18663" s="6">
        <v>9016.3330000000005</v>
      </c>
      <c r="E18663" s="6">
        <v>3114.1419999999998</v>
      </c>
    </row>
    <row r="18664" spans="4:5" x14ac:dyDescent="0.25">
      <c r="D18664" s="6">
        <v>1306.4580000000001</v>
      </c>
      <c r="E18664" s="6">
        <v>605.12519999999995</v>
      </c>
    </row>
    <row r="18665" spans="4:5" x14ac:dyDescent="0.25">
      <c r="D18665" s="6">
        <v>1162.1369999999999</v>
      </c>
      <c r="E18665" s="6">
        <v>1486.354</v>
      </c>
    </row>
    <row r="18666" spans="4:5" x14ac:dyDescent="0.25">
      <c r="D18666" s="6">
        <v>418.27870000000001</v>
      </c>
      <c r="E18666" s="6">
        <v>1230.4780000000001</v>
      </c>
    </row>
    <row r="18667" spans="4:5" x14ac:dyDescent="0.25">
      <c r="D18667" s="6">
        <v>1343.3969999999999</v>
      </c>
      <c r="E18667" s="6">
        <v>1300.3309999999999</v>
      </c>
    </row>
    <row r="18668" spans="4:5" x14ac:dyDescent="0.25">
      <c r="D18668" s="6">
        <v>833.87180000000001</v>
      </c>
      <c r="E18668" s="6">
        <v>1187.7180000000001</v>
      </c>
    </row>
    <row r="18669" spans="4:5" x14ac:dyDescent="0.25">
      <c r="D18669" s="6">
        <v>6735.2139999999999</v>
      </c>
      <c r="E18669" s="6">
        <v>1161.6759999999999</v>
      </c>
    </row>
    <row r="18670" spans="4:5" x14ac:dyDescent="0.25">
      <c r="D18670" s="6">
        <v>747.64919999999995</v>
      </c>
      <c r="E18670" s="6">
        <v>4388.2629999999999</v>
      </c>
    </row>
    <row r="18671" spans="4:5" x14ac:dyDescent="0.25">
      <c r="D18671" s="6">
        <v>456.33030000000002</v>
      </c>
      <c r="E18671" s="6">
        <v>1679.83</v>
      </c>
    </row>
    <row r="18672" spans="4:5" x14ac:dyDescent="0.25">
      <c r="D18672" s="6">
        <v>1492.684</v>
      </c>
      <c r="E18672" s="6">
        <v>1605.5350000000001</v>
      </c>
    </row>
    <row r="18673" spans="4:5" x14ac:dyDescent="0.25">
      <c r="D18673" s="6">
        <v>596.92660000000001</v>
      </c>
      <c r="E18673" s="6">
        <v>1454.954</v>
      </c>
    </row>
    <row r="18674" spans="4:5" x14ac:dyDescent="0.25">
      <c r="D18674" s="6">
        <v>435.1832</v>
      </c>
      <c r="E18674" s="6">
        <v>1554.992</v>
      </c>
    </row>
    <row r="18675" spans="4:5" x14ac:dyDescent="0.25">
      <c r="D18675" s="6">
        <v>692.11300000000006</v>
      </c>
      <c r="E18675" s="6">
        <v>1549.846</v>
      </c>
    </row>
    <row r="18676" spans="4:5" x14ac:dyDescent="0.25">
      <c r="D18676" s="6">
        <v>1118.856</v>
      </c>
      <c r="E18676" s="6">
        <v>806.08439999999996</v>
      </c>
    </row>
    <row r="18677" spans="4:5" x14ac:dyDescent="0.25">
      <c r="D18677" s="6">
        <v>640.09289999999999</v>
      </c>
      <c r="E18677" s="6">
        <v>1061.5350000000001</v>
      </c>
    </row>
    <row r="18678" spans="4:5" x14ac:dyDescent="0.25">
      <c r="D18678" s="6">
        <v>413.37939999999998</v>
      </c>
      <c r="E18678" s="6">
        <v>1131.482</v>
      </c>
    </row>
    <row r="18679" spans="4:5" x14ac:dyDescent="0.25">
      <c r="D18679" s="6">
        <v>1177.7339999999999</v>
      </c>
      <c r="E18679" s="6">
        <v>208.3869</v>
      </c>
    </row>
    <row r="18680" spans="4:5" x14ac:dyDescent="0.25">
      <c r="D18680" s="6">
        <v>3401.1790000000001</v>
      </c>
      <c r="E18680" s="6">
        <v>3737.848</v>
      </c>
    </row>
    <row r="18681" spans="4:5" x14ac:dyDescent="0.25">
      <c r="D18681" s="6">
        <v>560.80280000000005</v>
      </c>
      <c r="E18681" s="6">
        <v>1927.866</v>
      </c>
    </row>
    <row r="18682" spans="4:5" x14ac:dyDescent="0.25">
      <c r="D18682" s="6">
        <v>1048.087</v>
      </c>
      <c r="E18682" s="6">
        <v>1185.5160000000001</v>
      </c>
    </row>
    <row r="18683" spans="4:5" x14ac:dyDescent="0.25">
      <c r="D18683" s="6">
        <v>392.80509999999998</v>
      </c>
      <c r="E18683" s="6">
        <v>666.9633</v>
      </c>
    </row>
    <row r="18684" spans="4:5" x14ac:dyDescent="0.25">
      <c r="D18684" s="6">
        <v>4001.1469999999999</v>
      </c>
      <c r="E18684" s="6">
        <v>1073.971</v>
      </c>
    </row>
    <row r="18685" spans="4:5" x14ac:dyDescent="0.25">
      <c r="D18685" s="6">
        <v>891.6748</v>
      </c>
      <c r="E18685" s="6">
        <v>2220.6660000000002</v>
      </c>
    </row>
    <row r="18686" spans="4:5" x14ac:dyDescent="0.25">
      <c r="D18686" s="6">
        <v>444.8</v>
      </c>
      <c r="E18686" s="6">
        <v>1687.393</v>
      </c>
    </row>
    <row r="18687" spans="4:5" x14ac:dyDescent="0.25">
      <c r="D18687" s="6">
        <v>2499.165</v>
      </c>
      <c r="E18687" s="6">
        <v>2551.15</v>
      </c>
    </row>
    <row r="18688" spans="4:5" x14ac:dyDescent="0.25">
      <c r="D18688" s="6">
        <v>1572.768</v>
      </c>
      <c r="E18688" s="6">
        <v>662.08330000000001</v>
      </c>
    </row>
    <row r="18689" spans="4:5" x14ac:dyDescent="0.25">
      <c r="D18689" s="6">
        <v>573.49090000000001</v>
      </c>
      <c r="E18689" s="6">
        <v>958.30269999999996</v>
      </c>
    </row>
    <row r="18690" spans="4:5" x14ac:dyDescent="0.25">
      <c r="D18690" s="6">
        <v>906.28719999999998</v>
      </c>
      <c r="E18690" s="6">
        <v>211.24430000000001</v>
      </c>
    </row>
    <row r="18691" spans="4:5" x14ac:dyDescent="0.25">
      <c r="D18691" s="6">
        <v>3971.8389999999999</v>
      </c>
      <c r="E18691" s="6">
        <v>1570.5930000000001</v>
      </c>
    </row>
    <row r="18692" spans="4:5" x14ac:dyDescent="0.25">
      <c r="D18692" s="6">
        <v>449.33080000000001</v>
      </c>
      <c r="E18692" s="6">
        <v>1626.664</v>
      </c>
    </row>
    <row r="18693" spans="4:5" x14ac:dyDescent="0.25">
      <c r="D18693" s="6">
        <v>949.54899999999998</v>
      </c>
      <c r="E18693" s="6">
        <v>1035.8820000000001</v>
      </c>
    </row>
    <row r="18694" spans="4:5" x14ac:dyDescent="0.25">
      <c r="D18694" s="6">
        <v>4985.5</v>
      </c>
      <c r="E18694" s="6">
        <v>780.69100000000003</v>
      </c>
    </row>
    <row r="18695" spans="4:5" x14ac:dyDescent="0.25">
      <c r="D18695" s="6">
        <v>538</v>
      </c>
      <c r="E18695" s="6">
        <v>1357.789</v>
      </c>
    </row>
    <row r="18696" spans="4:5" x14ac:dyDescent="0.25">
      <c r="D18696" s="6">
        <v>773.1721</v>
      </c>
      <c r="E18696" s="6">
        <v>813.80439999999999</v>
      </c>
    </row>
    <row r="18697" spans="4:5" x14ac:dyDescent="0.25">
      <c r="D18697" s="6">
        <v>7339.5550000000003</v>
      </c>
      <c r="E18697" s="6">
        <v>1185.7149999999999</v>
      </c>
    </row>
    <row r="18698" spans="4:5" x14ac:dyDescent="0.25">
      <c r="D18698" s="6">
        <v>3713.4259999999999</v>
      </c>
      <c r="E18698" s="6">
        <v>496.6619</v>
      </c>
    </row>
    <row r="18699" spans="4:5" x14ac:dyDescent="0.25">
      <c r="D18699" s="6">
        <v>788.47429999999997</v>
      </c>
      <c r="E18699" s="6">
        <v>724.3501</v>
      </c>
    </row>
    <row r="18700" spans="4:5" x14ac:dyDescent="0.25">
      <c r="D18700" s="6">
        <v>2802.0070000000001</v>
      </c>
      <c r="E18700" s="6">
        <v>1493.325</v>
      </c>
    </row>
    <row r="18701" spans="4:5" x14ac:dyDescent="0.25">
      <c r="D18701" s="6">
        <v>1932.229</v>
      </c>
      <c r="E18701" s="6">
        <v>2638.3960000000002</v>
      </c>
    </row>
    <row r="18702" spans="4:5" x14ac:dyDescent="0.25">
      <c r="D18702" s="6">
        <v>759.19759999999997</v>
      </c>
      <c r="E18702" s="6">
        <v>777.82489999999996</v>
      </c>
    </row>
    <row r="18703" spans="4:5" x14ac:dyDescent="0.25">
      <c r="D18703" s="6">
        <v>776.63289999999995</v>
      </c>
      <c r="E18703" s="6">
        <v>4640.3720000000003</v>
      </c>
    </row>
    <row r="18704" spans="4:5" x14ac:dyDescent="0.25">
      <c r="D18704" s="6">
        <v>1368.068</v>
      </c>
      <c r="E18704" s="6">
        <v>1413.75</v>
      </c>
    </row>
    <row r="18705" spans="4:5" x14ac:dyDescent="0.25">
      <c r="D18705" s="6">
        <v>1147.4770000000001</v>
      </c>
      <c r="E18705" s="6">
        <v>507.55849999999998</v>
      </c>
    </row>
    <row r="18706" spans="4:5" x14ac:dyDescent="0.25">
      <c r="D18706" s="6">
        <v>651.79589999999996</v>
      </c>
      <c r="E18706" s="6">
        <v>2229.73</v>
      </c>
    </row>
    <row r="18707" spans="4:5" x14ac:dyDescent="0.25">
      <c r="D18707" s="6">
        <v>3613.221</v>
      </c>
      <c r="E18707" s="6">
        <v>1608.4359999999999</v>
      </c>
    </row>
    <row r="18708" spans="4:5" x14ac:dyDescent="0.25">
      <c r="D18708" s="6">
        <v>714.48979999999995</v>
      </c>
      <c r="E18708" s="6">
        <v>473.9325</v>
      </c>
    </row>
    <row r="18709" spans="4:5" x14ac:dyDescent="0.25">
      <c r="D18709" s="6">
        <v>1286.1579999999999</v>
      </c>
      <c r="E18709" s="6">
        <v>449.26209999999998</v>
      </c>
    </row>
    <row r="18710" spans="4:5" x14ac:dyDescent="0.25">
      <c r="D18710" s="6">
        <v>2212.2350000000001</v>
      </c>
      <c r="E18710" s="6">
        <v>4048.6410000000001</v>
      </c>
    </row>
    <row r="18711" spans="4:5" x14ac:dyDescent="0.25">
      <c r="D18711" s="6">
        <v>654.48059999999998</v>
      </c>
      <c r="E18711" s="6">
        <v>484.8537</v>
      </c>
    </row>
    <row r="18712" spans="4:5" x14ac:dyDescent="0.25">
      <c r="D18712" s="6">
        <v>1012.953</v>
      </c>
      <c r="E18712" s="6">
        <v>577.73450000000003</v>
      </c>
    </row>
    <row r="18713" spans="4:5" x14ac:dyDescent="0.25">
      <c r="D18713" s="6">
        <v>1147.8689999999999</v>
      </c>
      <c r="E18713" s="6">
        <v>4022.047</v>
      </c>
    </row>
    <row r="18714" spans="4:5" x14ac:dyDescent="0.25">
      <c r="D18714" s="6">
        <v>1208.2719999999999</v>
      </c>
      <c r="E18714" s="6">
        <v>7069.9790000000003</v>
      </c>
    </row>
    <row r="18715" spans="4:5" x14ac:dyDescent="0.25">
      <c r="D18715" s="6">
        <v>430.39319999999998</v>
      </c>
      <c r="E18715" s="6">
        <v>6573.75</v>
      </c>
    </row>
    <row r="18716" spans="4:5" x14ac:dyDescent="0.25">
      <c r="D18716" s="6">
        <v>411.94889999999998</v>
      </c>
      <c r="E18716" s="6">
        <v>1650.9639999999999</v>
      </c>
    </row>
    <row r="18717" spans="4:5" x14ac:dyDescent="0.25">
      <c r="D18717" s="6">
        <v>3121.6979999999999</v>
      </c>
      <c r="E18717" s="6">
        <v>1457.575</v>
      </c>
    </row>
    <row r="18718" spans="4:5" x14ac:dyDescent="0.25">
      <c r="D18718" s="6">
        <v>913.07029999999997</v>
      </c>
      <c r="E18718" s="6">
        <v>2077.6729999999998</v>
      </c>
    </row>
    <row r="18719" spans="4:5" x14ac:dyDescent="0.25">
      <c r="D18719" s="6">
        <v>825.96259999999995</v>
      </c>
      <c r="E18719" s="6">
        <v>1711.979</v>
      </c>
    </row>
    <row r="18720" spans="4:5" x14ac:dyDescent="0.25">
      <c r="D18720" s="6">
        <v>1225.4659999999999</v>
      </c>
      <c r="E18720" s="6">
        <v>772.49</v>
      </c>
    </row>
    <row r="18721" spans="4:5" x14ac:dyDescent="0.25">
      <c r="D18721" s="6">
        <v>421.87090000000001</v>
      </c>
      <c r="E18721" s="6">
        <v>1327.251</v>
      </c>
    </row>
    <row r="18722" spans="4:5" x14ac:dyDescent="0.25">
      <c r="D18722" s="6">
        <v>433.26</v>
      </c>
      <c r="E18722" s="6">
        <v>2620.2930000000001</v>
      </c>
    </row>
    <row r="18723" spans="4:5" x14ac:dyDescent="0.25">
      <c r="D18723" s="6">
        <v>4241.68</v>
      </c>
      <c r="E18723" s="6">
        <v>2455.7350000000001</v>
      </c>
    </row>
    <row r="18724" spans="4:5" x14ac:dyDescent="0.25">
      <c r="D18724" s="6">
        <v>749.93520000000001</v>
      </c>
      <c r="E18724" s="6">
        <v>439.45850000000002</v>
      </c>
    </row>
    <row r="18725" spans="4:5" x14ac:dyDescent="0.25">
      <c r="D18725" s="6">
        <v>1028.345</v>
      </c>
      <c r="E18725" s="6">
        <v>1083.319</v>
      </c>
    </row>
    <row r="18726" spans="4:5" x14ac:dyDescent="0.25">
      <c r="D18726" s="6">
        <v>3214.1309999999999</v>
      </c>
      <c r="E18726" s="6">
        <v>500</v>
      </c>
    </row>
    <row r="18727" spans="4:5" x14ac:dyDescent="0.25">
      <c r="D18727" s="6">
        <v>5057.0349999999999</v>
      </c>
      <c r="E18727" s="6">
        <v>511.25369999999998</v>
      </c>
    </row>
    <row r="18728" spans="4:5" x14ac:dyDescent="0.25">
      <c r="D18728" s="6">
        <v>786.3184</v>
      </c>
      <c r="E18728" s="6">
        <v>1118.038</v>
      </c>
    </row>
    <row r="18729" spans="4:5" x14ac:dyDescent="0.25">
      <c r="D18729" s="6">
        <v>4451.8649999999998</v>
      </c>
      <c r="E18729" s="6">
        <v>1787.079</v>
      </c>
    </row>
    <row r="18730" spans="4:5" x14ac:dyDescent="0.25">
      <c r="D18730" s="6">
        <v>1327.3620000000001</v>
      </c>
      <c r="E18730" s="6">
        <v>1345.5060000000001</v>
      </c>
    </row>
    <row r="18731" spans="4:5" x14ac:dyDescent="0.25">
      <c r="D18731" s="6">
        <v>188.72040000000001</v>
      </c>
      <c r="E18731" s="6">
        <v>7606.6570000000002</v>
      </c>
    </row>
    <row r="18732" spans="4:5" x14ac:dyDescent="0.25">
      <c r="D18732" s="6">
        <v>974.66780000000006</v>
      </c>
      <c r="E18732" s="6">
        <v>1732.0119999999999</v>
      </c>
    </row>
    <row r="18733" spans="4:5" x14ac:dyDescent="0.25">
      <c r="D18733" s="6">
        <v>1560.99</v>
      </c>
      <c r="E18733" s="6">
        <v>2204.7849999999999</v>
      </c>
    </row>
    <row r="18734" spans="4:5" x14ac:dyDescent="0.25">
      <c r="D18734" s="6">
        <v>3733.386</v>
      </c>
      <c r="E18734" s="6">
        <v>1407.769</v>
      </c>
    </row>
    <row r="18735" spans="4:5" x14ac:dyDescent="0.25">
      <c r="D18735" s="6">
        <v>1318.5409999999999</v>
      </c>
      <c r="E18735" s="6">
        <v>1816.6</v>
      </c>
    </row>
    <row r="18736" spans="4:5" x14ac:dyDescent="0.25">
      <c r="D18736" s="6">
        <v>5011.3969999999999</v>
      </c>
      <c r="E18736" s="6">
        <v>2106.1019999999999</v>
      </c>
    </row>
    <row r="18737" spans="4:5" x14ac:dyDescent="0.25">
      <c r="D18737" s="6">
        <v>12462.93</v>
      </c>
      <c r="E18737" s="6">
        <v>340.90480000000002</v>
      </c>
    </row>
    <row r="18738" spans="4:5" x14ac:dyDescent="0.25">
      <c r="D18738" s="6">
        <v>825.8098</v>
      </c>
      <c r="E18738" s="6">
        <v>1454.3510000000001</v>
      </c>
    </row>
    <row r="18739" spans="4:5" x14ac:dyDescent="0.25">
      <c r="D18739" s="6">
        <v>421.36169999999998</v>
      </c>
      <c r="E18739" s="6">
        <v>1302.8050000000001</v>
      </c>
    </row>
    <row r="18740" spans="4:5" x14ac:dyDescent="0.25">
      <c r="D18740" s="6">
        <v>3251.7350000000001</v>
      </c>
      <c r="E18740" s="6">
        <v>1115.2149999999999</v>
      </c>
    </row>
    <row r="18741" spans="4:5" x14ac:dyDescent="0.25">
      <c r="D18741" s="6">
        <v>1838.529</v>
      </c>
      <c r="E18741" s="6">
        <v>1796.087</v>
      </c>
    </row>
    <row r="18742" spans="4:5" x14ac:dyDescent="0.25">
      <c r="D18742" s="6">
        <v>354.7731</v>
      </c>
      <c r="E18742" s="6">
        <v>1579.8920000000001</v>
      </c>
    </row>
    <row r="18743" spans="4:5" x14ac:dyDescent="0.25">
      <c r="D18743" s="6">
        <v>415.00400000000002</v>
      </c>
      <c r="E18743" s="6">
        <v>1622.749</v>
      </c>
    </row>
    <row r="18744" spans="4:5" x14ac:dyDescent="0.25">
      <c r="D18744" s="6">
        <v>502.4083</v>
      </c>
      <c r="E18744" s="6">
        <v>1064.23</v>
      </c>
    </row>
    <row r="18745" spans="4:5" x14ac:dyDescent="0.25">
      <c r="D18745" s="6">
        <v>566.55759999999998</v>
      </c>
      <c r="E18745" s="6">
        <v>1275.5250000000001</v>
      </c>
    </row>
    <row r="18746" spans="4:5" x14ac:dyDescent="0.25">
      <c r="D18746" s="6">
        <v>439.10340000000002</v>
      </c>
      <c r="E18746" s="6">
        <v>915.04989999999998</v>
      </c>
    </row>
    <row r="18747" spans="4:5" x14ac:dyDescent="0.25">
      <c r="D18747" s="6">
        <v>190.42339999999999</v>
      </c>
      <c r="E18747" s="6">
        <v>242.74359999999999</v>
      </c>
    </row>
    <row r="18748" spans="4:5" x14ac:dyDescent="0.25">
      <c r="D18748" s="6">
        <v>1217.115</v>
      </c>
      <c r="E18748" s="6">
        <v>698.70240000000001</v>
      </c>
    </row>
    <row r="18749" spans="4:5" x14ac:dyDescent="0.25">
      <c r="D18749" s="6">
        <v>4343.0460000000003</v>
      </c>
      <c r="E18749" s="6">
        <v>2167</v>
      </c>
    </row>
    <row r="18750" spans="4:5" x14ac:dyDescent="0.25">
      <c r="D18750" s="6">
        <v>800.62710000000004</v>
      </c>
      <c r="E18750" s="6">
        <v>804.31290000000001</v>
      </c>
    </row>
    <row r="18751" spans="4:5" x14ac:dyDescent="0.25">
      <c r="D18751" s="6">
        <v>3890.9009999999998</v>
      </c>
      <c r="E18751" s="6">
        <v>1428.99</v>
      </c>
    </row>
    <row r="18752" spans="4:5" x14ac:dyDescent="0.25">
      <c r="D18752" s="6">
        <v>517.31060000000002</v>
      </c>
      <c r="E18752" s="6">
        <v>1206.319</v>
      </c>
    </row>
    <row r="18753" spans="4:5" x14ac:dyDescent="0.25">
      <c r="D18753" s="6">
        <v>2366.712</v>
      </c>
      <c r="E18753" s="6">
        <v>1779.671</v>
      </c>
    </row>
    <row r="18754" spans="4:5" x14ac:dyDescent="0.25">
      <c r="D18754" s="6">
        <v>1982.691</v>
      </c>
      <c r="E18754" s="6">
        <v>1433.9860000000001</v>
      </c>
    </row>
    <row r="18755" spans="4:5" x14ac:dyDescent="0.25">
      <c r="D18755" s="6">
        <v>2487.107</v>
      </c>
      <c r="E18755" s="6">
        <v>1952.7919999999999</v>
      </c>
    </row>
    <row r="18756" spans="4:5" x14ac:dyDescent="0.25">
      <c r="D18756" s="6">
        <v>1109.7059999999999</v>
      </c>
      <c r="E18756" s="6">
        <v>915.59960000000001</v>
      </c>
    </row>
    <row r="18757" spans="4:5" x14ac:dyDescent="0.25">
      <c r="D18757" s="6">
        <v>3445.2530000000002</v>
      </c>
      <c r="E18757" s="6">
        <v>1319.61</v>
      </c>
    </row>
    <row r="18758" spans="4:5" x14ac:dyDescent="0.25">
      <c r="D18758" s="6">
        <v>504.68209999999999</v>
      </c>
      <c r="E18758" s="6">
        <v>1346.6990000000001</v>
      </c>
    </row>
    <row r="18759" spans="4:5" x14ac:dyDescent="0.25">
      <c r="D18759" s="6">
        <v>682.3288</v>
      </c>
      <c r="E18759" s="6">
        <v>1892.665</v>
      </c>
    </row>
    <row r="18760" spans="4:5" x14ac:dyDescent="0.25">
      <c r="D18760" s="6">
        <v>776.22649999999999</v>
      </c>
      <c r="E18760" s="6">
        <v>3691</v>
      </c>
    </row>
    <row r="18761" spans="4:5" x14ac:dyDescent="0.25">
      <c r="D18761" s="6">
        <v>905.15509999999995</v>
      </c>
      <c r="E18761" s="6">
        <v>1017.723</v>
      </c>
    </row>
    <row r="18762" spans="4:5" x14ac:dyDescent="0.25">
      <c r="D18762" s="6">
        <v>367.71510000000001</v>
      </c>
      <c r="E18762" s="6">
        <v>491.6</v>
      </c>
    </row>
    <row r="18763" spans="4:5" x14ac:dyDescent="0.25">
      <c r="D18763" s="6">
        <v>1578.4929999999999</v>
      </c>
      <c r="E18763" s="6">
        <v>939.76840000000004</v>
      </c>
    </row>
    <row r="18764" spans="4:5" x14ac:dyDescent="0.25">
      <c r="D18764" s="6">
        <v>1496.8009999999999</v>
      </c>
      <c r="E18764" s="6">
        <v>647.91060000000004</v>
      </c>
    </row>
    <row r="18765" spans="4:5" x14ac:dyDescent="0.25">
      <c r="D18765" s="6">
        <v>1082.048</v>
      </c>
      <c r="E18765" s="6">
        <v>1783.952</v>
      </c>
    </row>
    <row r="18766" spans="4:5" x14ac:dyDescent="0.25">
      <c r="D18766" s="6">
        <v>829.86950000000002</v>
      </c>
      <c r="E18766" s="6">
        <v>729.75220000000002</v>
      </c>
    </row>
    <row r="18767" spans="4:5" x14ac:dyDescent="0.25">
      <c r="D18767" s="6">
        <v>1157.751</v>
      </c>
      <c r="E18767" s="6">
        <v>1213.576</v>
      </c>
    </row>
    <row r="18768" spans="4:5" x14ac:dyDescent="0.25">
      <c r="D18768" s="6">
        <v>3037.2930000000001</v>
      </c>
      <c r="E18768" s="6">
        <v>1428.106</v>
      </c>
    </row>
    <row r="18769" spans="4:5" x14ac:dyDescent="0.25">
      <c r="D18769" s="6">
        <v>899.70979999999997</v>
      </c>
      <c r="E18769" s="6">
        <v>3211.6390000000001</v>
      </c>
    </row>
    <row r="18770" spans="4:5" x14ac:dyDescent="0.25">
      <c r="D18770" s="6">
        <v>809.03840000000002</v>
      </c>
      <c r="E18770" s="6">
        <v>16383</v>
      </c>
    </row>
    <row r="18771" spans="4:5" x14ac:dyDescent="0.25">
      <c r="D18771" s="6">
        <v>994.10630000000003</v>
      </c>
      <c r="E18771" s="6">
        <v>2714.7060000000001</v>
      </c>
    </row>
    <row r="18772" spans="4:5" x14ac:dyDescent="0.25">
      <c r="D18772" s="6">
        <v>747.32860000000005</v>
      </c>
      <c r="E18772" s="6">
        <v>2786.585</v>
      </c>
    </row>
    <row r="18773" spans="4:5" x14ac:dyDescent="0.25">
      <c r="D18773" s="6">
        <v>1155.2270000000001</v>
      </c>
      <c r="E18773" s="6">
        <v>6852.7690000000002</v>
      </c>
    </row>
    <row r="18774" spans="4:5" x14ac:dyDescent="0.25">
      <c r="D18774" s="6">
        <v>1276.182</v>
      </c>
      <c r="E18774" s="6">
        <v>1054.413</v>
      </c>
    </row>
    <row r="18775" spans="4:5" x14ac:dyDescent="0.25">
      <c r="D18775" s="6">
        <v>1121.385</v>
      </c>
      <c r="E18775" s="6">
        <v>2461.4009999999998</v>
      </c>
    </row>
    <row r="18776" spans="4:5" x14ac:dyDescent="0.25">
      <c r="D18776" s="6">
        <v>1041.989</v>
      </c>
      <c r="E18776" s="6">
        <v>1800.44</v>
      </c>
    </row>
    <row r="18777" spans="4:5" x14ac:dyDescent="0.25">
      <c r="D18777" s="6">
        <v>1104.6199999999999</v>
      </c>
      <c r="E18777" s="6">
        <v>380</v>
      </c>
    </row>
    <row r="18778" spans="4:5" x14ac:dyDescent="0.25">
      <c r="D18778" s="6">
        <v>847.255</v>
      </c>
      <c r="E18778" s="6">
        <v>1098.1400000000001</v>
      </c>
    </row>
    <row r="18779" spans="4:5" x14ac:dyDescent="0.25">
      <c r="D18779" s="6">
        <v>10359.23</v>
      </c>
      <c r="E18779" s="6">
        <v>856.24720000000002</v>
      </c>
    </row>
    <row r="18780" spans="4:5" x14ac:dyDescent="0.25">
      <c r="D18780" s="6">
        <v>2242.1280000000002</v>
      </c>
      <c r="E18780" s="6">
        <v>1062.537</v>
      </c>
    </row>
    <row r="18781" spans="4:5" x14ac:dyDescent="0.25">
      <c r="D18781" s="6">
        <v>875.20519999999999</v>
      </c>
      <c r="E18781" s="6">
        <v>1668.7080000000001</v>
      </c>
    </row>
    <row r="18782" spans="4:5" x14ac:dyDescent="0.25">
      <c r="D18782" s="6">
        <v>744.67100000000005</v>
      </c>
      <c r="E18782" s="6">
        <v>922.90440000000001</v>
      </c>
    </row>
    <row r="18783" spans="4:5" x14ac:dyDescent="0.25">
      <c r="D18783" s="6">
        <v>1259.9839999999999</v>
      </c>
      <c r="E18783" s="6">
        <v>1241.261</v>
      </c>
    </row>
    <row r="18784" spans="4:5" x14ac:dyDescent="0.25">
      <c r="D18784" s="6">
        <v>1059.3119999999999</v>
      </c>
      <c r="E18784" s="6">
        <v>673.54520000000002</v>
      </c>
    </row>
    <row r="18785" spans="4:5" x14ac:dyDescent="0.25">
      <c r="D18785" s="6">
        <v>561.86320000000001</v>
      </c>
      <c r="E18785" s="6">
        <v>2664.143</v>
      </c>
    </row>
    <row r="18786" spans="4:5" x14ac:dyDescent="0.25">
      <c r="D18786" s="6">
        <v>1084.028</v>
      </c>
      <c r="E18786" s="6">
        <v>2756.8229999999999</v>
      </c>
    </row>
    <row r="18787" spans="4:5" x14ac:dyDescent="0.25">
      <c r="D18787" s="6">
        <v>892.94410000000005</v>
      </c>
      <c r="E18787" s="6">
        <v>1312.6849999999999</v>
      </c>
    </row>
    <row r="18788" spans="4:5" x14ac:dyDescent="0.25">
      <c r="D18788" s="6">
        <v>461.94330000000002</v>
      </c>
      <c r="E18788" s="6">
        <v>1128</v>
      </c>
    </row>
    <row r="18789" spans="4:5" x14ac:dyDescent="0.25">
      <c r="D18789" s="6">
        <v>460.03059999999999</v>
      </c>
      <c r="E18789" s="6">
        <v>2484.9569999999999</v>
      </c>
    </row>
    <row r="18790" spans="4:5" x14ac:dyDescent="0.25">
      <c r="D18790" s="6">
        <v>411.13869999999997</v>
      </c>
      <c r="E18790" s="6">
        <v>1603.0060000000001</v>
      </c>
    </row>
    <row r="18791" spans="4:5" x14ac:dyDescent="0.25">
      <c r="D18791" s="6">
        <v>448.77019999999999</v>
      </c>
      <c r="E18791" s="6">
        <v>1385.0709999999999</v>
      </c>
    </row>
    <row r="18792" spans="4:5" x14ac:dyDescent="0.25">
      <c r="D18792" s="6">
        <v>399.16879999999998</v>
      </c>
      <c r="E18792" s="6">
        <v>804</v>
      </c>
    </row>
    <row r="18793" spans="4:5" x14ac:dyDescent="0.25">
      <c r="D18793" s="6">
        <v>704.88300000000004</v>
      </c>
      <c r="E18793" s="6">
        <v>1519.1469999999999</v>
      </c>
    </row>
    <row r="18794" spans="4:5" x14ac:dyDescent="0.25">
      <c r="D18794" s="6">
        <v>1798.3420000000001</v>
      </c>
      <c r="E18794" s="6">
        <v>802.41129999999998</v>
      </c>
    </row>
    <row r="18795" spans="4:5" x14ac:dyDescent="0.25">
      <c r="D18795" s="6">
        <v>702</v>
      </c>
      <c r="E18795" s="6">
        <v>845.86599999999999</v>
      </c>
    </row>
    <row r="18796" spans="4:5" x14ac:dyDescent="0.25">
      <c r="D18796" s="6">
        <v>1139.2739999999999</v>
      </c>
      <c r="E18796" s="6">
        <v>1750.443</v>
      </c>
    </row>
    <row r="18797" spans="4:5" x14ac:dyDescent="0.25">
      <c r="D18797" s="6">
        <v>763.38819999999998</v>
      </c>
      <c r="E18797" s="6">
        <v>8323.7999999999993</v>
      </c>
    </row>
    <row r="18798" spans="4:5" x14ac:dyDescent="0.25">
      <c r="D18798" s="6">
        <v>3814.4760000000001</v>
      </c>
      <c r="E18798" s="6">
        <v>582.85709999999995</v>
      </c>
    </row>
    <row r="18799" spans="4:5" x14ac:dyDescent="0.25">
      <c r="D18799" s="6">
        <v>190.602</v>
      </c>
      <c r="E18799" s="6">
        <v>1321.577</v>
      </c>
    </row>
    <row r="18800" spans="4:5" x14ac:dyDescent="0.25">
      <c r="D18800" s="6">
        <v>1172.3520000000001</v>
      </c>
      <c r="E18800" s="6">
        <v>968.51419999999996</v>
      </c>
    </row>
    <row r="18801" spans="4:5" x14ac:dyDescent="0.25">
      <c r="D18801" s="6">
        <v>3641.6060000000002</v>
      </c>
      <c r="E18801" s="6">
        <v>1656.3050000000001</v>
      </c>
    </row>
    <row r="18802" spans="4:5" x14ac:dyDescent="0.25">
      <c r="D18802" s="6">
        <v>733.10640000000001</v>
      </c>
      <c r="E18802" s="6">
        <v>1097.6479999999999</v>
      </c>
    </row>
    <row r="18803" spans="4:5" x14ac:dyDescent="0.25">
      <c r="D18803" s="6">
        <v>416.18830000000003</v>
      </c>
      <c r="E18803" s="6">
        <v>1093.0820000000001</v>
      </c>
    </row>
    <row r="18804" spans="4:5" x14ac:dyDescent="0.25">
      <c r="D18804" s="6">
        <v>3436.194</v>
      </c>
      <c r="E18804" s="6">
        <v>7459.02</v>
      </c>
    </row>
    <row r="18805" spans="4:5" x14ac:dyDescent="0.25">
      <c r="D18805" s="6">
        <v>615.33540000000005</v>
      </c>
      <c r="E18805" s="6">
        <v>472.07690000000002</v>
      </c>
    </row>
    <row r="18806" spans="4:5" x14ac:dyDescent="0.25">
      <c r="D18806" s="6">
        <v>6322.942</v>
      </c>
      <c r="E18806" s="6">
        <v>6635.5</v>
      </c>
    </row>
    <row r="18807" spans="4:5" x14ac:dyDescent="0.25">
      <c r="D18807" s="6">
        <v>1986.4849999999999</v>
      </c>
      <c r="E18807" s="6">
        <v>159.5352</v>
      </c>
    </row>
    <row r="18808" spans="4:5" x14ac:dyDescent="0.25">
      <c r="D18808" s="6">
        <v>632.29049999999995</v>
      </c>
      <c r="E18808" s="6">
        <v>1253.623</v>
      </c>
    </row>
    <row r="18809" spans="4:5" x14ac:dyDescent="0.25">
      <c r="D18809" s="6">
        <v>892.56659999999999</v>
      </c>
      <c r="E18809" s="6">
        <v>2727.491</v>
      </c>
    </row>
    <row r="18810" spans="4:5" x14ac:dyDescent="0.25">
      <c r="D18810" s="6">
        <v>814.55870000000004</v>
      </c>
      <c r="E18810" s="6">
        <v>601.03120000000001</v>
      </c>
    </row>
    <row r="18811" spans="4:5" x14ac:dyDescent="0.25">
      <c r="D18811" s="6">
        <v>1173.931</v>
      </c>
      <c r="E18811" s="6">
        <v>594.71619999999996</v>
      </c>
    </row>
    <row r="18812" spans="4:5" x14ac:dyDescent="0.25">
      <c r="D18812" s="6">
        <v>1179.2439999999999</v>
      </c>
      <c r="E18812" s="6">
        <v>2639.558</v>
      </c>
    </row>
    <row r="18813" spans="4:5" x14ac:dyDescent="0.25">
      <c r="D18813" s="6">
        <v>776.68340000000001</v>
      </c>
      <c r="E18813" s="6">
        <v>796.90070000000003</v>
      </c>
    </row>
    <row r="18814" spans="4:5" x14ac:dyDescent="0.25">
      <c r="D18814" s="6">
        <v>3165.3679999999999</v>
      </c>
      <c r="E18814" s="6">
        <v>1676.076</v>
      </c>
    </row>
    <row r="18815" spans="4:5" x14ac:dyDescent="0.25">
      <c r="D18815" s="6">
        <v>942.36850000000004</v>
      </c>
      <c r="E18815" s="6">
        <v>410.7217</v>
      </c>
    </row>
    <row r="18816" spans="4:5" x14ac:dyDescent="0.25">
      <c r="D18816" s="6">
        <v>746.69159999999999</v>
      </c>
      <c r="E18816" s="6">
        <v>2453</v>
      </c>
    </row>
    <row r="18817" spans="4:5" x14ac:dyDescent="0.25">
      <c r="D18817" s="6">
        <v>2349.3919999999998</v>
      </c>
      <c r="E18817" s="6">
        <v>1281.1020000000001</v>
      </c>
    </row>
    <row r="18818" spans="4:5" x14ac:dyDescent="0.25">
      <c r="D18818" s="6">
        <v>388</v>
      </c>
      <c r="E18818" s="6">
        <v>1181.6189999999999</v>
      </c>
    </row>
    <row r="18819" spans="4:5" x14ac:dyDescent="0.25">
      <c r="D18819" s="6">
        <v>4951.75</v>
      </c>
      <c r="E18819" s="6">
        <v>1151.8720000000001</v>
      </c>
    </row>
    <row r="18820" spans="4:5" x14ac:dyDescent="0.25">
      <c r="D18820" s="6">
        <v>1119.5630000000001</v>
      </c>
      <c r="E18820" s="6">
        <v>662.02880000000005</v>
      </c>
    </row>
    <row r="18821" spans="4:5" x14ac:dyDescent="0.25">
      <c r="D18821" s="6">
        <v>3731.6190000000001</v>
      </c>
      <c r="E18821" s="6">
        <v>1378.443</v>
      </c>
    </row>
    <row r="18822" spans="4:5" x14ac:dyDescent="0.25">
      <c r="D18822" s="6">
        <v>1031.0999999999999</v>
      </c>
      <c r="E18822" s="6">
        <v>1752.164</v>
      </c>
    </row>
    <row r="18823" spans="4:5" x14ac:dyDescent="0.25">
      <c r="D18823" s="6">
        <v>683.71100000000001</v>
      </c>
      <c r="E18823" s="6">
        <v>1265.953</v>
      </c>
    </row>
    <row r="18824" spans="4:5" x14ac:dyDescent="0.25">
      <c r="D18824" s="6">
        <v>575.71630000000005</v>
      </c>
      <c r="E18824" s="6">
        <v>1816.329</v>
      </c>
    </row>
    <row r="18825" spans="4:5" x14ac:dyDescent="0.25">
      <c r="D18825" s="6">
        <v>619.94209999999998</v>
      </c>
      <c r="E18825" s="6">
        <v>1845.9659999999999</v>
      </c>
    </row>
    <row r="18826" spans="4:5" x14ac:dyDescent="0.25">
      <c r="D18826" s="6">
        <v>700.39449999999999</v>
      </c>
      <c r="E18826" s="6">
        <v>1016.447</v>
      </c>
    </row>
    <row r="18827" spans="4:5" x14ac:dyDescent="0.25">
      <c r="D18827" s="6">
        <v>465.03480000000002</v>
      </c>
      <c r="E18827" s="6">
        <v>965.25</v>
      </c>
    </row>
    <row r="18828" spans="4:5" x14ac:dyDescent="0.25">
      <c r="D18828" s="6">
        <v>594.45330000000001</v>
      </c>
      <c r="E18828" s="6">
        <v>1045.9349999999999</v>
      </c>
    </row>
    <row r="18829" spans="4:5" x14ac:dyDescent="0.25">
      <c r="D18829" s="6">
        <v>442.98079999999999</v>
      </c>
      <c r="E18829" s="6">
        <v>242.7895</v>
      </c>
    </row>
    <row r="18830" spans="4:5" x14ac:dyDescent="0.25">
      <c r="D18830" s="6">
        <v>776.75469999999996</v>
      </c>
      <c r="E18830" s="6">
        <v>1703.4749999999999</v>
      </c>
    </row>
    <row r="18831" spans="4:5" x14ac:dyDescent="0.25">
      <c r="D18831" s="6">
        <v>1157.27</v>
      </c>
      <c r="E18831" s="6">
        <v>562.52660000000003</v>
      </c>
    </row>
    <row r="18832" spans="4:5" x14ac:dyDescent="0.25">
      <c r="D18832" s="6">
        <v>1302.4190000000001</v>
      </c>
      <c r="E18832" s="6">
        <v>1259.617</v>
      </c>
    </row>
    <row r="18833" spans="4:5" x14ac:dyDescent="0.25">
      <c r="D18833" s="6">
        <v>702.00450000000001</v>
      </c>
      <c r="E18833" s="6">
        <v>2553.2559999999999</v>
      </c>
    </row>
    <row r="18834" spans="4:5" x14ac:dyDescent="0.25">
      <c r="D18834" s="6">
        <v>1649.877</v>
      </c>
      <c r="E18834" s="6">
        <v>3336.9789999999998</v>
      </c>
    </row>
    <row r="18835" spans="4:5" x14ac:dyDescent="0.25">
      <c r="D18835" s="6">
        <v>386.5487</v>
      </c>
      <c r="E18835" s="6">
        <v>1524.2660000000001</v>
      </c>
    </row>
    <row r="18836" spans="4:5" x14ac:dyDescent="0.25">
      <c r="D18836" s="6">
        <v>428.82159999999999</v>
      </c>
      <c r="E18836" s="6">
        <v>4525.6589999999997</v>
      </c>
    </row>
    <row r="18837" spans="4:5" x14ac:dyDescent="0.25">
      <c r="D18837" s="6">
        <v>2312.2559999999999</v>
      </c>
      <c r="E18837" s="6">
        <v>587.77549999999997</v>
      </c>
    </row>
    <row r="18838" spans="4:5" x14ac:dyDescent="0.25">
      <c r="D18838" s="6">
        <v>1052.259</v>
      </c>
      <c r="E18838" s="6">
        <v>1650.3440000000001</v>
      </c>
    </row>
    <row r="18839" spans="4:5" x14ac:dyDescent="0.25">
      <c r="D18839" s="6">
        <v>2717.4580000000001</v>
      </c>
      <c r="E18839" s="6">
        <v>1748.36</v>
      </c>
    </row>
    <row r="18840" spans="4:5" x14ac:dyDescent="0.25">
      <c r="D18840" s="6">
        <v>182.0273</v>
      </c>
      <c r="E18840" s="6">
        <v>648.00810000000001</v>
      </c>
    </row>
    <row r="18841" spans="4:5" x14ac:dyDescent="0.25">
      <c r="D18841" s="6">
        <v>2836.3739999999998</v>
      </c>
      <c r="E18841" s="6">
        <v>906.51990000000001</v>
      </c>
    </row>
    <row r="18842" spans="4:5" x14ac:dyDescent="0.25">
      <c r="D18842" s="6">
        <v>571.27359999999999</v>
      </c>
      <c r="E18842" s="6">
        <v>451.83330000000001</v>
      </c>
    </row>
    <row r="18843" spans="4:5" x14ac:dyDescent="0.25">
      <c r="D18843" s="6">
        <v>1544.701</v>
      </c>
      <c r="E18843" s="6">
        <v>4826.5940000000001</v>
      </c>
    </row>
    <row r="18844" spans="4:5" x14ac:dyDescent="0.25">
      <c r="D18844" s="6">
        <v>336.07060000000001</v>
      </c>
      <c r="E18844" s="6">
        <v>1137.2239999999999</v>
      </c>
    </row>
    <row r="18845" spans="4:5" x14ac:dyDescent="0.25">
      <c r="D18845" s="6">
        <v>559.33659999999998</v>
      </c>
      <c r="E18845" s="6">
        <v>4755.527</v>
      </c>
    </row>
    <row r="18846" spans="4:5" x14ac:dyDescent="0.25">
      <c r="D18846" s="6">
        <v>853.0951</v>
      </c>
      <c r="E18846" s="6">
        <v>1341.758</v>
      </c>
    </row>
    <row r="18847" spans="4:5" x14ac:dyDescent="0.25">
      <c r="D18847" s="6">
        <v>811.10339999999997</v>
      </c>
      <c r="E18847" s="6">
        <v>1454.9</v>
      </c>
    </row>
    <row r="18848" spans="4:5" x14ac:dyDescent="0.25">
      <c r="D18848" s="6">
        <v>974.23310000000004</v>
      </c>
      <c r="E18848" s="6">
        <v>1729.0450000000001</v>
      </c>
    </row>
    <row r="18849" spans="4:5" x14ac:dyDescent="0.25">
      <c r="D18849" s="6">
        <v>914.47450000000003</v>
      </c>
      <c r="E18849" s="6">
        <v>1392.9259999999999</v>
      </c>
    </row>
    <row r="18850" spans="4:5" x14ac:dyDescent="0.25">
      <c r="D18850" s="6">
        <v>9193.6239999999998</v>
      </c>
      <c r="E18850" s="6">
        <v>1431.098</v>
      </c>
    </row>
    <row r="18851" spans="4:5" x14ac:dyDescent="0.25">
      <c r="D18851" s="6">
        <v>1095.7059999999999</v>
      </c>
      <c r="E18851" s="6">
        <v>4407.3329999999996</v>
      </c>
    </row>
    <row r="18852" spans="4:5" x14ac:dyDescent="0.25">
      <c r="D18852" s="6">
        <v>1007.466</v>
      </c>
      <c r="E18852" s="6">
        <v>1238.6369999999999</v>
      </c>
    </row>
    <row r="18853" spans="4:5" x14ac:dyDescent="0.25">
      <c r="D18853" s="6">
        <v>927.4896</v>
      </c>
      <c r="E18853" s="6">
        <v>1127.454</v>
      </c>
    </row>
    <row r="18854" spans="4:5" x14ac:dyDescent="0.25">
      <c r="D18854" s="6">
        <v>714.55579999999998</v>
      </c>
      <c r="E18854" s="6">
        <v>2379.0329999999999</v>
      </c>
    </row>
    <row r="18855" spans="4:5" x14ac:dyDescent="0.25">
      <c r="D18855" s="6">
        <v>599.51760000000002</v>
      </c>
      <c r="E18855" s="6">
        <v>1858.778</v>
      </c>
    </row>
    <row r="18856" spans="4:5" x14ac:dyDescent="0.25">
      <c r="D18856" s="6">
        <v>2443.078</v>
      </c>
      <c r="E18856" s="6">
        <v>1659.4570000000001</v>
      </c>
    </row>
    <row r="18857" spans="4:5" x14ac:dyDescent="0.25">
      <c r="D18857" s="6">
        <v>456.65050000000002</v>
      </c>
      <c r="E18857" s="6">
        <v>1066.538</v>
      </c>
    </row>
    <row r="18858" spans="4:5" x14ac:dyDescent="0.25">
      <c r="D18858" s="6">
        <v>393.39019999999999</v>
      </c>
      <c r="E18858" s="6">
        <v>2466.5859999999998</v>
      </c>
    </row>
    <row r="18859" spans="4:5" x14ac:dyDescent="0.25">
      <c r="D18859" s="6">
        <v>486.25729999999999</v>
      </c>
      <c r="E18859" s="6">
        <v>2251.81</v>
      </c>
    </row>
    <row r="18860" spans="4:5" x14ac:dyDescent="0.25">
      <c r="D18860" s="6">
        <v>520.45389999999998</v>
      </c>
      <c r="E18860" s="6">
        <v>2267.0700000000002</v>
      </c>
    </row>
    <row r="18861" spans="4:5" x14ac:dyDescent="0.25">
      <c r="D18861" s="6">
        <v>893.66319999999996</v>
      </c>
      <c r="E18861" s="6">
        <v>2691.1149999999998</v>
      </c>
    </row>
    <row r="18862" spans="4:5" x14ac:dyDescent="0.25">
      <c r="D18862" s="6">
        <v>3346.4290000000001</v>
      </c>
      <c r="E18862" s="6">
        <v>1521.36</v>
      </c>
    </row>
    <row r="18863" spans="4:5" x14ac:dyDescent="0.25">
      <c r="D18863" s="6">
        <v>523.25390000000004</v>
      </c>
      <c r="E18863" s="6">
        <v>3245.8519999999999</v>
      </c>
    </row>
    <row r="18864" spans="4:5" x14ac:dyDescent="0.25">
      <c r="D18864" s="6">
        <v>1530.204</v>
      </c>
      <c r="E18864" s="6">
        <v>981.21050000000002</v>
      </c>
    </row>
    <row r="18865" spans="4:5" x14ac:dyDescent="0.25">
      <c r="D18865" s="6">
        <v>10831.06</v>
      </c>
      <c r="E18865" s="6">
        <v>1253.2329999999999</v>
      </c>
    </row>
    <row r="18866" spans="4:5" x14ac:dyDescent="0.25">
      <c r="D18866" s="6">
        <v>1018.407</v>
      </c>
      <c r="E18866" s="6">
        <v>813.68020000000001</v>
      </c>
    </row>
    <row r="18867" spans="4:5" x14ac:dyDescent="0.25">
      <c r="D18867" s="6">
        <v>1159.9059999999999</v>
      </c>
      <c r="E18867" s="6">
        <v>2693.7669999999998</v>
      </c>
    </row>
    <row r="18868" spans="4:5" x14ac:dyDescent="0.25">
      <c r="D18868" s="6">
        <v>712.17129999999997</v>
      </c>
      <c r="E18868" s="6">
        <v>7703.76</v>
      </c>
    </row>
    <row r="18869" spans="4:5" x14ac:dyDescent="0.25">
      <c r="D18869" s="6">
        <v>1962.367</v>
      </c>
      <c r="E18869" s="6">
        <v>1522.8009999999999</v>
      </c>
    </row>
    <row r="18870" spans="4:5" x14ac:dyDescent="0.25">
      <c r="D18870" s="6">
        <v>979.04330000000004</v>
      </c>
      <c r="E18870" s="6">
        <v>655.90750000000003</v>
      </c>
    </row>
    <row r="18871" spans="4:5" x14ac:dyDescent="0.25">
      <c r="D18871" s="6">
        <v>1432.6189999999999</v>
      </c>
      <c r="E18871" s="6">
        <v>3159.6410000000001</v>
      </c>
    </row>
    <row r="18872" spans="4:5" x14ac:dyDescent="0.25">
      <c r="D18872" s="6">
        <v>1521.521</v>
      </c>
      <c r="E18872" s="6">
        <v>658.34969999999998</v>
      </c>
    </row>
    <row r="18873" spans="4:5" x14ac:dyDescent="0.25">
      <c r="D18873" s="6">
        <v>411.8023</v>
      </c>
      <c r="E18873" s="6">
        <v>334.8</v>
      </c>
    </row>
    <row r="18874" spans="4:5" x14ac:dyDescent="0.25">
      <c r="D18874" s="6">
        <v>1192.1300000000001</v>
      </c>
      <c r="E18874" s="6">
        <v>632.33439999999996</v>
      </c>
    </row>
    <row r="18875" spans="4:5" x14ac:dyDescent="0.25">
      <c r="D18875" s="6">
        <v>448.8485</v>
      </c>
      <c r="E18875" s="6">
        <v>710</v>
      </c>
    </row>
    <row r="18876" spans="4:5" x14ac:dyDescent="0.25">
      <c r="D18876" s="6">
        <v>1075.992</v>
      </c>
      <c r="E18876" s="6">
        <v>647.79219999999998</v>
      </c>
    </row>
    <row r="18877" spans="4:5" x14ac:dyDescent="0.25">
      <c r="D18877" s="6">
        <v>757.95510000000002</v>
      </c>
      <c r="E18877" s="6">
        <v>1296.0429999999999</v>
      </c>
    </row>
    <row r="18878" spans="4:5" x14ac:dyDescent="0.25">
      <c r="D18878" s="6">
        <v>1642.5129999999999</v>
      </c>
      <c r="E18878" s="6">
        <v>4582.9480000000003</v>
      </c>
    </row>
    <row r="18879" spans="4:5" x14ac:dyDescent="0.25">
      <c r="D18879" s="6">
        <v>2212.2420000000002</v>
      </c>
      <c r="E18879" s="6">
        <v>340.40910000000002</v>
      </c>
    </row>
    <row r="18880" spans="4:5" x14ac:dyDescent="0.25">
      <c r="D18880" s="6">
        <v>908.38670000000002</v>
      </c>
      <c r="E18880" s="6">
        <v>715.35680000000002</v>
      </c>
    </row>
    <row r="18881" spans="4:5" x14ac:dyDescent="0.25">
      <c r="D18881" s="6">
        <v>1183.77</v>
      </c>
      <c r="E18881" s="6">
        <v>1019.979</v>
      </c>
    </row>
    <row r="18882" spans="4:5" x14ac:dyDescent="0.25">
      <c r="D18882" s="6">
        <v>6281.2139999999999</v>
      </c>
      <c r="E18882" s="6">
        <v>1149.242</v>
      </c>
    </row>
    <row r="18883" spans="4:5" x14ac:dyDescent="0.25">
      <c r="D18883" s="6">
        <v>1369.635</v>
      </c>
      <c r="E18883" s="6">
        <v>750.60699999999997</v>
      </c>
    </row>
    <row r="18884" spans="4:5" x14ac:dyDescent="0.25">
      <c r="D18884" s="6">
        <v>549.95410000000004</v>
      </c>
      <c r="E18884" s="6">
        <v>2694.8829999999998</v>
      </c>
    </row>
    <row r="18885" spans="4:5" x14ac:dyDescent="0.25">
      <c r="D18885" s="6">
        <v>817.49329999999998</v>
      </c>
      <c r="E18885" s="6">
        <v>1032.22</v>
      </c>
    </row>
    <row r="18886" spans="4:5" x14ac:dyDescent="0.25">
      <c r="D18886" s="6">
        <v>2225.0720000000001</v>
      </c>
      <c r="E18886" s="6">
        <v>1402.2629999999999</v>
      </c>
    </row>
    <row r="18887" spans="4:5" x14ac:dyDescent="0.25">
      <c r="D18887" s="6">
        <v>1246.4069999999999</v>
      </c>
      <c r="E18887" s="6">
        <v>4385.2370000000001</v>
      </c>
    </row>
    <row r="18888" spans="4:5" x14ac:dyDescent="0.25">
      <c r="D18888" s="6">
        <v>688.83439999999996</v>
      </c>
      <c r="E18888" s="6">
        <v>2909.7860000000001</v>
      </c>
    </row>
    <row r="18889" spans="4:5" x14ac:dyDescent="0.25">
      <c r="D18889" s="6">
        <v>869.71910000000003</v>
      </c>
      <c r="E18889" s="6">
        <v>9668.1810000000005</v>
      </c>
    </row>
    <row r="18890" spans="4:5" x14ac:dyDescent="0.25">
      <c r="D18890" s="6">
        <v>1373.877</v>
      </c>
      <c r="E18890" s="6">
        <v>2716.0859999999998</v>
      </c>
    </row>
    <row r="18891" spans="4:5" x14ac:dyDescent="0.25">
      <c r="D18891" s="6">
        <v>410.20949999999999</v>
      </c>
      <c r="E18891" s="6">
        <v>1849.4739999999999</v>
      </c>
    </row>
    <row r="18892" spans="4:5" x14ac:dyDescent="0.25">
      <c r="D18892" s="6">
        <v>1442.2170000000001</v>
      </c>
      <c r="E18892" s="6">
        <v>3655.86</v>
      </c>
    </row>
    <row r="18893" spans="4:5" x14ac:dyDescent="0.25">
      <c r="D18893" s="6">
        <v>657.96310000000005</v>
      </c>
      <c r="E18893" s="6">
        <v>1716.1010000000001</v>
      </c>
    </row>
    <row r="18894" spans="4:5" x14ac:dyDescent="0.25">
      <c r="D18894" s="6">
        <v>514.76260000000002</v>
      </c>
      <c r="E18894" s="6">
        <v>5039.3850000000002</v>
      </c>
    </row>
    <row r="18895" spans="4:5" x14ac:dyDescent="0.25">
      <c r="D18895" s="6">
        <v>755.22140000000002</v>
      </c>
      <c r="E18895" s="6">
        <v>5062.152</v>
      </c>
    </row>
    <row r="18896" spans="4:5" x14ac:dyDescent="0.25">
      <c r="D18896" s="6">
        <v>438.34359999999998</v>
      </c>
      <c r="E18896" s="6">
        <v>2623.578</v>
      </c>
    </row>
    <row r="18897" spans="4:5" x14ac:dyDescent="0.25">
      <c r="D18897" s="6">
        <v>1084.3140000000001</v>
      </c>
      <c r="E18897" s="6">
        <v>7386.5460000000003</v>
      </c>
    </row>
    <row r="18898" spans="4:5" x14ac:dyDescent="0.25">
      <c r="D18898" s="6">
        <v>2428.73</v>
      </c>
      <c r="E18898" s="6">
        <v>433.36840000000001</v>
      </c>
    </row>
    <row r="18899" spans="4:5" x14ac:dyDescent="0.25">
      <c r="D18899" s="6">
        <v>910.93320000000006</v>
      </c>
      <c r="E18899" s="6">
        <v>406.19639999999998</v>
      </c>
    </row>
    <row r="18900" spans="4:5" x14ac:dyDescent="0.25">
      <c r="D18900" s="6">
        <v>1202.8710000000001</v>
      </c>
      <c r="E18900" s="6">
        <v>1232.3969999999999</v>
      </c>
    </row>
    <row r="18901" spans="4:5" x14ac:dyDescent="0.25">
      <c r="D18901" s="6">
        <v>2831.6880000000001</v>
      </c>
      <c r="E18901" s="6">
        <v>4229.7290000000003</v>
      </c>
    </row>
    <row r="18902" spans="4:5" x14ac:dyDescent="0.25">
      <c r="D18902" s="6">
        <v>3710.7759999999998</v>
      </c>
      <c r="E18902" s="6">
        <v>1683.145</v>
      </c>
    </row>
    <row r="18903" spans="4:5" x14ac:dyDescent="0.25">
      <c r="D18903" s="6">
        <v>894.51179999999999</v>
      </c>
      <c r="E18903" s="6">
        <v>2062.8879999999999</v>
      </c>
    </row>
    <row r="18904" spans="4:5" x14ac:dyDescent="0.25">
      <c r="D18904" s="6">
        <v>3544.8719999999998</v>
      </c>
      <c r="E18904" s="6">
        <v>10349</v>
      </c>
    </row>
    <row r="18905" spans="4:5" x14ac:dyDescent="0.25">
      <c r="D18905" s="6">
        <v>433.37180000000001</v>
      </c>
      <c r="E18905" s="6">
        <v>980.42589999999996</v>
      </c>
    </row>
    <row r="18906" spans="4:5" x14ac:dyDescent="0.25">
      <c r="D18906" s="6">
        <v>3142.3209999999999</v>
      </c>
      <c r="E18906" s="6">
        <v>1382.5340000000001</v>
      </c>
    </row>
    <row r="18907" spans="4:5" x14ac:dyDescent="0.25">
      <c r="D18907" s="6">
        <v>354.27659999999997</v>
      </c>
      <c r="E18907" s="6">
        <v>2719.3530000000001</v>
      </c>
    </row>
    <row r="18908" spans="4:5" x14ac:dyDescent="0.25">
      <c r="D18908" s="6">
        <v>4178</v>
      </c>
      <c r="E18908" s="6">
        <v>2564.373</v>
      </c>
    </row>
    <row r="18909" spans="4:5" x14ac:dyDescent="0.25">
      <c r="D18909" s="6">
        <v>415.26280000000003</v>
      </c>
      <c r="E18909" s="6">
        <v>777.54920000000004</v>
      </c>
    </row>
    <row r="18910" spans="4:5" x14ac:dyDescent="0.25">
      <c r="D18910" s="6">
        <v>365.02449999999999</v>
      </c>
      <c r="E18910" s="6">
        <v>963.97990000000004</v>
      </c>
    </row>
    <row r="18911" spans="4:5" x14ac:dyDescent="0.25">
      <c r="D18911" s="6">
        <v>2717.1370000000002</v>
      </c>
      <c r="E18911" s="6">
        <v>1175.0419999999999</v>
      </c>
    </row>
    <row r="18912" spans="4:5" x14ac:dyDescent="0.25">
      <c r="D18912" s="6">
        <v>1059.4770000000001</v>
      </c>
      <c r="E18912" s="6">
        <v>277.65449999999998</v>
      </c>
    </row>
    <row r="18913" spans="4:5" x14ac:dyDescent="0.25">
      <c r="D18913" s="6">
        <v>3140.578</v>
      </c>
      <c r="E18913" s="6">
        <v>3199.8919999999998</v>
      </c>
    </row>
    <row r="18914" spans="4:5" x14ac:dyDescent="0.25">
      <c r="D18914" s="6">
        <v>744.30240000000003</v>
      </c>
      <c r="E18914" s="6">
        <v>2065.12</v>
      </c>
    </row>
    <row r="18915" spans="4:5" x14ac:dyDescent="0.25">
      <c r="D18915" s="6">
        <v>444.3306</v>
      </c>
      <c r="E18915" s="6">
        <v>962.1549</v>
      </c>
    </row>
    <row r="18916" spans="4:5" x14ac:dyDescent="0.25">
      <c r="D18916" s="6">
        <v>2628.8870000000002</v>
      </c>
      <c r="E18916" s="6">
        <v>532.6268</v>
      </c>
    </row>
    <row r="18917" spans="4:5" x14ac:dyDescent="0.25">
      <c r="D18917" s="6">
        <v>791.245</v>
      </c>
      <c r="E18917" s="6">
        <v>1045.2729999999999</v>
      </c>
    </row>
    <row r="18918" spans="4:5" x14ac:dyDescent="0.25">
      <c r="D18918" s="6">
        <v>579.0059</v>
      </c>
      <c r="E18918" s="6">
        <v>8736.7080000000005</v>
      </c>
    </row>
    <row r="18919" spans="4:5" x14ac:dyDescent="0.25">
      <c r="D18919" s="6">
        <v>803.39300000000003</v>
      </c>
      <c r="E18919" s="6">
        <v>1380.423</v>
      </c>
    </row>
    <row r="18920" spans="4:5" x14ac:dyDescent="0.25">
      <c r="D18920" s="6">
        <v>1546.45</v>
      </c>
      <c r="E18920" s="6">
        <v>576.56910000000005</v>
      </c>
    </row>
    <row r="18921" spans="4:5" x14ac:dyDescent="0.25">
      <c r="D18921" s="6">
        <v>3145.502</v>
      </c>
      <c r="E18921" s="6">
        <v>1266.0360000000001</v>
      </c>
    </row>
    <row r="18922" spans="4:5" x14ac:dyDescent="0.25">
      <c r="D18922" s="6">
        <v>3220.15</v>
      </c>
      <c r="E18922" s="6">
        <v>1188.857</v>
      </c>
    </row>
    <row r="18923" spans="4:5" x14ac:dyDescent="0.25">
      <c r="D18923" s="6">
        <v>3912.3009999999999</v>
      </c>
      <c r="E18923" s="6">
        <v>1789.6289999999999</v>
      </c>
    </row>
    <row r="18924" spans="4:5" x14ac:dyDescent="0.25">
      <c r="D18924" s="6">
        <v>2718.9110000000001</v>
      </c>
      <c r="E18924" s="6">
        <v>7018.6270000000004</v>
      </c>
    </row>
    <row r="18925" spans="4:5" x14ac:dyDescent="0.25">
      <c r="D18925" s="6">
        <v>1034.9459999999999</v>
      </c>
      <c r="E18925" s="6">
        <v>4384.174</v>
      </c>
    </row>
    <row r="18926" spans="4:5" x14ac:dyDescent="0.25">
      <c r="D18926" s="6">
        <v>1077.4190000000001</v>
      </c>
      <c r="E18926" s="6">
        <v>1367.5540000000001</v>
      </c>
    </row>
    <row r="18927" spans="4:5" x14ac:dyDescent="0.25">
      <c r="D18927" s="6">
        <v>1153.174</v>
      </c>
      <c r="E18927" s="6">
        <v>1467.537</v>
      </c>
    </row>
    <row r="18928" spans="4:5" x14ac:dyDescent="0.25">
      <c r="D18928" s="6">
        <v>1674.6030000000001</v>
      </c>
      <c r="E18928" s="6">
        <v>986.51880000000006</v>
      </c>
    </row>
    <row r="18929" spans="4:5" x14ac:dyDescent="0.25">
      <c r="D18929" s="6">
        <v>1742.316</v>
      </c>
      <c r="E18929" s="6">
        <v>3233.576</v>
      </c>
    </row>
    <row r="18930" spans="4:5" x14ac:dyDescent="0.25">
      <c r="D18930" s="6">
        <v>2359.4929999999999</v>
      </c>
      <c r="E18930" s="6">
        <v>2217</v>
      </c>
    </row>
    <row r="18931" spans="4:5" x14ac:dyDescent="0.25">
      <c r="D18931" s="6">
        <v>1137.923</v>
      </c>
      <c r="E18931" s="6">
        <v>1433.0360000000001</v>
      </c>
    </row>
    <row r="18932" spans="4:5" x14ac:dyDescent="0.25">
      <c r="D18932" s="6">
        <v>772.07230000000004</v>
      </c>
      <c r="E18932" s="6">
        <v>1471.848</v>
      </c>
    </row>
    <row r="18933" spans="4:5" x14ac:dyDescent="0.25">
      <c r="D18933" s="6">
        <v>953.34960000000001</v>
      </c>
      <c r="E18933" s="6">
        <v>1314.9649999999999</v>
      </c>
    </row>
    <row r="18934" spans="4:5" x14ac:dyDescent="0.25">
      <c r="D18934" s="6">
        <v>2413.0590000000002</v>
      </c>
      <c r="E18934" s="6">
        <v>822.72569999999996</v>
      </c>
    </row>
    <row r="18935" spans="4:5" x14ac:dyDescent="0.25">
      <c r="D18935" s="6">
        <v>632.41809999999998</v>
      </c>
      <c r="E18935" s="6">
        <v>5283.7950000000001</v>
      </c>
    </row>
    <row r="18936" spans="4:5" x14ac:dyDescent="0.25">
      <c r="D18936" s="6">
        <v>3817.9029999999998</v>
      </c>
      <c r="E18936" s="6">
        <v>1964.6110000000001</v>
      </c>
    </row>
    <row r="18937" spans="4:5" x14ac:dyDescent="0.25">
      <c r="D18937" s="6">
        <v>1146.605</v>
      </c>
      <c r="E18937" s="6">
        <v>1446.6679999999999</v>
      </c>
    </row>
    <row r="18938" spans="4:5" x14ac:dyDescent="0.25">
      <c r="D18938" s="6">
        <v>1007.99</v>
      </c>
      <c r="E18938" s="6">
        <v>1656.6669999999999</v>
      </c>
    </row>
    <row r="18939" spans="4:5" x14ac:dyDescent="0.25">
      <c r="D18939" s="6">
        <v>407.7423</v>
      </c>
      <c r="E18939" s="6">
        <v>1011.529</v>
      </c>
    </row>
    <row r="18940" spans="4:5" x14ac:dyDescent="0.25">
      <c r="D18940" s="6">
        <v>7044.6930000000002</v>
      </c>
      <c r="E18940" s="6">
        <v>1308.9090000000001</v>
      </c>
    </row>
    <row r="18941" spans="4:5" x14ac:dyDescent="0.25">
      <c r="D18941" s="6">
        <v>404.49900000000002</v>
      </c>
      <c r="E18941" s="6">
        <v>1132</v>
      </c>
    </row>
    <row r="18942" spans="4:5" x14ac:dyDescent="0.25">
      <c r="D18942" s="6">
        <v>419.36509999999998</v>
      </c>
      <c r="E18942" s="6">
        <v>1872.114</v>
      </c>
    </row>
    <row r="18943" spans="4:5" x14ac:dyDescent="0.25">
      <c r="D18943" s="6">
        <v>854.27760000000001</v>
      </c>
      <c r="E18943" s="6">
        <v>715.12149999999997</v>
      </c>
    </row>
    <row r="18944" spans="4:5" x14ac:dyDescent="0.25">
      <c r="D18944" s="6">
        <v>912.11569999999995</v>
      </c>
      <c r="E18944" s="6">
        <v>3448.1019999999999</v>
      </c>
    </row>
    <row r="18945" spans="4:5" x14ac:dyDescent="0.25">
      <c r="D18945" s="6">
        <v>1065.268</v>
      </c>
      <c r="E18945" s="6">
        <v>779.67700000000002</v>
      </c>
    </row>
    <row r="18946" spans="4:5" x14ac:dyDescent="0.25">
      <c r="D18946" s="6">
        <v>1373.855</v>
      </c>
      <c r="E18946" s="6">
        <v>575</v>
      </c>
    </row>
    <row r="18947" spans="4:5" x14ac:dyDescent="0.25">
      <c r="D18947" s="6">
        <v>845.0779</v>
      </c>
      <c r="E18947" s="6">
        <v>2455.587</v>
      </c>
    </row>
    <row r="18948" spans="4:5" x14ac:dyDescent="0.25">
      <c r="D18948" s="6">
        <v>431.33339999999998</v>
      </c>
      <c r="E18948" s="6">
        <v>825.54470000000003</v>
      </c>
    </row>
    <row r="18949" spans="4:5" x14ac:dyDescent="0.25">
      <c r="D18949" s="6">
        <v>1988.393</v>
      </c>
      <c r="E18949" s="6">
        <v>893.21780000000001</v>
      </c>
    </row>
    <row r="18950" spans="4:5" x14ac:dyDescent="0.25">
      <c r="D18950" s="6">
        <v>1687.6759999999999</v>
      </c>
      <c r="E18950" s="6">
        <v>2381.2249999999999</v>
      </c>
    </row>
    <row r="18951" spans="4:5" x14ac:dyDescent="0.25">
      <c r="D18951" s="6">
        <v>1361.3510000000001</v>
      </c>
      <c r="E18951" s="6">
        <v>228.7698</v>
      </c>
    </row>
    <row r="18952" spans="4:5" x14ac:dyDescent="0.25">
      <c r="D18952" s="6">
        <v>426.53620000000001</v>
      </c>
      <c r="E18952" s="6">
        <v>1119.4390000000001</v>
      </c>
    </row>
    <row r="18953" spans="4:5" x14ac:dyDescent="0.25">
      <c r="D18953" s="6">
        <v>702.61239999999998</v>
      </c>
      <c r="E18953" s="6">
        <v>937.06889999999999</v>
      </c>
    </row>
    <row r="18954" spans="4:5" x14ac:dyDescent="0.25">
      <c r="D18954" s="6">
        <v>1614.4559999999999</v>
      </c>
      <c r="E18954" s="6">
        <v>5648.5</v>
      </c>
    </row>
    <row r="18955" spans="4:5" x14ac:dyDescent="0.25">
      <c r="D18955" s="6">
        <v>7042.375</v>
      </c>
      <c r="E18955" s="6">
        <v>285.95</v>
      </c>
    </row>
    <row r="18956" spans="4:5" x14ac:dyDescent="0.25">
      <c r="D18956" s="6">
        <v>829.36400000000003</v>
      </c>
      <c r="E18956" s="6">
        <v>1839.13</v>
      </c>
    </row>
    <row r="18957" spans="4:5" x14ac:dyDescent="0.25">
      <c r="D18957" s="6">
        <v>1254</v>
      </c>
      <c r="E18957" s="6">
        <v>2912.5790000000002</v>
      </c>
    </row>
    <row r="18958" spans="4:5" x14ac:dyDescent="0.25">
      <c r="D18958" s="6">
        <v>1113.77</v>
      </c>
      <c r="E18958" s="6">
        <v>1083.374</v>
      </c>
    </row>
    <row r="18959" spans="4:5" x14ac:dyDescent="0.25">
      <c r="D18959" s="6">
        <v>785.05169999999998</v>
      </c>
      <c r="E18959" s="6">
        <v>837.83349999999996</v>
      </c>
    </row>
    <row r="18960" spans="4:5" x14ac:dyDescent="0.25">
      <c r="D18960" s="6">
        <v>1033.327</v>
      </c>
      <c r="E18960" s="6">
        <v>1286.6769999999999</v>
      </c>
    </row>
    <row r="18961" spans="4:5" x14ac:dyDescent="0.25">
      <c r="D18961" s="6">
        <v>1014.808</v>
      </c>
      <c r="E18961" s="6">
        <v>813.80700000000002</v>
      </c>
    </row>
    <row r="18962" spans="4:5" x14ac:dyDescent="0.25">
      <c r="D18962" s="6">
        <v>752.70820000000003</v>
      </c>
      <c r="E18962" s="6">
        <v>699.65449999999998</v>
      </c>
    </row>
    <row r="18963" spans="4:5" x14ac:dyDescent="0.25">
      <c r="D18963" s="6">
        <v>3186.9140000000002</v>
      </c>
      <c r="E18963" s="6">
        <v>1440.7180000000001</v>
      </c>
    </row>
    <row r="18964" spans="4:5" x14ac:dyDescent="0.25">
      <c r="D18964" s="6">
        <v>436.06319999999999</v>
      </c>
      <c r="E18964" s="6">
        <v>1783.64</v>
      </c>
    </row>
    <row r="18965" spans="4:5" x14ac:dyDescent="0.25">
      <c r="D18965" s="6">
        <v>442.97640000000001</v>
      </c>
      <c r="E18965" s="6">
        <v>2427.7260000000001</v>
      </c>
    </row>
    <row r="18966" spans="4:5" x14ac:dyDescent="0.25">
      <c r="D18966" s="6">
        <v>3302.4839999999999</v>
      </c>
      <c r="E18966" s="6">
        <v>1975.4880000000001</v>
      </c>
    </row>
    <row r="18967" spans="4:5" x14ac:dyDescent="0.25">
      <c r="D18967" s="6">
        <v>981.8329</v>
      </c>
      <c r="E18967" s="6">
        <v>2607.2420000000002</v>
      </c>
    </row>
    <row r="18968" spans="4:5" x14ac:dyDescent="0.25">
      <c r="D18968" s="6">
        <v>3661</v>
      </c>
      <c r="E18968" s="6">
        <v>4609.8620000000001</v>
      </c>
    </row>
    <row r="18969" spans="4:5" x14ac:dyDescent="0.25">
      <c r="D18969" s="6">
        <v>1188.21</v>
      </c>
      <c r="E18969" s="6">
        <v>3533.9369999999999</v>
      </c>
    </row>
    <row r="18970" spans="4:5" x14ac:dyDescent="0.25">
      <c r="D18970" s="6">
        <v>1899.796</v>
      </c>
      <c r="E18970" s="6">
        <v>2201.9960000000001</v>
      </c>
    </row>
    <row r="18971" spans="4:5" x14ac:dyDescent="0.25">
      <c r="D18971" s="6">
        <v>1173.404</v>
      </c>
      <c r="E18971" s="6">
        <v>2773.9229999999998</v>
      </c>
    </row>
    <row r="18972" spans="4:5" x14ac:dyDescent="0.25">
      <c r="D18972" s="6">
        <v>674.41120000000001</v>
      </c>
      <c r="E18972" s="6">
        <v>859.44839999999999</v>
      </c>
    </row>
    <row r="18973" spans="4:5" x14ac:dyDescent="0.25">
      <c r="D18973" s="6">
        <v>2347.9830000000002</v>
      </c>
      <c r="E18973" s="6">
        <v>1339.2629999999999</v>
      </c>
    </row>
    <row r="18974" spans="4:5" x14ac:dyDescent="0.25">
      <c r="D18974" s="6">
        <v>926.34169999999995</v>
      </c>
      <c r="E18974" s="6">
        <v>1694.096</v>
      </c>
    </row>
    <row r="18975" spans="4:5" x14ac:dyDescent="0.25">
      <c r="D18975" s="6">
        <v>1105.145</v>
      </c>
      <c r="E18975" s="6">
        <v>637.02260000000001</v>
      </c>
    </row>
    <row r="18976" spans="4:5" x14ac:dyDescent="0.25">
      <c r="D18976" s="6">
        <v>913.94709999999998</v>
      </c>
      <c r="E18976" s="6">
        <v>3091.8319999999999</v>
      </c>
    </row>
    <row r="18977" spans="4:5" x14ac:dyDescent="0.25">
      <c r="D18977" s="6">
        <v>5525.0259999999998</v>
      </c>
      <c r="E18977" s="6">
        <v>2745.7269999999999</v>
      </c>
    </row>
    <row r="18978" spans="4:5" x14ac:dyDescent="0.25">
      <c r="D18978" s="6">
        <v>477.58569999999997</v>
      </c>
      <c r="E18978" s="6">
        <v>672</v>
      </c>
    </row>
    <row r="18979" spans="4:5" x14ac:dyDescent="0.25">
      <c r="D18979" s="6">
        <v>584.04459999999995</v>
      </c>
      <c r="E18979" s="6">
        <v>994.08789999999999</v>
      </c>
    </row>
    <row r="18980" spans="4:5" x14ac:dyDescent="0.25">
      <c r="D18980" s="6">
        <v>3068.0659999999998</v>
      </c>
      <c r="E18980" s="6">
        <v>1385.5550000000001</v>
      </c>
    </row>
    <row r="18981" spans="4:5" x14ac:dyDescent="0.25">
      <c r="D18981" s="6">
        <v>1396.557</v>
      </c>
      <c r="E18981" s="6">
        <v>1388.925</v>
      </c>
    </row>
    <row r="18982" spans="4:5" x14ac:dyDescent="0.25">
      <c r="D18982" s="6">
        <v>5628.75</v>
      </c>
      <c r="E18982" s="6">
        <v>1497.3620000000001</v>
      </c>
    </row>
    <row r="18983" spans="4:5" x14ac:dyDescent="0.25">
      <c r="D18983" s="6">
        <v>1042.809</v>
      </c>
      <c r="E18983" s="6">
        <v>1356.5319999999999</v>
      </c>
    </row>
    <row r="18984" spans="4:5" x14ac:dyDescent="0.25">
      <c r="D18984" s="6">
        <v>433.5557</v>
      </c>
      <c r="E18984" s="6">
        <v>4430.6289999999999</v>
      </c>
    </row>
    <row r="18985" spans="4:5" x14ac:dyDescent="0.25">
      <c r="D18985" s="6">
        <v>892.20669999999996</v>
      </c>
      <c r="E18985" s="6">
        <v>4152.4250000000002</v>
      </c>
    </row>
    <row r="18986" spans="4:5" x14ac:dyDescent="0.25">
      <c r="D18986" s="6">
        <v>3128.2139999999999</v>
      </c>
      <c r="E18986" s="6">
        <v>3302.72</v>
      </c>
    </row>
    <row r="18987" spans="4:5" x14ac:dyDescent="0.25">
      <c r="D18987" s="6">
        <v>1316.7729999999999</v>
      </c>
      <c r="E18987" s="6">
        <v>6247.5029999999997</v>
      </c>
    </row>
    <row r="18988" spans="4:5" x14ac:dyDescent="0.25">
      <c r="D18988" s="6">
        <v>8403.6020000000008</v>
      </c>
      <c r="E18988" s="6">
        <v>980.00879999999995</v>
      </c>
    </row>
    <row r="18989" spans="4:5" x14ac:dyDescent="0.25">
      <c r="D18989" s="6">
        <v>2167.3760000000002</v>
      </c>
      <c r="E18989" s="6">
        <v>6813.326</v>
      </c>
    </row>
    <row r="18990" spans="4:5" x14ac:dyDescent="0.25">
      <c r="D18990" s="6">
        <v>1739.2190000000001</v>
      </c>
      <c r="E18990" s="6">
        <v>1404.825</v>
      </c>
    </row>
    <row r="18991" spans="4:5" x14ac:dyDescent="0.25">
      <c r="D18991" s="6">
        <v>2968.1390000000001</v>
      </c>
      <c r="E18991" s="6">
        <v>1379.5830000000001</v>
      </c>
    </row>
    <row r="18992" spans="4:5" x14ac:dyDescent="0.25">
      <c r="D18992" s="6">
        <v>2568.0279999999998</v>
      </c>
      <c r="E18992" s="6">
        <v>483.87029999999999</v>
      </c>
    </row>
    <row r="18993" spans="4:5" x14ac:dyDescent="0.25">
      <c r="D18993" s="6">
        <v>429.42970000000003</v>
      </c>
      <c r="E18993" s="6">
        <v>1435.575</v>
      </c>
    </row>
    <row r="18994" spans="4:5" x14ac:dyDescent="0.25">
      <c r="D18994" s="6">
        <v>594.55050000000006</v>
      </c>
      <c r="E18994" s="6">
        <v>506.13670000000002</v>
      </c>
    </row>
    <row r="18995" spans="4:5" x14ac:dyDescent="0.25">
      <c r="D18995" s="6">
        <v>1804.3710000000001</v>
      </c>
      <c r="E18995" s="6">
        <v>1124.2929999999999</v>
      </c>
    </row>
    <row r="18996" spans="4:5" x14ac:dyDescent="0.25">
      <c r="D18996" s="6">
        <v>3114.25</v>
      </c>
      <c r="E18996" s="6">
        <v>4384</v>
      </c>
    </row>
    <row r="18997" spans="4:5" x14ac:dyDescent="0.25">
      <c r="D18997" s="6">
        <v>524.80489999999998</v>
      </c>
      <c r="E18997" s="6">
        <v>523.33330000000001</v>
      </c>
    </row>
    <row r="18998" spans="4:5" x14ac:dyDescent="0.25">
      <c r="D18998" s="6">
        <v>1390.375</v>
      </c>
      <c r="E18998" s="6">
        <v>2399.652</v>
      </c>
    </row>
    <row r="18999" spans="4:5" x14ac:dyDescent="0.25">
      <c r="D18999" s="6">
        <v>1046.326</v>
      </c>
      <c r="E18999" s="6">
        <v>692.46770000000004</v>
      </c>
    </row>
    <row r="19000" spans="4:5" x14ac:dyDescent="0.25">
      <c r="D19000" s="6">
        <v>454.77359999999999</v>
      </c>
      <c r="E19000" s="6">
        <v>2756.73</v>
      </c>
    </row>
    <row r="19001" spans="4:5" x14ac:dyDescent="0.25">
      <c r="D19001" s="6">
        <v>783.43290000000002</v>
      </c>
      <c r="E19001" s="6">
        <v>1679.5119999999999</v>
      </c>
    </row>
    <row r="19002" spans="4:5" x14ac:dyDescent="0.25">
      <c r="D19002" s="6">
        <v>708.33920000000001</v>
      </c>
      <c r="E19002" s="6">
        <v>1258</v>
      </c>
    </row>
    <row r="19003" spans="4:5" x14ac:dyDescent="0.25">
      <c r="D19003" s="6">
        <v>440.84120000000001</v>
      </c>
      <c r="E19003" s="6">
        <v>7976.5230000000001</v>
      </c>
    </row>
    <row r="19004" spans="4:5" x14ac:dyDescent="0.25">
      <c r="D19004" s="6">
        <v>1042.2929999999999</v>
      </c>
      <c r="E19004" s="6">
        <v>1504.3409999999999</v>
      </c>
    </row>
    <row r="19005" spans="4:5" x14ac:dyDescent="0.25">
      <c r="D19005" s="6">
        <v>806.82730000000004</v>
      </c>
      <c r="E19005" s="6">
        <v>1209.7180000000001</v>
      </c>
    </row>
    <row r="19006" spans="4:5" x14ac:dyDescent="0.25">
      <c r="D19006" s="6">
        <v>915.40890000000002</v>
      </c>
      <c r="E19006" s="6">
        <v>1369.4359999999999</v>
      </c>
    </row>
    <row r="19007" spans="4:5" x14ac:dyDescent="0.25">
      <c r="D19007" s="6">
        <v>2431.2350000000001</v>
      </c>
      <c r="E19007" s="6">
        <v>989.17139999999995</v>
      </c>
    </row>
    <row r="19008" spans="4:5" x14ac:dyDescent="0.25">
      <c r="D19008" s="6">
        <v>1050.32</v>
      </c>
      <c r="E19008" s="6">
        <v>301.7013</v>
      </c>
    </row>
    <row r="19009" spans="4:5" x14ac:dyDescent="0.25">
      <c r="D19009" s="6">
        <v>442.4196</v>
      </c>
      <c r="E19009" s="6">
        <v>1177.7139999999999</v>
      </c>
    </row>
    <row r="19010" spans="4:5" x14ac:dyDescent="0.25">
      <c r="D19010" s="6">
        <v>429.96609999999998</v>
      </c>
      <c r="E19010" s="6">
        <v>2260.33</v>
      </c>
    </row>
    <row r="19011" spans="4:5" x14ac:dyDescent="0.25">
      <c r="D19011" s="6">
        <v>856.32979999999998</v>
      </c>
      <c r="E19011" s="6">
        <v>4161.2309999999998</v>
      </c>
    </row>
    <row r="19012" spans="4:5" x14ac:dyDescent="0.25">
      <c r="D19012" s="6">
        <v>1080.5609999999999</v>
      </c>
      <c r="E19012" s="6">
        <v>6181.915</v>
      </c>
    </row>
    <row r="19013" spans="4:5" x14ac:dyDescent="0.25">
      <c r="D19013" s="6">
        <v>2992.45</v>
      </c>
      <c r="E19013" s="6">
        <v>476.82080000000002</v>
      </c>
    </row>
    <row r="19014" spans="4:5" x14ac:dyDescent="0.25">
      <c r="D19014" s="6">
        <v>348.72730000000001</v>
      </c>
      <c r="E19014" s="6">
        <v>870.36860000000001</v>
      </c>
    </row>
    <row r="19015" spans="4:5" x14ac:dyDescent="0.25">
      <c r="D19015" s="6">
        <v>453.20319999999998</v>
      </c>
      <c r="E19015" s="6">
        <v>950.96310000000005</v>
      </c>
    </row>
    <row r="19016" spans="4:5" x14ac:dyDescent="0.25">
      <c r="D19016" s="6">
        <v>1023.385</v>
      </c>
      <c r="E19016" s="6">
        <v>4490.8819999999996</v>
      </c>
    </row>
    <row r="19017" spans="4:5" x14ac:dyDescent="0.25">
      <c r="D19017" s="6">
        <v>2782.2260000000001</v>
      </c>
      <c r="E19017" s="6">
        <v>1007.226</v>
      </c>
    </row>
    <row r="19018" spans="4:5" x14ac:dyDescent="0.25">
      <c r="D19018" s="6">
        <v>3335.5790000000002</v>
      </c>
      <c r="E19018" s="6">
        <v>1589.771</v>
      </c>
    </row>
    <row r="19019" spans="4:5" x14ac:dyDescent="0.25">
      <c r="D19019" s="6">
        <v>828.99739999999997</v>
      </c>
      <c r="E19019" s="6">
        <v>1936.87</v>
      </c>
    </row>
    <row r="19020" spans="4:5" x14ac:dyDescent="0.25">
      <c r="D19020" s="6">
        <v>1022.688</v>
      </c>
      <c r="E19020" s="6">
        <v>9625.4699999999993</v>
      </c>
    </row>
    <row r="19021" spans="4:5" x14ac:dyDescent="0.25">
      <c r="D19021" s="6">
        <v>877.11689999999999</v>
      </c>
      <c r="E19021" s="6">
        <v>1711.3430000000001</v>
      </c>
    </row>
    <row r="19022" spans="4:5" x14ac:dyDescent="0.25">
      <c r="D19022" s="6">
        <v>1215.44</v>
      </c>
      <c r="E19022" s="6">
        <v>1369.846</v>
      </c>
    </row>
    <row r="19023" spans="4:5" x14ac:dyDescent="0.25">
      <c r="D19023" s="6">
        <v>1518.846</v>
      </c>
      <c r="E19023" s="6">
        <v>1036.6089999999999</v>
      </c>
    </row>
    <row r="19024" spans="4:5" x14ac:dyDescent="0.25">
      <c r="D19024" s="6">
        <v>968.88829999999996</v>
      </c>
      <c r="E19024" s="6">
        <v>839.5018</v>
      </c>
    </row>
    <row r="19025" spans="4:5" x14ac:dyDescent="0.25">
      <c r="D19025" s="6">
        <v>1355.7750000000001</v>
      </c>
      <c r="E19025" s="6">
        <v>1220.2850000000001</v>
      </c>
    </row>
    <row r="19026" spans="4:5" x14ac:dyDescent="0.25">
      <c r="D19026" s="6">
        <v>823.40129999999999</v>
      </c>
      <c r="E19026" s="6">
        <v>1949.1210000000001</v>
      </c>
    </row>
    <row r="19027" spans="4:5" x14ac:dyDescent="0.25">
      <c r="D19027" s="6">
        <v>996.00319999999999</v>
      </c>
      <c r="E19027" s="6">
        <v>1167.1379999999999</v>
      </c>
    </row>
    <row r="19028" spans="4:5" x14ac:dyDescent="0.25">
      <c r="D19028" s="6">
        <v>864.11069999999995</v>
      </c>
      <c r="E19028" s="6">
        <v>3668.6309999999999</v>
      </c>
    </row>
    <row r="19029" spans="4:5" x14ac:dyDescent="0.25">
      <c r="D19029" s="6">
        <v>1402.2729999999999</v>
      </c>
      <c r="E19029" s="6">
        <v>459</v>
      </c>
    </row>
    <row r="19030" spans="4:5" x14ac:dyDescent="0.25">
      <c r="D19030" s="6">
        <v>738.17020000000002</v>
      </c>
      <c r="E19030" s="6">
        <v>1422.6020000000001</v>
      </c>
    </row>
    <row r="19031" spans="4:5" x14ac:dyDescent="0.25">
      <c r="D19031" s="6">
        <v>2902.558</v>
      </c>
      <c r="E19031" s="6">
        <v>910.40409999999997</v>
      </c>
    </row>
    <row r="19032" spans="4:5" x14ac:dyDescent="0.25">
      <c r="D19032" s="6">
        <v>795.47450000000003</v>
      </c>
      <c r="E19032" s="6">
        <v>1553.354</v>
      </c>
    </row>
    <row r="19033" spans="4:5" x14ac:dyDescent="0.25">
      <c r="D19033" s="6">
        <v>1330.664</v>
      </c>
      <c r="E19033" s="6">
        <v>1644.9739999999999</v>
      </c>
    </row>
    <row r="19034" spans="4:5" x14ac:dyDescent="0.25">
      <c r="D19034" s="6">
        <v>972.22709999999995</v>
      </c>
      <c r="E19034" s="6">
        <v>2306.4160000000002</v>
      </c>
    </row>
    <row r="19035" spans="4:5" x14ac:dyDescent="0.25">
      <c r="D19035" s="6">
        <v>368.96730000000002</v>
      </c>
      <c r="E19035" s="6">
        <v>628.03229999999996</v>
      </c>
    </row>
    <row r="19036" spans="4:5" x14ac:dyDescent="0.25">
      <c r="D19036" s="6">
        <v>918.096</v>
      </c>
      <c r="E19036" s="6">
        <v>595.0222</v>
      </c>
    </row>
    <row r="19037" spans="4:5" x14ac:dyDescent="0.25">
      <c r="D19037" s="6">
        <v>878.38139999999999</v>
      </c>
      <c r="E19037" s="6">
        <v>6913.0450000000001</v>
      </c>
    </row>
    <row r="19038" spans="4:5" x14ac:dyDescent="0.25">
      <c r="D19038" s="6">
        <v>652.29169999999999</v>
      </c>
      <c r="E19038" s="6">
        <v>5320.3329999999996</v>
      </c>
    </row>
    <row r="19039" spans="4:5" x14ac:dyDescent="0.25">
      <c r="D19039" s="6">
        <v>411.77170000000001</v>
      </c>
      <c r="E19039" s="6">
        <v>851.21789999999999</v>
      </c>
    </row>
    <row r="19040" spans="4:5" x14ac:dyDescent="0.25">
      <c r="D19040" s="6">
        <v>2448.2930000000001</v>
      </c>
      <c r="E19040" s="6">
        <v>1058.981</v>
      </c>
    </row>
    <row r="19041" spans="4:5" x14ac:dyDescent="0.25">
      <c r="D19041" s="6">
        <v>1217.778</v>
      </c>
      <c r="E19041" s="6">
        <v>5491.5730000000003</v>
      </c>
    </row>
    <row r="19042" spans="4:5" x14ac:dyDescent="0.25">
      <c r="D19042" s="6">
        <v>594.29520000000002</v>
      </c>
      <c r="E19042" s="6">
        <v>1314.62</v>
      </c>
    </row>
    <row r="19043" spans="4:5" x14ac:dyDescent="0.25">
      <c r="D19043" s="6">
        <v>1240.684</v>
      </c>
      <c r="E19043" s="6">
        <v>803.46130000000005</v>
      </c>
    </row>
    <row r="19044" spans="4:5" x14ac:dyDescent="0.25">
      <c r="D19044" s="6">
        <v>1364.05</v>
      </c>
      <c r="E19044" s="6">
        <v>1452.1010000000001</v>
      </c>
    </row>
    <row r="19045" spans="4:5" x14ac:dyDescent="0.25">
      <c r="D19045" s="6">
        <v>840</v>
      </c>
      <c r="E19045" s="6">
        <v>881.94029999999998</v>
      </c>
    </row>
    <row r="19046" spans="4:5" x14ac:dyDescent="0.25">
      <c r="D19046" s="6">
        <v>729.06970000000001</v>
      </c>
      <c r="E19046" s="6">
        <v>917.99339999999995</v>
      </c>
    </row>
    <row r="19047" spans="4:5" x14ac:dyDescent="0.25">
      <c r="D19047" s="6">
        <v>758.77890000000002</v>
      </c>
      <c r="E19047" s="6">
        <v>502.76389999999998</v>
      </c>
    </row>
    <row r="19048" spans="4:5" x14ac:dyDescent="0.25">
      <c r="D19048" s="6">
        <v>922.35469999999998</v>
      </c>
      <c r="E19048" s="6">
        <v>2682.192</v>
      </c>
    </row>
    <row r="19049" spans="4:5" x14ac:dyDescent="0.25">
      <c r="D19049" s="6">
        <v>723.8039</v>
      </c>
      <c r="E19049" s="6">
        <v>665.1155</v>
      </c>
    </row>
    <row r="19050" spans="4:5" x14ac:dyDescent="0.25">
      <c r="D19050" s="6">
        <v>961.46</v>
      </c>
      <c r="E19050" s="6">
        <v>8130.7120000000004</v>
      </c>
    </row>
    <row r="19051" spans="4:5" x14ac:dyDescent="0.25">
      <c r="D19051" s="6">
        <v>528.39859999999999</v>
      </c>
      <c r="E19051" s="6">
        <v>2127.665</v>
      </c>
    </row>
    <row r="19052" spans="4:5" x14ac:dyDescent="0.25">
      <c r="D19052" s="6">
        <v>858.17729999999995</v>
      </c>
      <c r="E19052" s="6">
        <v>999.75</v>
      </c>
    </row>
    <row r="19053" spans="4:5" x14ac:dyDescent="0.25">
      <c r="D19053" s="6">
        <v>1968.674</v>
      </c>
      <c r="E19053" s="6">
        <v>689.37810000000002</v>
      </c>
    </row>
    <row r="19054" spans="4:5" x14ac:dyDescent="0.25">
      <c r="D19054" s="6">
        <v>4881.5690000000004</v>
      </c>
      <c r="E19054" s="6">
        <v>782.60599999999999</v>
      </c>
    </row>
    <row r="19055" spans="4:5" x14ac:dyDescent="0.25">
      <c r="D19055" s="6">
        <v>1429.499</v>
      </c>
      <c r="E19055" s="6">
        <v>991.32659999999998</v>
      </c>
    </row>
    <row r="19056" spans="4:5" x14ac:dyDescent="0.25">
      <c r="D19056" s="6">
        <v>5848.8239999999996</v>
      </c>
      <c r="E19056" s="6">
        <v>770.75</v>
      </c>
    </row>
    <row r="19057" spans="4:5" x14ac:dyDescent="0.25">
      <c r="D19057" s="6">
        <v>920.83789999999999</v>
      </c>
      <c r="E19057" s="6">
        <v>2902.3069999999998</v>
      </c>
    </row>
    <row r="19058" spans="4:5" x14ac:dyDescent="0.25">
      <c r="D19058" s="6">
        <v>802.96910000000003</v>
      </c>
      <c r="E19058" s="6">
        <v>1043</v>
      </c>
    </row>
    <row r="19059" spans="4:5" x14ac:dyDescent="0.25">
      <c r="D19059" s="6">
        <v>370.55669999999998</v>
      </c>
      <c r="E19059" s="6">
        <v>1420.903</v>
      </c>
    </row>
    <row r="19060" spans="4:5" x14ac:dyDescent="0.25">
      <c r="D19060" s="6">
        <v>1343.703</v>
      </c>
      <c r="E19060" s="6">
        <v>1354.905</v>
      </c>
    </row>
    <row r="19061" spans="4:5" x14ac:dyDescent="0.25">
      <c r="D19061" s="6">
        <v>709.00279999999998</v>
      </c>
      <c r="E19061" s="6">
        <v>2514.7539999999999</v>
      </c>
    </row>
    <row r="19062" spans="4:5" x14ac:dyDescent="0.25">
      <c r="D19062" s="6">
        <v>383.20819999999998</v>
      </c>
      <c r="E19062" s="6">
        <v>802.58259999999996</v>
      </c>
    </row>
    <row r="19063" spans="4:5" x14ac:dyDescent="0.25">
      <c r="D19063" s="6">
        <v>984.47040000000004</v>
      </c>
      <c r="E19063" s="6">
        <v>1704.6279999999999</v>
      </c>
    </row>
    <row r="19064" spans="4:5" x14ac:dyDescent="0.25">
      <c r="D19064" s="6">
        <v>815.60829999999999</v>
      </c>
      <c r="E19064" s="6">
        <v>1712.7059999999999</v>
      </c>
    </row>
    <row r="19065" spans="4:5" x14ac:dyDescent="0.25">
      <c r="D19065" s="6">
        <v>365.2747</v>
      </c>
      <c r="E19065" s="6">
        <v>4127.6859999999997</v>
      </c>
    </row>
    <row r="19066" spans="4:5" x14ac:dyDescent="0.25">
      <c r="D19066" s="6">
        <v>823.28</v>
      </c>
      <c r="E19066" s="6">
        <v>2364.7449999999999</v>
      </c>
    </row>
    <row r="19067" spans="4:5" x14ac:dyDescent="0.25">
      <c r="D19067" s="6">
        <v>1324.777</v>
      </c>
      <c r="E19067" s="6">
        <v>3407.4609999999998</v>
      </c>
    </row>
    <row r="19068" spans="4:5" x14ac:dyDescent="0.25">
      <c r="D19068" s="6">
        <v>1141.712</v>
      </c>
      <c r="E19068" s="6">
        <v>1831.0250000000001</v>
      </c>
    </row>
    <row r="19069" spans="4:5" x14ac:dyDescent="0.25">
      <c r="D19069" s="6">
        <v>3380.6039999999998</v>
      </c>
      <c r="E19069" s="6">
        <v>958.58360000000005</v>
      </c>
    </row>
    <row r="19070" spans="4:5" x14ac:dyDescent="0.25">
      <c r="D19070" s="6">
        <v>406.87259999999998</v>
      </c>
      <c r="E19070" s="6">
        <v>585.57799999999997</v>
      </c>
    </row>
    <row r="19071" spans="4:5" x14ac:dyDescent="0.25">
      <c r="D19071" s="6">
        <v>620.8741</v>
      </c>
      <c r="E19071" s="6">
        <v>787.245</v>
      </c>
    </row>
    <row r="19072" spans="4:5" x14ac:dyDescent="0.25">
      <c r="D19072" s="6">
        <v>5396.3050000000003</v>
      </c>
      <c r="E19072" s="6">
        <v>1577.444</v>
      </c>
    </row>
    <row r="19073" spans="4:5" x14ac:dyDescent="0.25">
      <c r="D19073" s="6">
        <v>360.50990000000002</v>
      </c>
      <c r="E19073" s="6">
        <v>1016.235</v>
      </c>
    </row>
    <row r="19074" spans="4:5" x14ac:dyDescent="0.25">
      <c r="D19074" s="6">
        <v>841.68849999999998</v>
      </c>
      <c r="E19074" s="6">
        <v>4922.2529999999997</v>
      </c>
    </row>
    <row r="19075" spans="4:5" x14ac:dyDescent="0.25">
      <c r="D19075" s="6">
        <v>939.27099999999996</v>
      </c>
      <c r="E19075" s="6">
        <v>12512.33</v>
      </c>
    </row>
    <row r="19076" spans="4:5" x14ac:dyDescent="0.25">
      <c r="D19076" s="6">
        <v>1064.231</v>
      </c>
      <c r="E19076" s="6">
        <v>1646.239</v>
      </c>
    </row>
    <row r="19077" spans="4:5" x14ac:dyDescent="0.25">
      <c r="D19077" s="6">
        <v>380.11259999999999</v>
      </c>
      <c r="E19077" s="6">
        <v>834.4674</v>
      </c>
    </row>
    <row r="19078" spans="4:5" x14ac:dyDescent="0.25">
      <c r="D19078" s="6">
        <v>1074.0309999999999</v>
      </c>
      <c r="E19078" s="6">
        <v>648.77760000000001</v>
      </c>
    </row>
    <row r="19079" spans="4:5" x14ac:dyDescent="0.25">
      <c r="D19079" s="6">
        <v>991.85749999999996</v>
      </c>
      <c r="E19079" s="6">
        <v>739.404</v>
      </c>
    </row>
    <row r="19080" spans="4:5" x14ac:dyDescent="0.25">
      <c r="D19080" s="6">
        <v>7142.1210000000001</v>
      </c>
      <c r="E19080" s="6">
        <v>7914.4009999999998</v>
      </c>
    </row>
    <row r="19081" spans="4:5" x14ac:dyDescent="0.25">
      <c r="D19081" s="6">
        <v>944.23030000000006</v>
      </c>
      <c r="E19081" s="6">
        <v>5154.893</v>
      </c>
    </row>
    <row r="19082" spans="4:5" x14ac:dyDescent="0.25">
      <c r="D19082" s="6">
        <v>1059.192</v>
      </c>
      <c r="E19082" s="6">
        <v>893.74</v>
      </c>
    </row>
    <row r="19083" spans="4:5" x14ac:dyDescent="0.25">
      <c r="D19083" s="6">
        <v>959.32460000000003</v>
      </c>
      <c r="E19083" s="6">
        <v>1084.79</v>
      </c>
    </row>
    <row r="19084" spans="4:5" x14ac:dyDescent="0.25">
      <c r="D19084" s="6">
        <v>719.44860000000006</v>
      </c>
      <c r="E19084" s="6">
        <v>877.96450000000004</v>
      </c>
    </row>
    <row r="19085" spans="4:5" x14ac:dyDescent="0.25">
      <c r="D19085" s="6">
        <v>463.6585</v>
      </c>
      <c r="E19085" s="6">
        <v>2522.625</v>
      </c>
    </row>
    <row r="19086" spans="4:5" x14ac:dyDescent="0.25">
      <c r="D19086" s="6">
        <v>827.32470000000001</v>
      </c>
      <c r="E19086" s="6">
        <v>2396.4659999999999</v>
      </c>
    </row>
    <row r="19087" spans="4:5" x14ac:dyDescent="0.25">
      <c r="D19087" s="6">
        <v>3550.3620000000001</v>
      </c>
      <c r="E19087" s="6">
        <v>1645.365</v>
      </c>
    </row>
    <row r="19088" spans="4:5" x14ac:dyDescent="0.25">
      <c r="D19088" s="6">
        <v>982.46799999999996</v>
      </c>
      <c r="E19088" s="6">
        <v>911.43640000000005</v>
      </c>
    </row>
    <row r="19089" spans="4:5" x14ac:dyDescent="0.25">
      <c r="D19089" s="6">
        <v>419.10070000000002</v>
      </c>
      <c r="E19089" s="6">
        <v>4054.75</v>
      </c>
    </row>
    <row r="19090" spans="4:5" x14ac:dyDescent="0.25">
      <c r="D19090" s="6">
        <v>3647.7429999999999</v>
      </c>
      <c r="E19090" s="6">
        <v>5253.7529999999997</v>
      </c>
    </row>
    <row r="19091" spans="4:5" x14ac:dyDescent="0.25">
      <c r="D19091" s="6">
        <v>1269.701</v>
      </c>
      <c r="E19091" s="6">
        <v>1558.769</v>
      </c>
    </row>
    <row r="19092" spans="4:5" x14ac:dyDescent="0.25">
      <c r="D19092" s="6">
        <v>1088</v>
      </c>
      <c r="E19092" s="6">
        <v>2360.6</v>
      </c>
    </row>
    <row r="19093" spans="4:5" x14ac:dyDescent="0.25">
      <c r="D19093" s="6">
        <v>1058.623</v>
      </c>
      <c r="E19093" s="6">
        <v>1051.1289999999999</v>
      </c>
    </row>
    <row r="19094" spans="4:5" x14ac:dyDescent="0.25">
      <c r="D19094" s="6">
        <v>364.05560000000003</v>
      </c>
      <c r="E19094" s="6">
        <v>3139.5210000000002</v>
      </c>
    </row>
    <row r="19095" spans="4:5" x14ac:dyDescent="0.25">
      <c r="D19095" s="6">
        <v>441.85840000000002</v>
      </c>
      <c r="E19095" s="6">
        <v>827</v>
      </c>
    </row>
    <row r="19096" spans="4:5" x14ac:dyDescent="0.25">
      <c r="D19096" s="6">
        <v>3537.5140000000001</v>
      </c>
      <c r="E19096" s="6">
        <v>766.19759999999997</v>
      </c>
    </row>
    <row r="19097" spans="4:5" x14ac:dyDescent="0.25">
      <c r="D19097" s="6">
        <v>1492.981</v>
      </c>
      <c r="E19097" s="6">
        <v>874.52760000000001</v>
      </c>
    </row>
    <row r="19098" spans="4:5" x14ac:dyDescent="0.25">
      <c r="D19098" s="6">
        <v>722.59460000000001</v>
      </c>
      <c r="E19098" s="6">
        <v>2738.8870000000002</v>
      </c>
    </row>
    <row r="19099" spans="4:5" x14ac:dyDescent="0.25">
      <c r="D19099" s="6">
        <v>682.99480000000005</v>
      </c>
      <c r="E19099" s="6">
        <v>8102.5</v>
      </c>
    </row>
    <row r="19100" spans="4:5" x14ac:dyDescent="0.25">
      <c r="D19100" s="6">
        <v>2892.8490000000002</v>
      </c>
      <c r="E19100" s="6">
        <v>840.21860000000004</v>
      </c>
    </row>
    <row r="19101" spans="4:5" x14ac:dyDescent="0.25">
      <c r="D19101" s="6">
        <v>679.04840000000002</v>
      </c>
      <c r="E19101" s="6">
        <v>3071.3159999999998</v>
      </c>
    </row>
    <row r="19102" spans="4:5" x14ac:dyDescent="0.25">
      <c r="D19102" s="6">
        <v>777.88319999999999</v>
      </c>
      <c r="E19102" s="6">
        <v>490.86489999999998</v>
      </c>
    </row>
    <row r="19103" spans="4:5" x14ac:dyDescent="0.25">
      <c r="D19103" s="6">
        <v>185.76089999999999</v>
      </c>
      <c r="E19103" s="6">
        <v>686.86360000000002</v>
      </c>
    </row>
    <row r="19104" spans="4:5" x14ac:dyDescent="0.25">
      <c r="D19104" s="6">
        <v>540.57960000000003</v>
      </c>
      <c r="E19104" s="6">
        <v>563.09</v>
      </c>
    </row>
    <row r="19105" spans="4:5" x14ac:dyDescent="0.25">
      <c r="D19105" s="6">
        <v>375.51010000000002</v>
      </c>
      <c r="E19105" s="6">
        <v>2166.52</v>
      </c>
    </row>
    <row r="19106" spans="4:5" x14ac:dyDescent="0.25">
      <c r="D19106" s="6">
        <v>1067.579</v>
      </c>
      <c r="E19106" s="6">
        <v>370</v>
      </c>
    </row>
    <row r="19107" spans="4:5" x14ac:dyDescent="0.25">
      <c r="D19107" s="6">
        <v>1352.84</v>
      </c>
      <c r="E19107" s="6">
        <v>4063.0540000000001</v>
      </c>
    </row>
    <row r="19108" spans="4:5" x14ac:dyDescent="0.25">
      <c r="D19108" s="6">
        <v>1052.8030000000001</v>
      </c>
      <c r="E19108" s="6">
        <v>2174.1410000000001</v>
      </c>
    </row>
    <row r="19109" spans="4:5" x14ac:dyDescent="0.25">
      <c r="D19109" s="6">
        <v>483.61860000000001</v>
      </c>
      <c r="E19109" s="6">
        <v>756.09939999999995</v>
      </c>
    </row>
    <row r="19110" spans="4:5" x14ac:dyDescent="0.25">
      <c r="D19110" s="6">
        <v>854.01369999999997</v>
      </c>
      <c r="E19110" s="6">
        <v>1824.16</v>
      </c>
    </row>
    <row r="19111" spans="4:5" x14ac:dyDescent="0.25">
      <c r="D19111" s="6">
        <v>1296.9169999999999</v>
      </c>
      <c r="E19111" s="6">
        <v>2931.2860000000001</v>
      </c>
    </row>
    <row r="19112" spans="4:5" x14ac:dyDescent="0.25">
      <c r="D19112" s="6">
        <v>1052.1379999999999</v>
      </c>
      <c r="E19112" s="6">
        <v>1803.903</v>
      </c>
    </row>
    <row r="19113" spans="4:5" x14ac:dyDescent="0.25">
      <c r="D19113" s="6">
        <v>969.04020000000003</v>
      </c>
      <c r="E19113" s="6">
        <v>2704.0450000000001</v>
      </c>
    </row>
    <row r="19114" spans="4:5" x14ac:dyDescent="0.25">
      <c r="D19114" s="6">
        <v>894.28549999999996</v>
      </c>
      <c r="E19114" s="6">
        <v>894.0874</v>
      </c>
    </row>
    <row r="19115" spans="4:5" x14ac:dyDescent="0.25">
      <c r="D19115" s="6">
        <v>1173.136</v>
      </c>
      <c r="E19115" s="6">
        <v>1628.7360000000001</v>
      </c>
    </row>
    <row r="19116" spans="4:5" x14ac:dyDescent="0.25">
      <c r="D19116" s="6">
        <v>899.45460000000003</v>
      </c>
      <c r="E19116" s="6">
        <v>1040.9929999999999</v>
      </c>
    </row>
    <row r="19117" spans="4:5" x14ac:dyDescent="0.25">
      <c r="D19117" s="6">
        <v>932.1703</v>
      </c>
      <c r="E19117" s="6">
        <v>190.90989999999999</v>
      </c>
    </row>
    <row r="19118" spans="4:5" x14ac:dyDescent="0.25">
      <c r="D19118" s="6">
        <v>926.45180000000005</v>
      </c>
      <c r="E19118" s="6">
        <v>1182.327</v>
      </c>
    </row>
    <row r="19119" spans="4:5" x14ac:dyDescent="0.25">
      <c r="D19119" s="6">
        <v>2686.2240000000002</v>
      </c>
      <c r="E19119" s="6">
        <v>860.97950000000003</v>
      </c>
    </row>
    <row r="19120" spans="4:5" x14ac:dyDescent="0.25">
      <c r="D19120" s="6">
        <v>765.01390000000004</v>
      </c>
      <c r="E19120" s="6">
        <v>936.95609999999999</v>
      </c>
    </row>
    <row r="19121" spans="4:5" x14ac:dyDescent="0.25">
      <c r="D19121" s="6">
        <v>783.73310000000004</v>
      </c>
      <c r="E19121" s="6">
        <v>3756.973</v>
      </c>
    </row>
    <row r="19122" spans="4:5" x14ac:dyDescent="0.25">
      <c r="D19122" s="6">
        <v>998.68579999999997</v>
      </c>
      <c r="E19122" s="6">
        <v>4375.2219999999998</v>
      </c>
    </row>
    <row r="19123" spans="4:5" x14ac:dyDescent="0.25">
      <c r="D19123" s="6">
        <v>642.64290000000005</v>
      </c>
      <c r="E19123" s="6">
        <v>833.23910000000001</v>
      </c>
    </row>
    <row r="19124" spans="4:5" x14ac:dyDescent="0.25">
      <c r="D19124" s="6">
        <v>3626.5160000000001</v>
      </c>
      <c r="E19124" s="6">
        <v>2485.9459999999999</v>
      </c>
    </row>
    <row r="19125" spans="4:5" x14ac:dyDescent="0.25">
      <c r="D19125" s="6">
        <v>1260.74</v>
      </c>
      <c r="E19125" s="6">
        <v>2727.08</v>
      </c>
    </row>
    <row r="19126" spans="4:5" x14ac:dyDescent="0.25">
      <c r="D19126" s="6">
        <v>927.52170000000001</v>
      </c>
      <c r="E19126" s="6">
        <v>4689.3549999999996</v>
      </c>
    </row>
    <row r="19127" spans="4:5" x14ac:dyDescent="0.25">
      <c r="D19127" s="6">
        <v>302</v>
      </c>
      <c r="E19127" s="6">
        <v>1983.528</v>
      </c>
    </row>
    <row r="19128" spans="4:5" x14ac:dyDescent="0.25">
      <c r="D19128" s="6">
        <v>693.38459999999998</v>
      </c>
      <c r="E19128" s="6">
        <v>2733.11</v>
      </c>
    </row>
    <row r="19129" spans="4:5" x14ac:dyDescent="0.25">
      <c r="D19129" s="6">
        <v>905.89419999999996</v>
      </c>
      <c r="E19129" s="6">
        <v>1035.644</v>
      </c>
    </row>
    <row r="19130" spans="4:5" x14ac:dyDescent="0.25">
      <c r="D19130" s="6">
        <v>802.84969999999998</v>
      </c>
      <c r="E19130" s="6">
        <v>1886.8489999999999</v>
      </c>
    </row>
    <row r="19131" spans="4:5" x14ac:dyDescent="0.25">
      <c r="D19131" s="6">
        <v>736.42660000000001</v>
      </c>
      <c r="E19131" s="6">
        <v>7214.3339999999998</v>
      </c>
    </row>
    <row r="19132" spans="4:5" x14ac:dyDescent="0.25">
      <c r="D19132" s="6">
        <v>3676.8510000000001</v>
      </c>
      <c r="E19132" s="6">
        <v>1865.04</v>
      </c>
    </row>
    <row r="19133" spans="4:5" x14ac:dyDescent="0.25">
      <c r="D19133" s="6">
        <v>876.70129999999995</v>
      </c>
      <c r="E19133" s="6">
        <v>894.76179999999999</v>
      </c>
    </row>
    <row r="19134" spans="4:5" x14ac:dyDescent="0.25">
      <c r="D19134" s="6">
        <v>397.4538</v>
      </c>
      <c r="E19134" s="6">
        <v>3138.7979999999998</v>
      </c>
    </row>
    <row r="19135" spans="4:5" x14ac:dyDescent="0.25">
      <c r="D19135" s="6">
        <v>984.25350000000003</v>
      </c>
      <c r="E19135" s="6">
        <v>1936.24</v>
      </c>
    </row>
    <row r="19136" spans="4:5" x14ac:dyDescent="0.25">
      <c r="D19136" s="6">
        <v>972.97680000000003</v>
      </c>
      <c r="E19136" s="6">
        <v>2505.1779999999999</v>
      </c>
    </row>
    <row r="19137" spans="4:5" x14ac:dyDescent="0.25">
      <c r="D19137" s="6">
        <v>1016.063</v>
      </c>
      <c r="E19137" s="6">
        <v>6629.8760000000002</v>
      </c>
    </row>
    <row r="19138" spans="4:5" x14ac:dyDescent="0.25">
      <c r="D19138" s="6">
        <v>4086.8589999999999</v>
      </c>
      <c r="E19138" s="6">
        <v>3579.6930000000002</v>
      </c>
    </row>
    <row r="19139" spans="4:5" x14ac:dyDescent="0.25">
      <c r="D19139" s="6">
        <v>781.06230000000005</v>
      </c>
      <c r="E19139" s="6">
        <v>1193.5319999999999</v>
      </c>
    </row>
    <row r="19140" spans="4:5" x14ac:dyDescent="0.25">
      <c r="D19140" s="6">
        <v>658.13480000000004</v>
      </c>
      <c r="E19140" s="6">
        <v>2458.7550000000001</v>
      </c>
    </row>
    <row r="19141" spans="4:5" x14ac:dyDescent="0.25">
      <c r="D19141" s="6">
        <v>837.96209999999996</v>
      </c>
      <c r="E19141" s="6">
        <v>893.34770000000003</v>
      </c>
    </row>
    <row r="19142" spans="4:5" x14ac:dyDescent="0.25">
      <c r="D19142" s="6">
        <v>1003.3440000000001</v>
      </c>
      <c r="E19142" s="6">
        <v>1901.5229999999999</v>
      </c>
    </row>
    <row r="19143" spans="4:5" x14ac:dyDescent="0.25">
      <c r="D19143" s="6">
        <v>647.77980000000002</v>
      </c>
      <c r="E19143" s="6">
        <v>918.31240000000003</v>
      </c>
    </row>
    <row r="19144" spans="4:5" x14ac:dyDescent="0.25">
      <c r="D19144" s="6">
        <v>1349.662</v>
      </c>
      <c r="E19144" s="6">
        <v>1247.8330000000001</v>
      </c>
    </row>
    <row r="19145" spans="4:5" x14ac:dyDescent="0.25">
      <c r="D19145" s="6">
        <v>975.23170000000005</v>
      </c>
      <c r="E19145" s="6">
        <v>1279.605</v>
      </c>
    </row>
    <row r="19146" spans="4:5" x14ac:dyDescent="0.25">
      <c r="D19146" s="6">
        <v>557.54269999999997</v>
      </c>
      <c r="E19146" s="6">
        <v>473.77780000000001</v>
      </c>
    </row>
    <row r="19147" spans="4:5" x14ac:dyDescent="0.25">
      <c r="D19147" s="6">
        <v>1049.6279999999999</v>
      </c>
      <c r="E19147" s="6">
        <v>509</v>
      </c>
    </row>
    <row r="19148" spans="4:5" x14ac:dyDescent="0.25">
      <c r="D19148" s="6">
        <v>1035.617</v>
      </c>
      <c r="E19148" s="6">
        <v>1981.835</v>
      </c>
    </row>
    <row r="19149" spans="4:5" x14ac:dyDescent="0.25">
      <c r="D19149" s="6">
        <v>2666.248</v>
      </c>
      <c r="E19149" s="6">
        <v>906.63739999999996</v>
      </c>
    </row>
    <row r="19150" spans="4:5" x14ac:dyDescent="0.25">
      <c r="D19150" s="6">
        <v>614.08950000000004</v>
      </c>
      <c r="E19150" s="6">
        <v>1158.2739999999999</v>
      </c>
    </row>
    <row r="19151" spans="4:5" x14ac:dyDescent="0.25">
      <c r="D19151" s="6">
        <v>774.6028</v>
      </c>
      <c r="E19151" s="6">
        <v>8256.3690000000006</v>
      </c>
    </row>
    <row r="19152" spans="4:5" x14ac:dyDescent="0.25">
      <c r="D19152" s="6">
        <v>1354.1690000000001</v>
      </c>
      <c r="E19152" s="6">
        <v>1327.374</v>
      </c>
    </row>
    <row r="19153" spans="4:5" x14ac:dyDescent="0.25">
      <c r="D19153" s="6">
        <v>1867.5519999999999</v>
      </c>
      <c r="E19153" s="6">
        <v>1961.8430000000001</v>
      </c>
    </row>
    <row r="19154" spans="4:5" x14ac:dyDescent="0.25">
      <c r="D19154" s="6">
        <v>4157.2</v>
      </c>
      <c r="E19154" s="6">
        <v>1746.1980000000001</v>
      </c>
    </row>
    <row r="19155" spans="4:5" x14ac:dyDescent="0.25">
      <c r="D19155" s="6">
        <v>643.70820000000003</v>
      </c>
      <c r="E19155" s="6">
        <v>1445.8789999999999</v>
      </c>
    </row>
    <row r="19156" spans="4:5" x14ac:dyDescent="0.25">
      <c r="D19156" s="6">
        <v>420.34969999999998</v>
      </c>
      <c r="E19156" s="6">
        <v>631.42740000000003</v>
      </c>
    </row>
    <row r="19157" spans="4:5" x14ac:dyDescent="0.25">
      <c r="D19157" s="6">
        <v>297.10000000000002</v>
      </c>
      <c r="E19157" s="6">
        <v>1639.143</v>
      </c>
    </row>
    <row r="19158" spans="4:5" x14ac:dyDescent="0.25">
      <c r="D19158" s="6">
        <v>5882.3069999999998</v>
      </c>
      <c r="E19158" s="6">
        <v>1259.8320000000001</v>
      </c>
    </row>
    <row r="19159" spans="4:5" x14ac:dyDescent="0.25">
      <c r="D19159" s="6">
        <v>718.40920000000006</v>
      </c>
      <c r="E19159" s="6">
        <v>991.92870000000005</v>
      </c>
    </row>
    <row r="19160" spans="4:5" x14ac:dyDescent="0.25">
      <c r="D19160" s="6">
        <v>374.69349999999997</v>
      </c>
      <c r="E19160" s="6">
        <v>995.7029</v>
      </c>
    </row>
    <row r="19161" spans="4:5" x14ac:dyDescent="0.25">
      <c r="D19161" s="6">
        <v>1078.0509999999999</v>
      </c>
      <c r="E19161" s="6">
        <v>5180</v>
      </c>
    </row>
    <row r="19162" spans="4:5" x14ac:dyDescent="0.25">
      <c r="D19162" s="6">
        <v>673.40239999999994</v>
      </c>
      <c r="E19162" s="6">
        <v>586.59649999999999</v>
      </c>
    </row>
    <row r="19163" spans="4:5" x14ac:dyDescent="0.25">
      <c r="D19163" s="6">
        <v>601.6</v>
      </c>
      <c r="E19163" s="6">
        <v>690.61300000000006</v>
      </c>
    </row>
    <row r="19164" spans="4:5" x14ac:dyDescent="0.25">
      <c r="D19164" s="6">
        <v>599.28570000000002</v>
      </c>
      <c r="E19164" s="6">
        <v>4486.5169999999998</v>
      </c>
    </row>
    <row r="19165" spans="4:5" x14ac:dyDescent="0.25">
      <c r="D19165" s="6">
        <v>1591.739</v>
      </c>
      <c r="E19165" s="6">
        <v>7979.5</v>
      </c>
    </row>
    <row r="19166" spans="4:5" x14ac:dyDescent="0.25">
      <c r="D19166" s="6">
        <v>1487.2449999999999</v>
      </c>
      <c r="E19166" s="6">
        <v>1240.4949999999999</v>
      </c>
    </row>
    <row r="19167" spans="4:5" x14ac:dyDescent="0.25">
      <c r="D19167" s="6">
        <v>954.30880000000002</v>
      </c>
      <c r="E19167" s="6">
        <v>1072.222</v>
      </c>
    </row>
    <row r="19168" spans="4:5" x14ac:dyDescent="0.25">
      <c r="D19168" s="6">
        <v>1055.93</v>
      </c>
      <c r="E19168" s="6">
        <v>552.23530000000005</v>
      </c>
    </row>
    <row r="19169" spans="4:5" x14ac:dyDescent="0.25">
      <c r="D19169" s="6">
        <v>3861.2910000000002</v>
      </c>
      <c r="E19169" s="6">
        <v>1044.3879999999999</v>
      </c>
    </row>
    <row r="19170" spans="4:5" x14ac:dyDescent="0.25">
      <c r="D19170" s="6">
        <v>3676.9450000000002</v>
      </c>
      <c r="E19170" s="6">
        <v>1899.473</v>
      </c>
    </row>
    <row r="19171" spans="4:5" x14ac:dyDescent="0.25">
      <c r="D19171" s="6">
        <v>2522.864</v>
      </c>
      <c r="E19171" s="6">
        <v>1132.125</v>
      </c>
    </row>
    <row r="19172" spans="4:5" x14ac:dyDescent="0.25">
      <c r="D19172" s="6">
        <v>426.19619999999998</v>
      </c>
      <c r="E19172" s="6">
        <v>1525.799</v>
      </c>
    </row>
    <row r="19173" spans="4:5" x14ac:dyDescent="0.25">
      <c r="D19173" s="6">
        <v>1256.5340000000001</v>
      </c>
      <c r="E19173" s="6">
        <v>1315.0989999999999</v>
      </c>
    </row>
    <row r="19174" spans="4:5" x14ac:dyDescent="0.25">
      <c r="D19174" s="6">
        <v>880.94259999999997</v>
      </c>
      <c r="E19174" s="6">
        <v>712.8125</v>
      </c>
    </row>
    <row r="19175" spans="4:5" x14ac:dyDescent="0.25">
      <c r="D19175" s="6">
        <v>988.86829999999998</v>
      </c>
      <c r="E19175" s="6">
        <v>6859.192</v>
      </c>
    </row>
    <row r="19176" spans="4:5" x14ac:dyDescent="0.25">
      <c r="D19176" s="6">
        <v>931.70929999999998</v>
      </c>
      <c r="E19176" s="6">
        <v>1444.6110000000001</v>
      </c>
    </row>
    <row r="19177" spans="4:5" x14ac:dyDescent="0.25">
      <c r="D19177" s="6">
        <v>1185.394</v>
      </c>
      <c r="E19177" s="6">
        <v>1328.8789999999999</v>
      </c>
    </row>
    <row r="19178" spans="4:5" x14ac:dyDescent="0.25">
      <c r="D19178" s="6">
        <v>1162.854</v>
      </c>
      <c r="E19178" s="6">
        <v>2349.953</v>
      </c>
    </row>
    <row r="19179" spans="4:5" x14ac:dyDescent="0.25">
      <c r="D19179" s="6">
        <v>185.5427</v>
      </c>
      <c r="E19179" s="6">
        <v>549.6223</v>
      </c>
    </row>
    <row r="19180" spans="4:5" x14ac:dyDescent="0.25">
      <c r="D19180" s="6">
        <v>913.83770000000004</v>
      </c>
      <c r="E19180" s="6">
        <v>782.01559999999995</v>
      </c>
    </row>
    <row r="19181" spans="4:5" x14ac:dyDescent="0.25">
      <c r="D19181" s="6">
        <v>619.71429999999998</v>
      </c>
      <c r="E19181" s="6">
        <v>692.31359999999995</v>
      </c>
    </row>
    <row r="19182" spans="4:5" x14ac:dyDescent="0.25">
      <c r="D19182" s="6">
        <v>1051.2260000000001</v>
      </c>
      <c r="E19182" s="6">
        <v>1906.2370000000001</v>
      </c>
    </row>
    <row r="19183" spans="4:5" x14ac:dyDescent="0.25">
      <c r="D19183" s="6">
        <v>605.5</v>
      </c>
      <c r="E19183" s="6">
        <v>1553.18</v>
      </c>
    </row>
    <row r="19184" spans="4:5" x14ac:dyDescent="0.25">
      <c r="D19184" s="6">
        <v>972.41600000000005</v>
      </c>
      <c r="E19184" s="6">
        <v>3787.6320000000001</v>
      </c>
    </row>
    <row r="19185" spans="4:5" x14ac:dyDescent="0.25">
      <c r="D19185" s="6">
        <v>191.13380000000001</v>
      </c>
      <c r="E19185" s="6">
        <v>2366.5039999999999</v>
      </c>
    </row>
    <row r="19186" spans="4:5" x14ac:dyDescent="0.25">
      <c r="D19186" s="6">
        <v>1025.5930000000001</v>
      </c>
      <c r="E19186" s="6">
        <v>1348.527</v>
      </c>
    </row>
    <row r="19187" spans="4:5" x14ac:dyDescent="0.25">
      <c r="D19187" s="6">
        <v>431.52140000000003</v>
      </c>
      <c r="E19187" s="6">
        <v>1895.683</v>
      </c>
    </row>
    <row r="19188" spans="4:5" x14ac:dyDescent="0.25">
      <c r="D19188" s="6">
        <v>693.45979999999997</v>
      </c>
      <c r="E19188" s="6">
        <v>2177.9949999999999</v>
      </c>
    </row>
    <row r="19189" spans="4:5" x14ac:dyDescent="0.25">
      <c r="D19189" s="6">
        <v>1686.1969999999999</v>
      </c>
      <c r="E19189" s="6">
        <v>2838.7579999999998</v>
      </c>
    </row>
    <row r="19190" spans="4:5" x14ac:dyDescent="0.25">
      <c r="D19190" s="6">
        <v>2275.3609999999999</v>
      </c>
      <c r="E19190" s="6">
        <v>1011.0940000000001</v>
      </c>
    </row>
    <row r="19191" spans="4:5" x14ac:dyDescent="0.25">
      <c r="D19191" s="6">
        <v>190.0292</v>
      </c>
      <c r="E19191" s="6">
        <v>1090.6679999999999</v>
      </c>
    </row>
    <row r="19192" spans="4:5" x14ac:dyDescent="0.25">
      <c r="D19192" s="6">
        <v>911.49249999999995</v>
      </c>
      <c r="E19192" s="6">
        <v>1002.37</v>
      </c>
    </row>
    <row r="19193" spans="4:5" x14ac:dyDescent="0.25">
      <c r="D19193" s="6">
        <v>667.05380000000002</v>
      </c>
      <c r="E19193" s="6">
        <v>611.25199999999995</v>
      </c>
    </row>
    <row r="19194" spans="4:5" x14ac:dyDescent="0.25">
      <c r="D19194" s="6">
        <v>1043.73</v>
      </c>
      <c r="E19194" s="6">
        <v>667.7319</v>
      </c>
    </row>
    <row r="19195" spans="4:5" x14ac:dyDescent="0.25">
      <c r="D19195" s="6">
        <v>1863.742</v>
      </c>
      <c r="E19195" s="6">
        <v>2791.0619999999999</v>
      </c>
    </row>
    <row r="19196" spans="4:5" x14ac:dyDescent="0.25">
      <c r="D19196" s="6">
        <v>2571.3240000000001</v>
      </c>
      <c r="E19196" s="6">
        <v>1722.9680000000001</v>
      </c>
    </row>
    <row r="19197" spans="4:5" x14ac:dyDescent="0.25">
      <c r="D19197" s="6">
        <v>1785.7180000000001</v>
      </c>
      <c r="E19197" s="6">
        <v>8071.0590000000002</v>
      </c>
    </row>
    <row r="19198" spans="4:5" x14ac:dyDescent="0.25">
      <c r="D19198" s="6">
        <v>3667.1660000000002</v>
      </c>
      <c r="E19198" s="6">
        <v>3079.241</v>
      </c>
    </row>
    <row r="19199" spans="4:5" x14ac:dyDescent="0.25">
      <c r="D19199" s="6">
        <v>494.87880000000001</v>
      </c>
      <c r="E19199" s="6">
        <v>2586.4699999999998</v>
      </c>
    </row>
    <row r="19200" spans="4:5" x14ac:dyDescent="0.25">
      <c r="D19200" s="6">
        <v>409.99810000000002</v>
      </c>
      <c r="E19200" s="6">
        <v>4795</v>
      </c>
    </row>
    <row r="19201" spans="4:5" x14ac:dyDescent="0.25">
      <c r="D19201" s="6">
        <v>351.58300000000003</v>
      </c>
      <c r="E19201" s="6">
        <v>616.85760000000005</v>
      </c>
    </row>
    <row r="19202" spans="4:5" x14ac:dyDescent="0.25">
      <c r="D19202" s="6">
        <v>462.3537</v>
      </c>
      <c r="E19202" s="6">
        <v>1246.4870000000001</v>
      </c>
    </row>
    <row r="19203" spans="4:5" x14ac:dyDescent="0.25">
      <c r="D19203" s="6">
        <v>5045.3999999999996</v>
      </c>
      <c r="E19203" s="6">
        <v>631.86490000000003</v>
      </c>
    </row>
    <row r="19204" spans="4:5" x14ac:dyDescent="0.25">
      <c r="D19204" s="6">
        <v>1036.9469999999999</v>
      </c>
      <c r="E19204" s="6">
        <v>1909.0840000000001</v>
      </c>
    </row>
    <row r="19205" spans="4:5" x14ac:dyDescent="0.25">
      <c r="D19205" s="6">
        <v>574.66449999999998</v>
      </c>
      <c r="E19205" s="6">
        <v>2127.2139999999999</v>
      </c>
    </row>
    <row r="19206" spans="4:5" x14ac:dyDescent="0.25">
      <c r="D19206" s="6">
        <v>567.45519999999999</v>
      </c>
      <c r="E19206" s="6">
        <v>901.93029999999999</v>
      </c>
    </row>
    <row r="19207" spans="4:5" x14ac:dyDescent="0.25">
      <c r="D19207" s="6">
        <v>908.16219999999998</v>
      </c>
      <c r="E19207" s="6">
        <v>1684.11</v>
      </c>
    </row>
    <row r="19208" spans="4:5" x14ac:dyDescent="0.25">
      <c r="D19208" s="6">
        <v>1047.681</v>
      </c>
      <c r="E19208" s="6">
        <v>884.27189999999996</v>
      </c>
    </row>
    <row r="19209" spans="4:5" x14ac:dyDescent="0.25">
      <c r="D19209" s="6">
        <v>2179.1</v>
      </c>
      <c r="E19209" s="6">
        <v>1341.8620000000001</v>
      </c>
    </row>
    <row r="19210" spans="4:5" x14ac:dyDescent="0.25">
      <c r="D19210" s="6">
        <v>685.10829999999999</v>
      </c>
      <c r="E19210" s="6">
        <v>7131.8729999999996</v>
      </c>
    </row>
    <row r="19211" spans="4:5" x14ac:dyDescent="0.25">
      <c r="D19211" s="6">
        <v>1749.2260000000001</v>
      </c>
      <c r="E19211" s="6">
        <v>416</v>
      </c>
    </row>
    <row r="19212" spans="4:5" x14ac:dyDescent="0.25">
      <c r="D19212" s="6">
        <v>972.15279999999996</v>
      </c>
      <c r="E19212" s="6">
        <v>819.11019999999996</v>
      </c>
    </row>
    <row r="19213" spans="4:5" x14ac:dyDescent="0.25">
      <c r="D19213" s="6">
        <v>176.66419999999999</v>
      </c>
      <c r="E19213" s="6">
        <v>3370.7179999999998</v>
      </c>
    </row>
    <row r="19214" spans="4:5" x14ac:dyDescent="0.25">
      <c r="D19214" s="6">
        <v>1009.492</v>
      </c>
      <c r="E19214" s="6">
        <v>1468.9680000000001</v>
      </c>
    </row>
    <row r="19215" spans="4:5" x14ac:dyDescent="0.25">
      <c r="D19215" s="6">
        <v>4776.9589999999998</v>
      </c>
      <c r="E19215" s="6">
        <v>613.32330000000002</v>
      </c>
    </row>
    <row r="19216" spans="4:5" x14ac:dyDescent="0.25">
      <c r="D19216" s="6">
        <v>2113.4</v>
      </c>
      <c r="E19216" s="6">
        <v>1619.8309999999999</v>
      </c>
    </row>
    <row r="19217" spans="4:5" x14ac:dyDescent="0.25">
      <c r="D19217" s="6">
        <v>1010.329</v>
      </c>
      <c r="E19217" s="6">
        <v>2785.6660000000002</v>
      </c>
    </row>
    <row r="19218" spans="4:5" x14ac:dyDescent="0.25">
      <c r="D19218" s="6">
        <v>402.8</v>
      </c>
      <c r="E19218" s="6">
        <v>934.88350000000003</v>
      </c>
    </row>
    <row r="19219" spans="4:5" x14ac:dyDescent="0.25">
      <c r="D19219" s="6">
        <v>1430.002</v>
      </c>
      <c r="E19219" s="6">
        <v>3631.2240000000002</v>
      </c>
    </row>
    <row r="19220" spans="4:5" x14ac:dyDescent="0.25">
      <c r="D19220" s="6">
        <v>955.36109999999996</v>
      </c>
      <c r="E19220" s="6">
        <v>2138.652</v>
      </c>
    </row>
    <row r="19221" spans="4:5" x14ac:dyDescent="0.25">
      <c r="D19221" s="6">
        <v>3368.277</v>
      </c>
      <c r="E19221" s="6">
        <v>3484.873</v>
      </c>
    </row>
    <row r="19222" spans="4:5" x14ac:dyDescent="0.25">
      <c r="D19222" s="6">
        <v>1411.1669999999999</v>
      </c>
      <c r="E19222" s="6">
        <v>998.22270000000003</v>
      </c>
    </row>
    <row r="19223" spans="4:5" x14ac:dyDescent="0.25">
      <c r="D19223" s="6">
        <v>554.85450000000003</v>
      </c>
      <c r="E19223" s="6">
        <v>6232.0039999999999</v>
      </c>
    </row>
    <row r="19224" spans="4:5" x14ac:dyDescent="0.25">
      <c r="D19224" s="6">
        <v>1457.71</v>
      </c>
      <c r="E19224" s="6">
        <v>5685.3329999999996</v>
      </c>
    </row>
    <row r="19225" spans="4:5" x14ac:dyDescent="0.25">
      <c r="D19225" s="6">
        <v>3026.3240000000001</v>
      </c>
      <c r="E19225" s="6">
        <v>1242.18</v>
      </c>
    </row>
    <row r="19226" spans="4:5" x14ac:dyDescent="0.25">
      <c r="D19226" s="6">
        <v>6412.4719999999998</v>
      </c>
      <c r="E19226" s="6">
        <v>826.77020000000005</v>
      </c>
    </row>
    <row r="19227" spans="4:5" x14ac:dyDescent="0.25">
      <c r="D19227" s="6">
        <v>2256.1849999999999</v>
      </c>
      <c r="E19227" s="6">
        <v>953.55889999999999</v>
      </c>
    </row>
    <row r="19228" spans="4:5" x14ac:dyDescent="0.25">
      <c r="D19228" s="6">
        <v>1398.8879999999999</v>
      </c>
      <c r="E19228" s="6">
        <v>469.31819999999999</v>
      </c>
    </row>
    <row r="19229" spans="4:5" x14ac:dyDescent="0.25">
      <c r="D19229" s="6">
        <v>871.45039999999995</v>
      </c>
      <c r="E19229" s="6">
        <v>2910.2860000000001</v>
      </c>
    </row>
    <row r="19230" spans="4:5" x14ac:dyDescent="0.25">
      <c r="D19230" s="6">
        <v>1065.9780000000001</v>
      </c>
      <c r="E19230" s="6">
        <v>695.39250000000004</v>
      </c>
    </row>
    <row r="19231" spans="4:5" x14ac:dyDescent="0.25">
      <c r="D19231" s="6">
        <v>736.53219999999999</v>
      </c>
      <c r="E19231" s="6">
        <v>1312.163</v>
      </c>
    </row>
    <row r="19232" spans="4:5" x14ac:dyDescent="0.25">
      <c r="D19232" s="6">
        <v>1270.5840000000001</v>
      </c>
      <c r="E19232" s="6">
        <v>892.59059999999999</v>
      </c>
    </row>
    <row r="19233" spans="4:5" x14ac:dyDescent="0.25">
      <c r="D19233" s="6">
        <v>1031.4059999999999</v>
      </c>
      <c r="E19233" s="6">
        <v>1814.7570000000001</v>
      </c>
    </row>
    <row r="19234" spans="4:5" x14ac:dyDescent="0.25">
      <c r="D19234" s="6">
        <v>12632.34</v>
      </c>
      <c r="E19234" s="6">
        <v>683.27650000000006</v>
      </c>
    </row>
    <row r="19235" spans="4:5" x14ac:dyDescent="0.25">
      <c r="D19235" s="6">
        <v>1157.52</v>
      </c>
      <c r="E19235" s="6">
        <v>6286.18</v>
      </c>
    </row>
    <row r="19236" spans="4:5" x14ac:dyDescent="0.25">
      <c r="D19236" s="6">
        <v>893.38049999999998</v>
      </c>
      <c r="E19236" s="6">
        <v>7073.2550000000001</v>
      </c>
    </row>
    <row r="19237" spans="4:5" x14ac:dyDescent="0.25">
      <c r="D19237" s="6">
        <v>1859.4069999999999</v>
      </c>
      <c r="E19237" s="6">
        <v>588.04769999999996</v>
      </c>
    </row>
    <row r="19238" spans="4:5" x14ac:dyDescent="0.25">
      <c r="D19238" s="6">
        <v>1084.954</v>
      </c>
      <c r="E19238" s="6">
        <v>923.36</v>
      </c>
    </row>
    <row r="19239" spans="4:5" x14ac:dyDescent="0.25">
      <c r="D19239" s="6">
        <v>426.97089999999997</v>
      </c>
      <c r="E19239" s="6">
        <v>2970.3530000000001</v>
      </c>
    </row>
    <row r="19240" spans="4:5" x14ac:dyDescent="0.25">
      <c r="D19240" s="6">
        <v>1019.6180000000001</v>
      </c>
      <c r="E19240" s="6">
        <v>1229.444</v>
      </c>
    </row>
    <row r="19241" spans="4:5" x14ac:dyDescent="0.25">
      <c r="D19241" s="6">
        <v>619.04600000000005</v>
      </c>
      <c r="E19241" s="6">
        <v>13049.53</v>
      </c>
    </row>
    <row r="19242" spans="4:5" x14ac:dyDescent="0.25">
      <c r="D19242" s="6">
        <v>993.93820000000005</v>
      </c>
      <c r="E19242" s="6">
        <v>2539.2979999999998</v>
      </c>
    </row>
    <row r="19243" spans="4:5" x14ac:dyDescent="0.25">
      <c r="D19243" s="6">
        <v>2651.4630000000002</v>
      </c>
      <c r="E19243" s="6">
        <v>1968.211</v>
      </c>
    </row>
    <row r="19244" spans="4:5" x14ac:dyDescent="0.25">
      <c r="D19244" s="6">
        <v>314.0147</v>
      </c>
      <c r="E19244" s="6">
        <v>2956.08</v>
      </c>
    </row>
    <row r="19245" spans="4:5" x14ac:dyDescent="0.25">
      <c r="D19245" s="6">
        <v>917.83590000000004</v>
      </c>
      <c r="E19245" s="6">
        <v>748.06410000000005</v>
      </c>
    </row>
    <row r="19246" spans="4:5" x14ac:dyDescent="0.25">
      <c r="D19246" s="6">
        <v>1739.778</v>
      </c>
      <c r="E19246" s="6">
        <v>1195.7460000000001</v>
      </c>
    </row>
    <row r="19247" spans="4:5" x14ac:dyDescent="0.25">
      <c r="D19247" s="6">
        <v>1466.9349999999999</v>
      </c>
      <c r="E19247" s="6">
        <v>3109.9</v>
      </c>
    </row>
    <row r="19248" spans="4:5" x14ac:dyDescent="0.25">
      <c r="D19248" s="6">
        <v>896.41290000000004</v>
      </c>
      <c r="E19248" s="6">
        <v>2027.771</v>
      </c>
    </row>
    <row r="19249" spans="4:5" x14ac:dyDescent="0.25">
      <c r="D19249" s="6">
        <v>850.71619999999996</v>
      </c>
      <c r="E19249" s="6">
        <v>7160.1970000000001</v>
      </c>
    </row>
    <row r="19250" spans="4:5" x14ac:dyDescent="0.25">
      <c r="D19250" s="6">
        <v>960.8134</v>
      </c>
      <c r="E19250" s="6">
        <v>3139.337</v>
      </c>
    </row>
    <row r="19251" spans="4:5" x14ac:dyDescent="0.25">
      <c r="D19251" s="6">
        <v>1049.7819999999999</v>
      </c>
      <c r="E19251" s="6">
        <v>2789.6880000000001</v>
      </c>
    </row>
    <row r="19252" spans="4:5" x14ac:dyDescent="0.25">
      <c r="D19252" s="6">
        <v>600.02670000000001</v>
      </c>
      <c r="E19252" s="6">
        <v>1155.5350000000001</v>
      </c>
    </row>
    <row r="19253" spans="4:5" x14ac:dyDescent="0.25">
      <c r="D19253" s="6">
        <v>931.3732</v>
      </c>
      <c r="E19253" s="6">
        <v>582.53980000000001</v>
      </c>
    </row>
    <row r="19254" spans="4:5" x14ac:dyDescent="0.25">
      <c r="D19254" s="6">
        <v>1695.6179999999999</v>
      </c>
      <c r="E19254" s="6">
        <v>2488.1</v>
      </c>
    </row>
    <row r="19255" spans="4:5" x14ac:dyDescent="0.25">
      <c r="D19255" s="6">
        <v>899.33979999999997</v>
      </c>
      <c r="E19255" s="6">
        <v>1019.7329999999999</v>
      </c>
    </row>
    <row r="19256" spans="4:5" x14ac:dyDescent="0.25">
      <c r="D19256" s="6">
        <v>8884.9380000000001</v>
      </c>
      <c r="E19256" s="6">
        <v>2520.5189999999998</v>
      </c>
    </row>
    <row r="19257" spans="4:5" x14ac:dyDescent="0.25">
      <c r="D19257" s="6">
        <v>842.80420000000004</v>
      </c>
      <c r="E19257" s="6">
        <v>2838.7669999999998</v>
      </c>
    </row>
    <row r="19258" spans="4:5" x14ac:dyDescent="0.25">
      <c r="D19258" s="6">
        <v>1166.1010000000001</v>
      </c>
      <c r="E19258" s="6">
        <v>783.28420000000006</v>
      </c>
    </row>
    <row r="19259" spans="4:5" x14ac:dyDescent="0.25">
      <c r="D19259" s="6">
        <v>434.7038</v>
      </c>
      <c r="E19259" s="6">
        <v>1470.7950000000001</v>
      </c>
    </row>
    <row r="19260" spans="4:5" x14ac:dyDescent="0.25">
      <c r="D19260" s="6">
        <v>2564.6419999999998</v>
      </c>
      <c r="E19260" s="6">
        <v>839.68179999999995</v>
      </c>
    </row>
    <row r="19261" spans="4:5" x14ac:dyDescent="0.25">
      <c r="D19261" s="6">
        <v>513.43430000000001</v>
      </c>
      <c r="E19261" s="6">
        <v>437.23169999999999</v>
      </c>
    </row>
    <row r="19262" spans="4:5" x14ac:dyDescent="0.25">
      <c r="D19262" s="6">
        <v>1089.674</v>
      </c>
      <c r="E19262" s="6">
        <v>598.80539999999996</v>
      </c>
    </row>
    <row r="19263" spans="4:5" x14ac:dyDescent="0.25">
      <c r="D19263" s="6">
        <v>507.24430000000001</v>
      </c>
      <c r="E19263" s="6">
        <v>2434.4059999999999</v>
      </c>
    </row>
    <row r="19264" spans="4:5" x14ac:dyDescent="0.25">
      <c r="D19264" s="6">
        <v>784.28409999999997</v>
      </c>
      <c r="E19264" s="6">
        <v>927.51419999999996</v>
      </c>
    </row>
    <row r="19265" spans="4:5" x14ac:dyDescent="0.25">
      <c r="D19265" s="6">
        <v>918.67269999999996</v>
      </c>
      <c r="E19265" s="6">
        <v>1127.9369999999999</v>
      </c>
    </row>
    <row r="19266" spans="4:5" x14ac:dyDescent="0.25">
      <c r="D19266" s="6">
        <v>1197.7909999999999</v>
      </c>
      <c r="E19266" s="6">
        <v>1124.0060000000001</v>
      </c>
    </row>
    <row r="19267" spans="4:5" x14ac:dyDescent="0.25">
      <c r="D19267" s="6">
        <v>786.94140000000004</v>
      </c>
      <c r="E19267" s="6">
        <v>1089.99</v>
      </c>
    </row>
    <row r="19268" spans="4:5" x14ac:dyDescent="0.25">
      <c r="D19268" s="6">
        <v>738.7645</v>
      </c>
      <c r="E19268" s="6">
        <v>8218.3060000000005</v>
      </c>
    </row>
    <row r="19269" spans="4:5" x14ac:dyDescent="0.25">
      <c r="D19269" s="6">
        <v>891.68730000000005</v>
      </c>
      <c r="E19269" s="6">
        <v>3500</v>
      </c>
    </row>
    <row r="19270" spans="4:5" x14ac:dyDescent="0.25">
      <c r="D19270" s="6">
        <v>4426.22</v>
      </c>
      <c r="E19270" s="6">
        <v>3762.7080000000001</v>
      </c>
    </row>
    <row r="19271" spans="4:5" x14ac:dyDescent="0.25">
      <c r="D19271" s="6">
        <v>747.77509999999995</v>
      </c>
      <c r="E19271" s="6">
        <v>1641.4069999999999</v>
      </c>
    </row>
    <row r="19272" spans="4:5" x14ac:dyDescent="0.25">
      <c r="D19272" s="6">
        <v>8312.2350000000006</v>
      </c>
      <c r="E19272" s="6">
        <v>1027.4169999999999</v>
      </c>
    </row>
    <row r="19273" spans="4:5" x14ac:dyDescent="0.25">
      <c r="D19273" s="6">
        <v>2730.277</v>
      </c>
      <c r="E19273" s="6">
        <v>1930.703</v>
      </c>
    </row>
    <row r="19274" spans="4:5" x14ac:dyDescent="0.25">
      <c r="D19274" s="6">
        <v>1584.8520000000001</v>
      </c>
      <c r="E19274" s="6">
        <v>2416.1239999999998</v>
      </c>
    </row>
    <row r="19275" spans="4:5" x14ac:dyDescent="0.25">
      <c r="D19275" s="6">
        <v>374.4973</v>
      </c>
      <c r="E19275" s="6">
        <v>578.72439999999995</v>
      </c>
    </row>
    <row r="19276" spans="4:5" x14ac:dyDescent="0.25">
      <c r="D19276" s="6">
        <v>3052.835</v>
      </c>
      <c r="E19276" s="6">
        <v>6092.7889999999998</v>
      </c>
    </row>
    <row r="19277" spans="4:5" x14ac:dyDescent="0.25">
      <c r="D19277" s="6">
        <v>423.6275</v>
      </c>
      <c r="E19277" s="6">
        <v>2272.19</v>
      </c>
    </row>
    <row r="19278" spans="4:5" x14ac:dyDescent="0.25">
      <c r="D19278" s="6">
        <v>1559.3879999999999</v>
      </c>
      <c r="E19278" s="6">
        <v>8259.8189999999995</v>
      </c>
    </row>
    <row r="19279" spans="4:5" x14ac:dyDescent="0.25">
      <c r="D19279" s="6">
        <v>1262.2619999999999</v>
      </c>
      <c r="E19279" s="6">
        <v>4222.348</v>
      </c>
    </row>
    <row r="19280" spans="4:5" x14ac:dyDescent="0.25">
      <c r="D19280" s="6">
        <v>632.678</v>
      </c>
      <c r="E19280" s="6">
        <v>193.37180000000001</v>
      </c>
    </row>
    <row r="19281" spans="4:5" x14ac:dyDescent="0.25">
      <c r="D19281" s="6">
        <v>2148.3200000000002</v>
      </c>
      <c r="E19281" s="6">
        <v>7355.9049999999997</v>
      </c>
    </row>
    <row r="19282" spans="4:5" x14ac:dyDescent="0.25">
      <c r="D19282" s="6">
        <v>1016.184</v>
      </c>
      <c r="E19282" s="6">
        <v>1146.0360000000001</v>
      </c>
    </row>
    <row r="19283" spans="4:5" x14ac:dyDescent="0.25">
      <c r="D19283" s="6">
        <v>1273.8989999999999</v>
      </c>
      <c r="E19283" s="6">
        <v>6044</v>
      </c>
    </row>
    <row r="19284" spans="4:5" x14ac:dyDescent="0.25">
      <c r="D19284" s="6">
        <v>316.78050000000002</v>
      </c>
      <c r="E19284" s="6">
        <v>5968.4340000000002</v>
      </c>
    </row>
    <row r="19285" spans="4:5" x14ac:dyDescent="0.25">
      <c r="D19285" s="6">
        <v>1859.116</v>
      </c>
      <c r="E19285" s="6">
        <v>1120.8040000000001</v>
      </c>
    </row>
    <row r="19286" spans="4:5" x14ac:dyDescent="0.25">
      <c r="D19286" s="6">
        <v>744</v>
      </c>
      <c r="E19286" s="6">
        <v>2399.8890000000001</v>
      </c>
    </row>
    <row r="19287" spans="4:5" x14ac:dyDescent="0.25">
      <c r="D19287" s="6">
        <v>5296.07</v>
      </c>
      <c r="E19287" s="6">
        <v>1046.1110000000001</v>
      </c>
    </row>
    <row r="19288" spans="4:5" x14ac:dyDescent="0.25">
      <c r="D19288" s="6">
        <v>1872.0229999999999</v>
      </c>
      <c r="E19288" s="6">
        <v>2740.24</v>
      </c>
    </row>
    <row r="19289" spans="4:5" x14ac:dyDescent="0.25">
      <c r="D19289" s="6">
        <v>868.45159999999998</v>
      </c>
      <c r="E19289" s="6">
        <v>3120.5459999999998</v>
      </c>
    </row>
    <row r="19290" spans="4:5" x14ac:dyDescent="0.25">
      <c r="D19290" s="6">
        <v>1550.3779999999999</v>
      </c>
      <c r="E19290" s="6">
        <v>186.5385</v>
      </c>
    </row>
    <row r="19291" spans="4:5" x14ac:dyDescent="0.25">
      <c r="D19291" s="6">
        <v>6540.6319999999996</v>
      </c>
      <c r="E19291" s="6">
        <v>977.91240000000005</v>
      </c>
    </row>
    <row r="19292" spans="4:5" x14ac:dyDescent="0.25">
      <c r="D19292" s="6">
        <v>799.70230000000004</v>
      </c>
      <c r="E19292" s="6">
        <v>3840.087</v>
      </c>
    </row>
    <row r="19293" spans="4:5" x14ac:dyDescent="0.25">
      <c r="D19293" s="6">
        <v>697.31299999999999</v>
      </c>
      <c r="E19293" s="6">
        <v>3294.2080000000001</v>
      </c>
    </row>
    <row r="19294" spans="4:5" x14ac:dyDescent="0.25">
      <c r="D19294" s="6">
        <v>492.60730000000001</v>
      </c>
      <c r="E19294" s="6">
        <v>448.5</v>
      </c>
    </row>
    <row r="19295" spans="4:5" x14ac:dyDescent="0.25">
      <c r="D19295" s="6">
        <v>777.82380000000001</v>
      </c>
      <c r="E19295" s="6">
        <v>1384.5830000000001</v>
      </c>
    </row>
    <row r="19296" spans="4:5" x14ac:dyDescent="0.25">
      <c r="D19296" s="6">
        <v>1289.6210000000001</v>
      </c>
      <c r="E19296" s="6">
        <v>3741.4070000000002</v>
      </c>
    </row>
    <row r="19297" spans="4:5" x14ac:dyDescent="0.25">
      <c r="D19297" s="6">
        <v>797.54600000000005</v>
      </c>
      <c r="E19297" s="6">
        <v>6103.5</v>
      </c>
    </row>
    <row r="19298" spans="4:5" x14ac:dyDescent="0.25">
      <c r="D19298" s="6">
        <v>2996.6590000000001</v>
      </c>
      <c r="E19298" s="6">
        <v>711.20619999999997</v>
      </c>
    </row>
    <row r="19299" spans="4:5" x14ac:dyDescent="0.25">
      <c r="D19299" s="6">
        <v>722.15459999999996</v>
      </c>
      <c r="E19299" s="6">
        <v>796.01239999999996</v>
      </c>
    </row>
    <row r="19300" spans="4:5" x14ac:dyDescent="0.25">
      <c r="D19300" s="6">
        <v>898.21069999999997</v>
      </c>
      <c r="E19300" s="6">
        <v>717.88469999999995</v>
      </c>
    </row>
    <row r="19301" spans="4:5" x14ac:dyDescent="0.25">
      <c r="D19301" s="6">
        <v>848.32590000000005</v>
      </c>
      <c r="E19301" s="6">
        <v>906.09889999999996</v>
      </c>
    </row>
    <row r="19302" spans="4:5" x14ac:dyDescent="0.25">
      <c r="D19302" s="6">
        <v>1243.8620000000001</v>
      </c>
      <c r="E19302" s="6">
        <v>603.53740000000005</v>
      </c>
    </row>
    <row r="19303" spans="4:5" x14ac:dyDescent="0.25">
      <c r="D19303" s="6">
        <v>1388.96</v>
      </c>
      <c r="E19303" s="6">
        <v>731.84280000000001</v>
      </c>
    </row>
    <row r="19304" spans="4:5" x14ac:dyDescent="0.25">
      <c r="D19304" s="6">
        <v>1961.89</v>
      </c>
      <c r="E19304" s="6">
        <v>539.58759999999995</v>
      </c>
    </row>
    <row r="19305" spans="4:5" x14ac:dyDescent="0.25">
      <c r="D19305" s="6">
        <v>3814.2049999999999</v>
      </c>
      <c r="E19305" s="6">
        <v>677.83100000000002</v>
      </c>
    </row>
    <row r="19306" spans="4:5" x14ac:dyDescent="0.25">
      <c r="D19306" s="6">
        <v>806.02809999999999</v>
      </c>
      <c r="E19306" s="6">
        <v>3533.038</v>
      </c>
    </row>
    <row r="19307" spans="4:5" x14ac:dyDescent="0.25">
      <c r="D19307" s="6">
        <v>2527.4119999999998</v>
      </c>
      <c r="E19307" s="6">
        <v>931</v>
      </c>
    </row>
    <row r="19308" spans="4:5" x14ac:dyDescent="0.25">
      <c r="D19308" s="6">
        <v>1545.2360000000001</v>
      </c>
      <c r="E19308" s="6">
        <v>2695.9780000000001</v>
      </c>
    </row>
    <row r="19309" spans="4:5" x14ac:dyDescent="0.25">
      <c r="D19309" s="6">
        <v>959.20219999999995</v>
      </c>
      <c r="E19309" s="6">
        <v>2270.252</v>
      </c>
    </row>
    <row r="19310" spans="4:5" x14ac:dyDescent="0.25">
      <c r="D19310" s="6">
        <v>1848.0039999999999</v>
      </c>
      <c r="E19310" s="6">
        <v>481.36970000000002</v>
      </c>
    </row>
    <row r="19311" spans="4:5" x14ac:dyDescent="0.25">
      <c r="D19311" s="6">
        <v>895.34619999999995</v>
      </c>
      <c r="E19311" s="6">
        <v>3578.1819999999998</v>
      </c>
    </row>
    <row r="19312" spans="4:5" x14ac:dyDescent="0.25">
      <c r="D19312" s="6">
        <v>2302.39</v>
      </c>
      <c r="E19312" s="6">
        <v>1475.7760000000001</v>
      </c>
    </row>
    <row r="19313" spans="4:5" x14ac:dyDescent="0.25">
      <c r="D19313" s="6">
        <v>7309</v>
      </c>
      <c r="E19313" s="6">
        <v>2467.1660000000002</v>
      </c>
    </row>
    <row r="19314" spans="4:5" x14ac:dyDescent="0.25">
      <c r="D19314" s="6">
        <v>1336.259</v>
      </c>
      <c r="E19314" s="6">
        <v>6065.2380000000003</v>
      </c>
    </row>
    <row r="19315" spans="4:5" x14ac:dyDescent="0.25">
      <c r="D19315" s="6">
        <v>3278.4670000000001</v>
      </c>
      <c r="E19315" s="6">
        <v>1168.73</v>
      </c>
    </row>
    <row r="19316" spans="4:5" x14ac:dyDescent="0.25">
      <c r="D19316" s="6">
        <v>1132.181</v>
      </c>
      <c r="E19316" s="6">
        <v>703.3193</v>
      </c>
    </row>
    <row r="19317" spans="4:5" x14ac:dyDescent="0.25">
      <c r="D19317" s="6">
        <v>783.48090000000002</v>
      </c>
      <c r="E19317" s="6">
        <v>2944.951</v>
      </c>
    </row>
    <row r="19318" spans="4:5" x14ac:dyDescent="0.25">
      <c r="D19318" s="6">
        <v>710.75019999999995</v>
      </c>
      <c r="E19318" s="6">
        <v>3414.4949999999999</v>
      </c>
    </row>
    <row r="19319" spans="4:5" x14ac:dyDescent="0.25">
      <c r="D19319" s="6">
        <v>1508.0050000000001</v>
      </c>
      <c r="E19319" s="6">
        <v>860.15470000000005</v>
      </c>
    </row>
    <row r="19320" spans="4:5" x14ac:dyDescent="0.25">
      <c r="D19320" s="6">
        <v>1226.251</v>
      </c>
      <c r="E19320" s="6">
        <v>2098.5030000000002</v>
      </c>
    </row>
    <row r="19321" spans="4:5" x14ac:dyDescent="0.25">
      <c r="D19321" s="6">
        <v>1041.2090000000001</v>
      </c>
      <c r="E19321" s="6">
        <v>845.18150000000003</v>
      </c>
    </row>
    <row r="19322" spans="4:5" x14ac:dyDescent="0.25">
      <c r="D19322" s="6">
        <v>1083.117</v>
      </c>
      <c r="E19322" s="6">
        <v>1438.4349999999999</v>
      </c>
    </row>
    <row r="19323" spans="4:5" x14ac:dyDescent="0.25">
      <c r="D19323" s="6">
        <v>2344.259</v>
      </c>
      <c r="E19323" s="6">
        <v>6893.357</v>
      </c>
    </row>
    <row r="19324" spans="4:5" x14ac:dyDescent="0.25">
      <c r="D19324" s="6">
        <v>705.29070000000002</v>
      </c>
      <c r="E19324" s="6">
        <v>5808.58</v>
      </c>
    </row>
    <row r="19325" spans="4:5" x14ac:dyDescent="0.25">
      <c r="D19325" s="6">
        <v>1044.0830000000001</v>
      </c>
      <c r="E19325" s="6">
        <v>1118.433</v>
      </c>
    </row>
    <row r="19326" spans="4:5" x14ac:dyDescent="0.25">
      <c r="D19326" s="6">
        <v>669.94380000000001</v>
      </c>
      <c r="E19326" s="6">
        <v>3670.8330000000001</v>
      </c>
    </row>
    <row r="19327" spans="4:5" x14ac:dyDescent="0.25">
      <c r="D19327" s="6">
        <v>309.22050000000002</v>
      </c>
      <c r="E19327" s="6">
        <v>2635.5859999999998</v>
      </c>
    </row>
    <row r="19328" spans="4:5" x14ac:dyDescent="0.25">
      <c r="D19328" s="6">
        <v>397.9468</v>
      </c>
      <c r="E19328" s="6">
        <v>11677.99</v>
      </c>
    </row>
    <row r="19329" spans="4:5" x14ac:dyDescent="0.25">
      <c r="D19329" s="6">
        <v>1009.077</v>
      </c>
      <c r="E19329" s="6">
        <v>473.17489999999998</v>
      </c>
    </row>
    <row r="19330" spans="4:5" x14ac:dyDescent="0.25">
      <c r="D19330" s="6">
        <v>5632.4709999999995</v>
      </c>
      <c r="E19330" s="6">
        <v>3901.3440000000001</v>
      </c>
    </row>
    <row r="19331" spans="4:5" x14ac:dyDescent="0.25">
      <c r="D19331" s="6">
        <v>999.41420000000005</v>
      </c>
      <c r="E19331" s="6">
        <v>4286</v>
      </c>
    </row>
    <row r="19332" spans="4:5" x14ac:dyDescent="0.25">
      <c r="D19332" s="6">
        <v>1431.0350000000001</v>
      </c>
      <c r="E19332" s="6">
        <v>9392.1540000000005</v>
      </c>
    </row>
    <row r="19333" spans="4:5" x14ac:dyDescent="0.25">
      <c r="D19333" s="6">
        <v>1042.8610000000001</v>
      </c>
      <c r="E19333" s="6">
        <v>4000.203</v>
      </c>
    </row>
    <row r="19334" spans="4:5" x14ac:dyDescent="0.25">
      <c r="D19334" s="6">
        <v>738.30039999999997</v>
      </c>
      <c r="E19334" s="6">
        <v>3211.63</v>
      </c>
    </row>
    <row r="19335" spans="4:5" x14ac:dyDescent="0.25">
      <c r="D19335" s="6">
        <v>476.73970000000003</v>
      </c>
      <c r="E19335" s="6">
        <v>2199.3510000000001</v>
      </c>
    </row>
    <row r="19336" spans="4:5" x14ac:dyDescent="0.25">
      <c r="D19336" s="6">
        <v>289.38670000000002</v>
      </c>
      <c r="E19336" s="6">
        <v>2641.7449999999999</v>
      </c>
    </row>
    <row r="19337" spans="4:5" x14ac:dyDescent="0.25">
      <c r="D19337" s="6">
        <v>948.17560000000003</v>
      </c>
      <c r="E19337" s="6">
        <v>887.60310000000004</v>
      </c>
    </row>
    <row r="19338" spans="4:5" x14ac:dyDescent="0.25">
      <c r="D19338" s="6">
        <v>422.42860000000002</v>
      </c>
      <c r="E19338" s="6">
        <v>443.3</v>
      </c>
    </row>
    <row r="19339" spans="4:5" x14ac:dyDescent="0.25">
      <c r="D19339" s="6">
        <v>498.83330000000001</v>
      </c>
      <c r="E19339" s="6">
        <v>985.827</v>
      </c>
    </row>
    <row r="19340" spans="4:5" x14ac:dyDescent="0.25">
      <c r="D19340" s="6">
        <v>2453</v>
      </c>
      <c r="E19340" s="6">
        <v>950.92309999999998</v>
      </c>
    </row>
    <row r="19341" spans="4:5" x14ac:dyDescent="0.25">
      <c r="D19341" s="6">
        <v>994.04399999999998</v>
      </c>
      <c r="E19341" s="6">
        <v>1386.865</v>
      </c>
    </row>
    <row r="19342" spans="4:5" x14ac:dyDescent="0.25">
      <c r="D19342" s="6">
        <v>1013.597</v>
      </c>
      <c r="E19342" s="6">
        <v>1040.604</v>
      </c>
    </row>
    <row r="19343" spans="4:5" x14ac:dyDescent="0.25">
      <c r="D19343" s="6">
        <v>1284.2940000000001</v>
      </c>
      <c r="E19343" s="6">
        <v>7157.7910000000002</v>
      </c>
    </row>
    <row r="19344" spans="4:5" x14ac:dyDescent="0.25">
      <c r="D19344" s="6">
        <v>955.13710000000003</v>
      </c>
      <c r="E19344" s="6">
        <v>3542.6469999999999</v>
      </c>
    </row>
    <row r="19345" spans="4:5" x14ac:dyDescent="0.25">
      <c r="D19345" s="6">
        <v>1184.6990000000001</v>
      </c>
      <c r="E19345" s="6">
        <v>1337.308</v>
      </c>
    </row>
    <row r="19346" spans="4:5" x14ac:dyDescent="0.25">
      <c r="D19346" s="6">
        <v>1782.8219999999999</v>
      </c>
      <c r="E19346" s="6">
        <v>2442.4169999999999</v>
      </c>
    </row>
    <row r="19347" spans="4:5" x14ac:dyDescent="0.25">
      <c r="D19347" s="6">
        <v>1576.212</v>
      </c>
      <c r="E19347" s="6">
        <v>2690.0070000000001</v>
      </c>
    </row>
    <row r="19348" spans="4:5" x14ac:dyDescent="0.25">
      <c r="D19348" s="6">
        <v>2139.8440000000001</v>
      </c>
      <c r="E19348" s="6">
        <v>1478.809</v>
      </c>
    </row>
    <row r="19349" spans="4:5" x14ac:dyDescent="0.25">
      <c r="D19349" s="6">
        <v>789.32410000000004</v>
      </c>
      <c r="E19349" s="6">
        <v>8713.8490000000002</v>
      </c>
    </row>
    <row r="19350" spans="4:5" x14ac:dyDescent="0.25">
      <c r="D19350" s="6">
        <v>1234.028</v>
      </c>
      <c r="E19350" s="6">
        <v>841.5566</v>
      </c>
    </row>
    <row r="19351" spans="4:5" x14ac:dyDescent="0.25">
      <c r="D19351" s="6">
        <v>429.00110000000001</v>
      </c>
      <c r="E19351" s="6">
        <v>3906.1619999999998</v>
      </c>
    </row>
    <row r="19352" spans="4:5" x14ac:dyDescent="0.25">
      <c r="D19352" s="6">
        <v>1366.0909999999999</v>
      </c>
      <c r="E19352" s="6">
        <v>3041.009</v>
      </c>
    </row>
    <row r="19353" spans="4:5" x14ac:dyDescent="0.25">
      <c r="D19353" s="6">
        <v>1266.6790000000001</v>
      </c>
      <c r="E19353" s="6">
        <v>946.57389999999998</v>
      </c>
    </row>
    <row r="19354" spans="4:5" x14ac:dyDescent="0.25">
      <c r="D19354" s="6">
        <v>647.32309999999995</v>
      </c>
      <c r="E19354" s="6">
        <v>2911.5439999999999</v>
      </c>
    </row>
    <row r="19355" spans="4:5" x14ac:dyDescent="0.25">
      <c r="D19355" s="6">
        <v>807.69929999999999</v>
      </c>
      <c r="E19355" s="6">
        <v>2500.3490000000002</v>
      </c>
    </row>
    <row r="19356" spans="4:5" x14ac:dyDescent="0.25">
      <c r="D19356" s="6">
        <v>680.22990000000004</v>
      </c>
      <c r="E19356" s="6">
        <v>968.5521</v>
      </c>
    </row>
    <row r="19357" spans="4:5" x14ac:dyDescent="0.25">
      <c r="D19357" s="6">
        <v>843.13679999999999</v>
      </c>
      <c r="E19357" s="6">
        <v>1435.366</v>
      </c>
    </row>
    <row r="19358" spans="4:5" x14ac:dyDescent="0.25">
      <c r="D19358" s="6">
        <v>862.94650000000001</v>
      </c>
      <c r="E19358" s="6">
        <v>3032.25</v>
      </c>
    </row>
    <row r="19359" spans="4:5" x14ac:dyDescent="0.25">
      <c r="D19359" s="6">
        <v>1104.0450000000001</v>
      </c>
      <c r="E19359" s="6">
        <v>2715.78</v>
      </c>
    </row>
    <row r="19360" spans="4:5" x14ac:dyDescent="0.25">
      <c r="D19360" s="6">
        <v>732.06560000000002</v>
      </c>
      <c r="E19360" s="6">
        <v>8654.5959999999995</v>
      </c>
    </row>
    <row r="19361" spans="4:5" x14ac:dyDescent="0.25">
      <c r="D19361" s="6">
        <v>936.59950000000003</v>
      </c>
      <c r="E19361" s="6">
        <v>1043</v>
      </c>
    </row>
    <row r="19362" spans="4:5" x14ac:dyDescent="0.25">
      <c r="D19362" s="6">
        <v>939.32839999999999</v>
      </c>
      <c r="E19362" s="6">
        <v>1949.7270000000001</v>
      </c>
    </row>
    <row r="19363" spans="4:5" x14ac:dyDescent="0.25">
      <c r="D19363" s="6">
        <v>1123.6859999999999</v>
      </c>
      <c r="E19363" s="6">
        <v>1356.817</v>
      </c>
    </row>
    <row r="19364" spans="4:5" x14ac:dyDescent="0.25">
      <c r="D19364" s="6">
        <v>684.91920000000005</v>
      </c>
      <c r="E19364" s="6">
        <v>1095.1369999999999</v>
      </c>
    </row>
    <row r="19365" spans="4:5" x14ac:dyDescent="0.25">
      <c r="D19365" s="6">
        <v>2987.308</v>
      </c>
      <c r="E19365" s="6">
        <v>1213.174</v>
      </c>
    </row>
    <row r="19366" spans="4:5" x14ac:dyDescent="0.25">
      <c r="D19366" s="6">
        <v>897.2518</v>
      </c>
      <c r="E19366" s="6">
        <v>2165.674</v>
      </c>
    </row>
    <row r="19367" spans="4:5" x14ac:dyDescent="0.25">
      <c r="D19367" s="6">
        <v>1519.231</v>
      </c>
      <c r="E19367" s="6">
        <v>556.44510000000002</v>
      </c>
    </row>
    <row r="19368" spans="4:5" x14ac:dyDescent="0.25">
      <c r="D19368" s="6">
        <v>822.99189999999999</v>
      </c>
      <c r="E19368" s="6">
        <v>3932.4470000000001</v>
      </c>
    </row>
    <row r="19369" spans="4:5" x14ac:dyDescent="0.25">
      <c r="D19369" s="6">
        <v>839.87950000000001</v>
      </c>
      <c r="E19369" s="6">
        <v>212.23660000000001</v>
      </c>
    </row>
    <row r="19370" spans="4:5" x14ac:dyDescent="0.25">
      <c r="D19370" s="6">
        <v>875.52380000000005</v>
      </c>
      <c r="E19370" s="6">
        <v>3773.444</v>
      </c>
    </row>
    <row r="19371" spans="4:5" x14ac:dyDescent="0.25">
      <c r="D19371" s="6">
        <v>169.7</v>
      </c>
      <c r="E19371" s="6">
        <v>789.31719999999996</v>
      </c>
    </row>
    <row r="19372" spans="4:5" x14ac:dyDescent="0.25">
      <c r="D19372" s="6">
        <v>762.5566</v>
      </c>
      <c r="E19372" s="6">
        <v>922.92430000000002</v>
      </c>
    </row>
    <row r="19373" spans="4:5" x14ac:dyDescent="0.25">
      <c r="D19373" s="6">
        <v>718.66219999999998</v>
      </c>
      <c r="E19373" s="6">
        <v>825.13310000000001</v>
      </c>
    </row>
    <row r="19374" spans="4:5" x14ac:dyDescent="0.25">
      <c r="D19374" s="6">
        <v>831.10540000000003</v>
      </c>
      <c r="E19374" s="6">
        <v>721.84939999999995</v>
      </c>
    </row>
    <row r="19375" spans="4:5" x14ac:dyDescent="0.25">
      <c r="D19375" s="6">
        <v>908.4171</v>
      </c>
      <c r="E19375" s="6">
        <v>7589.2780000000002</v>
      </c>
    </row>
    <row r="19376" spans="4:5" x14ac:dyDescent="0.25">
      <c r="D19376" s="6">
        <v>1066.4860000000001</v>
      </c>
      <c r="E19376" s="6">
        <v>814.65940000000001</v>
      </c>
    </row>
    <row r="19377" spans="4:5" x14ac:dyDescent="0.25">
      <c r="D19377" s="6">
        <v>929.93700000000001</v>
      </c>
      <c r="E19377" s="6">
        <v>554.39549999999997</v>
      </c>
    </row>
    <row r="19378" spans="4:5" x14ac:dyDescent="0.25">
      <c r="D19378" s="6">
        <v>1039.1400000000001</v>
      </c>
      <c r="E19378" s="6">
        <v>4376.3739999999998</v>
      </c>
    </row>
    <row r="19379" spans="4:5" x14ac:dyDescent="0.25">
      <c r="D19379" s="6">
        <v>918.47349999999994</v>
      </c>
      <c r="E19379" s="6">
        <v>744.63890000000004</v>
      </c>
    </row>
    <row r="19380" spans="4:5" x14ac:dyDescent="0.25">
      <c r="D19380" s="6">
        <v>978.13720000000001</v>
      </c>
      <c r="E19380" s="6">
        <v>622.04510000000005</v>
      </c>
    </row>
    <row r="19381" spans="4:5" x14ac:dyDescent="0.25">
      <c r="D19381" s="6">
        <v>667.86959999999999</v>
      </c>
      <c r="E19381" s="6">
        <v>1151.452</v>
      </c>
    </row>
    <row r="19382" spans="4:5" x14ac:dyDescent="0.25">
      <c r="D19382" s="6">
        <v>940.07410000000004</v>
      </c>
      <c r="E19382" s="6">
        <v>1082.2639999999999</v>
      </c>
    </row>
    <row r="19383" spans="4:5" x14ac:dyDescent="0.25">
      <c r="D19383" s="6">
        <v>2206.8150000000001</v>
      </c>
      <c r="E19383" s="6">
        <v>2900.0259999999998</v>
      </c>
    </row>
    <row r="19384" spans="4:5" x14ac:dyDescent="0.25">
      <c r="D19384" s="6">
        <v>487.75</v>
      </c>
      <c r="E19384" s="6">
        <v>2297.5500000000002</v>
      </c>
    </row>
    <row r="19385" spans="4:5" x14ac:dyDescent="0.25">
      <c r="D19385" s="6">
        <v>892.30820000000006</v>
      </c>
      <c r="E19385" s="6">
        <v>1010.958</v>
      </c>
    </row>
    <row r="19386" spans="4:5" x14ac:dyDescent="0.25">
      <c r="D19386" s="6">
        <v>1057.2070000000001</v>
      </c>
      <c r="E19386" s="6">
        <v>3030.9380000000001</v>
      </c>
    </row>
    <row r="19387" spans="4:5" x14ac:dyDescent="0.25">
      <c r="D19387" s="6">
        <v>394.8184</v>
      </c>
      <c r="E19387" s="6">
        <v>466.69600000000003</v>
      </c>
    </row>
    <row r="19388" spans="4:5" x14ac:dyDescent="0.25">
      <c r="D19388" s="6">
        <v>938.35550000000001</v>
      </c>
      <c r="E19388" s="6">
        <v>1219.069</v>
      </c>
    </row>
    <row r="19389" spans="4:5" x14ac:dyDescent="0.25">
      <c r="D19389" s="6">
        <v>376.83519999999999</v>
      </c>
      <c r="E19389" s="6">
        <v>1349.75</v>
      </c>
    </row>
    <row r="19390" spans="4:5" x14ac:dyDescent="0.25">
      <c r="D19390" s="6">
        <v>691.31420000000003</v>
      </c>
      <c r="E19390" s="6">
        <v>7848.9520000000002</v>
      </c>
    </row>
    <row r="19391" spans="4:5" x14ac:dyDescent="0.25">
      <c r="D19391" s="6">
        <v>833.90120000000002</v>
      </c>
      <c r="E19391" s="6">
        <v>1450.009</v>
      </c>
    </row>
    <row r="19392" spans="4:5" x14ac:dyDescent="0.25">
      <c r="D19392" s="6">
        <v>1213.829</v>
      </c>
      <c r="E19392" s="6">
        <v>8029.3969999999999</v>
      </c>
    </row>
    <row r="19393" spans="4:5" x14ac:dyDescent="0.25">
      <c r="D19393" s="6">
        <v>3335.0830000000001</v>
      </c>
      <c r="E19393" s="6">
        <v>6671.384</v>
      </c>
    </row>
    <row r="19394" spans="4:5" x14ac:dyDescent="0.25">
      <c r="D19394" s="6">
        <v>1010.371</v>
      </c>
      <c r="E19394" s="6">
        <v>770.28570000000002</v>
      </c>
    </row>
    <row r="19395" spans="4:5" x14ac:dyDescent="0.25">
      <c r="D19395" s="6">
        <v>3390.277</v>
      </c>
      <c r="E19395" s="6">
        <v>678.79970000000003</v>
      </c>
    </row>
    <row r="19396" spans="4:5" x14ac:dyDescent="0.25">
      <c r="D19396" s="6">
        <v>528.50260000000003</v>
      </c>
      <c r="E19396" s="6">
        <v>3490.8690000000001</v>
      </c>
    </row>
    <row r="19397" spans="4:5" x14ac:dyDescent="0.25">
      <c r="D19397" s="6">
        <v>3804.9540000000002</v>
      </c>
      <c r="E19397" s="6">
        <v>965.61350000000004</v>
      </c>
    </row>
    <row r="19398" spans="4:5" x14ac:dyDescent="0.25">
      <c r="D19398" s="6">
        <v>816.85680000000002</v>
      </c>
      <c r="E19398" s="6">
        <v>4024.7379999999998</v>
      </c>
    </row>
    <row r="19399" spans="4:5" x14ac:dyDescent="0.25">
      <c r="D19399" s="6">
        <v>1056.5519999999999</v>
      </c>
      <c r="E19399" s="6">
        <v>584.34950000000003</v>
      </c>
    </row>
    <row r="19400" spans="4:5" x14ac:dyDescent="0.25">
      <c r="D19400" s="6">
        <v>857.90980000000002</v>
      </c>
      <c r="E19400" s="6">
        <v>531.28890000000001</v>
      </c>
    </row>
    <row r="19401" spans="4:5" x14ac:dyDescent="0.25">
      <c r="D19401" s="6">
        <v>1471.18</v>
      </c>
      <c r="E19401" s="6">
        <v>1818.5719999999999</v>
      </c>
    </row>
    <row r="19402" spans="4:5" x14ac:dyDescent="0.25">
      <c r="D19402" s="6">
        <v>1057.665</v>
      </c>
      <c r="E19402" s="6">
        <v>2491.1759999999999</v>
      </c>
    </row>
    <row r="19403" spans="4:5" x14ac:dyDescent="0.25">
      <c r="D19403" s="6">
        <v>4189.6670000000004</v>
      </c>
      <c r="E19403" s="6">
        <v>5576.692</v>
      </c>
    </row>
    <row r="19404" spans="4:5" x14ac:dyDescent="0.25">
      <c r="D19404" s="6">
        <v>454.6053</v>
      </c>
      <c r="E19404" s="6">
        <v>897.62149999999997</v>
      </c>
    </row>
    <row r="19405" spans="4:5" x14ac:dyDescent="0.25">
      <c r="D19405" s="6">
        <v>1726.6759999999999</v>
      </c>
      <c r="E19405" s="6">
        <v>475.81729999999999</v>
      </c>
    </row>
    <row r="19406" spans="4:5" x14ac:dyDescent="0.25">
      <c r="D19406" s="6">
        <v>528.46420000000001</v>
      </c>
      <c r="E19406" s="6">
        <v>2776.03</v>
      </c>
    </row>
    <row r="19407" spans="4:5" x14ac:dyDescent="0.25">
      <c r="D19407" s="6">
        <v>1880.145</v>
      </c>
      <c r="E19407" s="6">
        <v>190.5249</v>
      </c>
    </row>
    <row r="19408" spans="4:5" x14ac:dyDescent="0.25">
      <c r="D19408" s="6">
        <v>4332.3639999999996</v>
      </c>
      <c r="E19408" s="6">
        <v>425.83980000000003</v>
      </c>
    </row>
    <row r="19409" spans="4:5" x14ac:dyDescent="0.25">
      <c r="D19409" s="6">
        <v>1083.941</v>
      </c>
      <c r="E19409" s="6">
        <v>554.75</v>
      </c>
    </row>
    <row r="19410" spans="4:5" x14ac:dyDescent="0.25">
      <c r="D19410" s="6">
        <v>1190.3440000000001</v>
      </c>
      <c r="E19410" s="6">
        <v>6778.9620000000004</v>
      </c>
    </row>
    <row r="19411" spans="4:5" x14ac:dyDescent="0.25">
      <c r="D19411" s="6">
        <v>1032.8610000000001</v>
      </c>
      <c r="E19411" s="6">
        <v>3800.2539999999999</v>
      </c>
    </row>
    <row r="19412" spans="4:5" x14ac:dyDescent="0.25">
      <c r="D19412" s="6">
        <v>182.02080000000001</v>
      </c>
      <c r="E19412" s="6">
        <v>578.27809999999999</v>
      </c>
    </row>
    <row r="19413" spans="4:5" x14ac:dyDescent="0.25">
      <c r="D19413" s="6">
        <v>444.62670000000003</v>
      </c>
      <c r="E19413" s="6">
        <v>770.57849999999996</v>
      </c>
    </row>
    <row r="19414" spans="4:5" x14ac:dyDescent="0.25">
      <c r="D19414" s="6">
        <v>1521.05</v>
      </c>
      <c r="E19414" s="6">
        <v>470</v>
      </c>
    </row>
    <row r="19415" spans="4:5" x14ac:dyDescent="0.25">
      <c r="D19415" s="6">
        <v>787.73990000000003</v>
      </c>
      <c r="E19415" s="6">
        <v>3938.71</v>
      </c>
    </row>
    <row r="19416" spans="4:5" x14ac:dyDescent="0.25">
      <c r="D19416" s="6">
        <v>835.04020000000003</v>
      </c>
      <c r="E19416" s="6">
        <v>1006.375</v>
      </c>
    </row>
    <row r="19417" spans="4:5" x14ac:dyDescent="0.25">
      <c r="D19417" s="6">
        <v>1145.4559999999999</v>
      </c>
      <c r="E19417" s="6">
        <v>2622.306</v>
      </c>
    </row>
    <row r="19418" spans="4:5" x14ac:dyDescent="0.25">
      <c r="D19418" s="6">
        <v>721.50869999999998</v>
      </c>
      <c r="E19418" s="6">
        <v>3401</v>
      </c>
    </row>
    <row r="19419" spans="4:5" x14ac:dyDescent="0.25">
      <c r="D19419" s="6">
        <v>752.34360000000004</v>
      </c>
      <c r="E19419" s="6">
        <v>15633.38</v>
      </c>
    </row>
    <row r="19420" spans="4:5" x14ac:dyDescent="0.25">
      <c r="D19420" s="6">
        <v>929.45569999999998</v>
      </c>
      <c r="E19420" s="6">
        <v>8222.3220000000001</v>
      </c>
    </row>
    <row r="19421" spans="4:5" x14ac:dyDescent="0.25">
      <c r="D19421" s="6">
        <v>413.35520000000002</v>
      </c>
      <c r="E19421" s="6">
        <v>864.80510000000004</v>
      </c>
    </row>
    <row r="19422" spans="4:5" x14ac:dyDescent="0.25">
      <c r="D19422" s="6">
        <v>446.68790000000001</v>
      </c>
      <c r="E19422" s="6">
        <v>666.20249999999999</v>
      </c>
    </row>
    <row r="19423" spans="4:5" x14ac:dyDescent="0.25">
      <c r="D19423" s="6">
        <v>1286.626</v>
      </c>
      <c r="E19423" s="6">
        <v>976.17060000000004</v>
      </c>
    </row>
    <row r="19424" spans="4:5" x14ac:dyDescent="0.25">
      <c r="D19424" s="6">
        <v>2516.1790000000001</v>
      </c>
      <c r="E19424" s="6">
        <v>604.75</v>
      </c>
    </row>
    <row r="19425" spans="4:5" x14ac:dyDescent="0.25">
      <c r="D19425" s="6">
        <v>894.37469999999996</v>
      </c>
      <c r="E19425" s="6">
        <v>1124.4000000000001</v>
      </c>
    </row>
    <row r="19426" spans="4:5" x14ac:dyDescent="0.25">
      <c r="D19426" s="6">
        <v>819.27290000000005</v>
      </c>
      <c r="E19426" s="6">
        <v>6927.5069999999996</v>
      </c>
    </row>
    <row r="19427" spans="4:5" x14ac:dyDescent="0.25">
      <c r="D19427" s="6">
        <v>1145.5830000000001</v>
      </c>
      <c r="E19427" s="6">
        <v>3043.335</v>
      </c>
    </row>
    <row r="19428" spans="4:5" x14ac:dyDescent="0.25">
      <c r="D19428" s="6">
        <v>3239.3049999999998</v>
      </c>
      <c r="E19428" s="6">
        <v>3033.248</v>
      </c>
    </row>
    <row r="19429" spans="4:5" x14ac:dyDescent="0.25">
      <c r="D19429" s="6">
        <v>1534.8710000000001</v>
      </c>
      <c r="E19429" s="6">
        <v>2340</v>
      </c>
    </row>
    <row r="19430" spans="4:5" x14ac:dyDescent="0.25">
      <c r="D19430" s="6">
        <v>1074.413</v>
      </c>
      <c r="E19430" s="6">
        <v>3451.3020000000001</v>
      </c>
    </row>
    <row r="19431" spans="4:5" x14ac:dyDescent="0.25">
      <c r="D19431" s="6">
        <v>2172.25</v>
      </c>
      <c r="E19431" s="6">
        <v>769.08079999999995</v>
      </c>
    </row>
    <row r="19432" spans="4:5" x14ac:dyDescent="0.25">
      <c r="D19432" s="6">
        <v>944.32429999999999</v>
      </c>
      <c r="E19432" s="6">
        <v>4976.6970000000001</v>
      </c>
    </row>
    <row r="19433" spans="4:5" x14ac:dyDescent="0.25">
      <c r="D19433" s="6">
        <v>422.67849999999999</v>
      </c>
      <c r="E19433" s="6">
        <v>1021.707</v>
      </c>
    </row>
    <row r="19434" spans="4:5" x14ac:dyDescent="0.25">
      <c r="D19434" s="6">
        <v>2281.4929999999999</v>
      </c>
      <c r="E19434" s="6">
        <v>1062.6410000000001</v>
      </c>
    </row>
    <row r="19435" spans="4:5" x14ac:dyDescent="0.25">
      <c r="D19435" s="6">
        <v>3779.4470000000001</v>
      </c>
      <c r="E19435" s="6">
        <v>1950.1210000000001</v>
      </c>
    </row>
    <row r="19436" spans="4:5" x14ac:dyDescent="0.25">
      <c r="D19436" s="6">
        <v>1256.05</v>
      </c>
      <c r="E19436" s="6">
        <v>388.3297</v>
      </c>
    </row>
    <row r="19437" spans="4:5" x14ac:dyDescent="0.25">
      <c r="D19437" s="6">
        <v>1660.251</v>
      </c>
      <c r="E19437" s="6">
        <v>2070.0140000000001</v>
      </c>
    </row>
    <row r="19438" spans="4:5" x14ac:dyDescent="0.25">
      <c r="D19438" s="6">
        <v>739.66980000000001</v>
      </c>
      <c r="E19438" s="6">
        <v>777.92330000000004</v>
      </c>
    </row>
    <row r="19439" spans="4:5" x14ac:dyDescent="0.25">
      <c r="D19439" s="6">
        <v>1261.3969999999999</v>
      </c>
      <c r="E19439" s="6">
        <v>2722.5650000000001</v>
      </c>
    </row>
    <row r="19440" spans="4:5" x14ac:dyDescent="0.25">
      <c r="D19440" s="6">
        <v>6937.0039999999999</v>
      </c>
      <c r="E19440" s="6">
        <v>2808.81</v>
      </c>
    </row>
    <row r="19441" spans="4:5" x14ac:dyDescent="0.25">
      <c r="D19441" s="6">
        <v>1387.6679999999999</v>
      </c>
      <c r="E19441" s="6">
        <v>1652.8520000000001</v>
      </c>
    </row>
    <row r="19442" spans="4:5" x14ac:dyDescent="0.25">
      <c r="D19442" s="6">
        <v>938.00130000000001</v>
      </c>
      <c r="E19442" s="6">
        <v>2119.2040000000002</v>
      </c>
    </row>
    <row r="19443" spans="4:5" x14ac:dyDescent="0.25">
      <c r="D19443" s="6">
        <v>1098.3520000000001</v>
      </c>
      <c r="E19443" s="6">
        <v>611.90179999999998</v>
      </c>
    </row>
    <row r="19444" spans="4:5" x14ac:dyDescent="0.25">
      <c r="D19444" s="6">
        <v>1165.548</v>
      </c>
      <c r="E19444" s="6">
        <v>1514.0319999999999</v>
      </c>
    </row>
    <row r="19445" spans="4:5" x14ac:dyDescent="0.25">
      <c r="D19445" s="6">
        <v>966.82640000000004</v>
      </c>
      <c r="E19445" s="6">
        <v>6431.5360000000001</v>
      </c>
    </row>
    <row r="19446" spans="4:5" x14ac:dyDescent="0.25">
      <c r="D19446" s="6">
        <v>2357</v>
      </c>
      <c r="E19446" s="6">
        <v>609.54340000000002</v>
      </c>
    </row>
    <row r="19447" spans="4:5" x14ac:dyDescent="0.25">
      <c r="D19447" s="6">
        <v>1101.6579999999999</v>
      </c>
      <c r="E19447" s="6">
        <v>617.71349999999995</v>
      </c>
    </row>
    <row r="19448" spans="4:5" x14ac:dyDescent="0.25">
      <c r="D19448" s="6">
        <v>955.37279999999998</v>
      </c>
      <c r="E19448" s="6">
        <v>6582.4430000000002</v>
      </c>
    </row>
    <row r="19449" spans="4:5" x14ac:dyDescent="0.25">
      <c r="D19449" s="6">
        <v>1035.6769999999999</v>
      </c>
      <c r="E19449" s="6">
        <v>1112.3230000000001</v>
      </c>
    </row>
    <row r="19450" spans="4:5" x14ac:dyDescent="0.25">
      <c r="D19450" s="6">
        <v>2772.1030000000001</v>
      </c>
      <c r="E19450" s="6">
        <v>356.69990000000001</v>
      </c>
    </row>
    <row r="19451" spans="4:5" x14ac:dyDescent="0.25">
      <c r="D19451" s="6">
        <v>1089.58</v>
      </c>
      <c r="E19451" s="6">
        <v>450.58710000000002</v>
      </c>
    </row>
    <row r="19452" spans="4:5" x14ac:dyDescent="0.25">
      <c r="D19452" s="6">
        <v>402.15039999999999</v>
      </c>
      <c r="E19452" s="6">
        <v>2400.2370000000001</v>
      </c>
    </row>
    <row r="19453" spans="4:5" x14ac:dyDescent="0.25">
      <c r="D19453" s="6">
        <v>1773.0519999999999</v>
      </c>
      <c r="E19453" s="6">
        <v>1236.3430000000001</v>
      </c>
    </row>
    <row r="19454" spans="4:5" x14ac:dyDescent="0.25">
      <c r="D19454" s="6">
        <v>803.46939999999995</v>
      </c>
      <c r="E19454" s="6">
        <v>8834</v>
      </c>
    </row>
    <row r="19455" spans="4:5" x14ac:dyDescent="0.25">
      <c r="D19455" s="6">
        <v>1827.24</v>
      </c>
      <c r="E19455" s="6">
        <v>4770.5050000000001</v>
      </c>
    </row>
    <row r="19456" spans="4:5" x14ac:dyDescent="0.25">
      <c r="D19456" s="6">
        <v>605.7106</v>
      </c>
      <c r="E19456" s="6">
        <v>5991.05</v>
      </c>
    </row>
    <row r="19457" spans="4:5" x14ac:dyDescent="0.25">
      <c r="D19457" s="6">
        <v>697.07100000000003</v>
      </c>
      <c r="E19457" s="6">
        <v>1291.8430000000001</v>
      </c>
    </row>
    <row r="19458" spans="4:5" x14ac:dyDescent="0.25">
      <c r="D19458" s="6">
        <v>1240.1010000000001</v>
      </c>
      <c r="E19458" s="6">
        <v>7209.5309999999999</v>
      </c>
    </row>
    <row r="19459" spans="4:5" x14ac:dyDescent="0.25">
      <c r="D19459" s="6">
        <v>1160.5219999999999</v>
      </c>
      <c r="E19459" s="6">
        <v>670.96879999999999</v>
      </c>
    </row>
    <row r="19460" spans="4:5" x14ac:dyDescent="0.25">
      <c r="D19460" s="6">
        <v>1116.5519999999999</v>
      </c>
      <c r="E19460" s="6">
        <v>9486.152</v>
      </c>
    </row>
    <row r="19461" spans="4:5" x14ac:dyDescent="0.25">
      <c r="D19461" s="6">
        <v>910.3605</v>
      </c>
      <c r="E19461" s="6">
        <v>779.2002</v>
      </c>
    </row>
    <row r="19462" spans="4:5" x14ac:dyDescent="0.25">
      <c r="D19462" s="6">
        <v>979.78420000000006</v>
      </c>
      <c r="E19462" s="6">
        <v>6494.01</v>
      </c>
    </row>
    <row r="19463" spans="4:5" x14ac:dyDescent="0.25">
      <c r="D19463" s="6">
        <v>1685.4570000000001</v>
      </c>
      <c r="E19463" s="6">
        <v>1718.7539999999999</v>
      </c>
    </row>
    <row r="19464" spans="4:5" x14ac:dyDescent="0.25">
      <c r="D19464" s="6">
        <v>336.92610000000002</v>
      </c>
      <c r="E19464" s="6">
        <v>2910</v>
      </c>
    </row>
    <row r="19465" spans="4:5" x14ac:dyDescent="0.25">
      <c r="D19465" s="6">
        <v>1079.7159999999999</v>
      </c>
      <c r="E19465" s="6">
        <v>3623.4479999999999</v>
      </c>
    </row>
    <row r="19466" spans="4:5" x14ac:dyDescent="0.25">
      <c r="D19466" s="6">
        <v>1096.461</v>
      </c>
      <c r="E19466" s="6">
        <v>4001.4780000000001</v>
      </c>
    </row>
    <row r="19467" spans="4:5" x14ac:dyDescent="0.25">
      <c r="D19467" s="6">
        <v>2256.1759999999999</v>
      </c>
      <c r="E19467" s="6">
        <v>8267.3330000000005</v>
      </c>
    </row>
    <row r="19468" spans="4:5" x14ac:dyDescent="0.25">
      <c r="D19468" s="6">
        <v>1431.7750000000001</v>
      </c>
      <c r="E19468" s="6">
        <v>4613.1379999999999</v>
      </c>
    </row>
    <row r="19469" spans="4:5" x14ac:dyDescent="0.25">
      <c r="D19469" s="6">
        <v>785.97659999999996</v>
      </c>
      <c r="E19469" s="6">
        <v>816.35850000000005</v>
      </c>
    </row>
    <row r="19470" spans="4:5" x14ac:dyDescent="0.25">
      <c r="D19470" s="6">
        <v>3003.7739999999999</v>
      </c>
      <c r="E19470" s="6">
        <v>1214.0219999999999</v>
      </c>
    </row>
    <row r="19471" spans="4:5" x14ac:dyDescent="0.25">
      <c r="D19471" s="6">
        <v>803.54700000000003</v>
      </c>
      <c r="E19471" s="6">
        <v>1213.905</v>
      </c>
    </row>
    <row r="19472" spans="4:5" x14ac:dyDescent="0.25">
      <c r="D19472" s="6">
        <v>360.4427</v>
      </c>
      <c r="E19472" s="6">
        <v>474.5806</v>
      </c>
    </row>
    <row r="19473" spans="4:5" x14ac:dyDescent="0.25">
      <c r="D19473" s="6">
        <v>1023.309</v>
      </c>
      <c r="E19473" s="6">
        <v>1399.6659999999999</v>
      </c>
    </row>
    <row r="19474" spans="4:5" x14ac:dyDescent="0.25">
      <c r="D19474" s="6">
        <v>2355.0839999999998</v>
      </c>
      <c r="E19474" s="6">
        <v>779.42089999999996</v>
      </c>
    </row>
    <row r="19475" spans="4:5" x14ac:dyDescent="0.25">
      <c r="D19475" s="6">
        <v>7597.7020000000002</v>
      </c>
      <c r="E19475" s="6">
        <v>4288.857</v>
      </c>
    </row>
    <row r="19476" spans="4:5" x14ac:dyDescent="0.25">
      <c r="D19476" s="6">
        <v>1700.6410000000001</v>
      </c>
      <c r="E19476" s="6">
        <v>190.18459999999999</v>
      </c>
    </row>
    <row r="19477" spans="4:5" x14ac:dyDescent="0.25">
      <c r="D19477" s="6">
        <v>1023.99</v>
      </c>
      <c r="E19477" s="6">
        <v>643.01769999999999</v>
      </c>
    </row>
    <row r="19478" spans="4:5" x14ac:dyDescent="0.25">
      <c r="D19478" s="6">
        <v>434.7199</v>
      </c>
      <c r="E19478" s="6">
        <v>800.45699999999999</v>
      </c>
    </row>
    <row r="19479" spans="4:5" x14ac:dyDescent="0.25">
      <c r="D19479" s="6">
        <v>1093.3520000000001</v>
      </c>
      <c r="E19479" s="6">
        <v>2182.3850000000002</v>
      </c>
    </row>
    <row r="19480" spans="4:5" x14ac:dyDescent="0.25">
      <c r="D19480" s="6">
        <v>508.92529999999999</v>
      </c>
      <c r="E19480" s="6">
        <v>1352.76</v>
      </c>
    </row>
    <row r="19481" spans="4:5" x14ac:dyDescent="0.25">
      <c r="D19481" s="6">
        <v>2103.2719999999999</v>
      </c>
      <c r="E19481" s="6">
        <v>4716.1710000000003</v>
      </c>
    </row>
    <row r="19482" spans="4:5" x14ac:dyDescent="0.25">
      <c r="D19482" s="6">
        <v>876.31039999999996</v>
      </c>
      <c r="E19482" s="6">
        <v>5873.93</v>
      </c>
    </row>
    <row r="19483" spans="4:5" x14ac:dyDescent="0.25">
      <c r="D19483" s="6">
        <v>1059.0319999999999</v>
      </c>
      <c r="E19483" s="6">
        <v>3399.364</v>
      </c>
    </row>
    <row r="19484" spans="4:5" x14ac:dyDescent="0.25">
      <c r="D19484" s="6">
        <v>1167.825</v>
      </c>
      <c r="E19484" s="6">
        <v>3571.2910000000002</v>
      </c>
    </row>
    <row r="19485" spans="4:5" x14ac:dyDescent="0.25">
      <c r="D19485" s="6">
        <v>2325.0129999999999</v>
      </c>
      <c r="E19485" s="6">
        <v>2692.6010000000001</v>
      </c>
    </row>
    <row r="19486" spans="4:5" x14ac:dyDescent="0.25">
      <c r="D19486" s="6">
        <v>1490.7739999999999</v>
      </c>
      <c r="E19486" s="6">
        <v>931.62429999999995</v>
      </c>
    </row>
    <row r="19487" spans="4:5" x14ac:dyDescent="0.25">
      <c r="D19487" s="6">
        <v>812.29290000000003</v>
      </c>
      <c r="E19487" s="6">
        <v>863.21130000000005</v>
      </c>
    </row>
    <row r="19488" spans="4:5" x14ac:dyDescent="0.25">
      <c r="D19488" s="6">
        <v>1103.921</v>
      </c>
      <c r="E19488" s="6">
        <v>1622.1420000000001</v>
      </c>
    </row>
    <row r="19489" spans="4:5" x14ac:dyDescent="0.25">
      <c r="D19489" s="6">
        <v>1021.976</v>
      </c>
      <c r="E19489" s="6">
        <v>841.25630000000001</v>
      </c>
    </row>
    <row r="19490" spans="4:5" x14ac:dyDescent="0.25">
      <c r="D19490" s="6">
        <v>467.99110000000002</v>
      </c>
      <c r="E19490" s="6">
        <v>223.65600000000001</v>
      </c>
    </row>
    <row r="19491" spans="4:5" x14ac:dyDescent="0.25">
      <c r="D19491" s="6">
        <v>4947.3639999999996</v>
      </c>
      <c r="E19491" s="6">
        <v>1295.8</v>
      </c>
    </row>
    <row r="19492" spans="4:5" x14ac:dyDescent="0.25">
      <c r="D19492" s="6">
        <v>1114.259</v>
      </c>
      <c r="E19492" s="6">
        <v>1192.348</v>
      </c>
    </row>
    <row r="19493" spans="4:5" x14ac:dyDescent="0.25">
      <c r="D19493" s="6">
        <v>1676.9649999999999</v>
      </c>
      <c r="E19493" s="6">
        <v>4848.8370000000004</v>
      </c>
    </row>
    <row r="19494" spans="4:5" x14ac:dyDescent="0.25">
      <c r="D19494" s="6">
        <v>662.20529999999997</v>
      </c>
      <c r="E19494" s="6">
        <v>385.77420000000001</v>
      </c>
    </row>
    <row r="19495" spans="4:5" x14ac:dyDescent="0.25">
      <c r="D19495" s="6">
        <v>888.39499999999998</v>
      </c>
      <c r="E19495" s="6">
        <v>2875.1149999999998</v>
      </c>
    </row>
    <row r="19496" spans="4:5" x14ac:dyDescent="0.25">
      <c r="D19496" s="6">
        <v>458.74439999999998</v>
      </c>
      <c r="E19496" s="6">
        <v>609.072</v>
      </c>
    </row>
    <row r="19497" spans="4:5" x14ac:dyDescent="0.25">
      <c r="D19497" s="6">
        <v>7438.0990000000002</v>
      </c>
      <c r="E19497" s="6">
        <v>169.00960000000001</v>
      </c>
    </row>
    <row r="19498" spans="4:5" x14ac:dyDescent="0.25">
      <c r="D19498" s="6">
        <v>942.80510000000004</v>
      </c>
      <c r="E19498" s="6">
        <v>4475.875</v>
      </c>
    </row>
    <row r="19499" spans="4:5" x14ac:dyDescent="0.25">
      <c r="D19499" s="6">
        <v>1069.7919999999999</v>
      </c>
      <c r="E19499" s="6">
        <v>711.80259999999998</v>
      </c>
    </row>
    <row r="19500" spans="4:5" x14ac:dyDescent="0.25">
      <c r="D19500" s="6">
        <v>1815.962</v>
      </c>
      <c r="E19500" s="6">
        <v>9520.6470000000008</v>
      </c>
    </row>
    <row r="19501" spans="4:5" x14ac:dyDescent="0.25">
      <c r="D19501" s="6">
        <v>5029.4049999999997</v>
      </c>
      <c r="E19501" s="6">
        <v>627.27189999999996</v>
      </c>
    </row>
    <row r="19502" spans="4:5" x14ac:dyDescent="0.25">
      <c r="D19502" s="6">
        <v>467.15019999999998</v>
      </c>
      <c r="E19502" s="6">
        <v>8784.1450000000004</v>
      </c>
    </row>
    <row r="19503" spans="4:5" x14ac:dyDescent="0.25">
      <c r="D19503" s="6">
        <v>1151.8720000000001</v>
      </c>
      <c r="E19503" s="6">
        <v>1003.06</v>
      </c>
    </row>
    <row r="19504" spans="4:5" x14ac:dyDescent="0.25">
      <c r="D19504" s="6">
        <v>2479.9279999999999</v>
      </c>
      <c r="E19504" s="6">
        <v>603.5</v>
      </c>
    </row>
    <row r="19505" spans="4:5" x14ac:dyDescent="0.25">
      <c r="D19505" s="6">
        <v>859.34609999999998</v>
      </c>
      <c r="E19505" s="6">
        <v>970.50760000000002</v>
      </c>
    </row>
    <row r="19506" spans="4:5" x14ac:dyDescent="0.25">
      <c r="D19506" s="6">
        <v>1115.617</v>
      </c>
      <c r="E19506" s="6">
        <v>5250.54</v>
      </c>
    </row>
    <row r="19507" spans="4:5" x14ac:dyDescent="0.25">
      <c r="D19507" s="6">
        <v>1083.1959999999999</v>
      </c>
      <c r="E19507" s="6">
        <v>954.74670000000003</v>
      </c>
    </row>
    <row r="19508" spans="4:5" x14ac:dyDescent="0.25">
      <c r="D19508" s="6">
        <v>912.73429999999996</v>
      </c>
      <c r="E19508" s="6">
        <v>2466.9630000000002</v>
      </c>
    </row>
    <row r="19509" spans="4:5" x14ac:dyDescent="0.25">
      <c r="D19509" s="6">
        <v>1163.0640000000001</v>
      </c>
      <c r="E19509" s="6">
        <v>4725.7629999999999</v>
      </c>
    </row>
    <row r="19510" spans="4:5" x14ac:dyDescent="0.25">
      <c r="D19510" s="6">
        <v>1685.623</v>
      </c>
      <c r="E19510" s="6">
        <v>3214</v>
      </c>
    </row>
    <row r="19511" spans="4:5" x14ac:dyDescent="0.25">
      <c r="D19511" s="6">
        <v>1090.0170000000001</v>
      </c>
      <c r="E19511" s="6">
        <v>4455.0379999999996</v>
      </c>
    </row>
    <row r="19512" spans="4:5" x14ac:dyDescent="0.25">
      <c r="D19512" s="6">
        <v>3723.2640000000001</v>
      </c>
      <c r="E19512" s="6">
        <v>1343.47</v>
      </c>
    </row>
    <row r="19513" spans="4:5" x14ac:dyDescent="0.25">
      <c r="D19513" s="6">
        <v>3591.5709999999999</v>
      </c>
      <c r="E19513" s="6">
        <v>999.43619999999999</v>
      </c>
    </row>
    <row r="19514" spans="4:5" x14ac:dyDescent="0.25">
      <c r="D19514" s="6">
        <v>1065.277</v>
      </c>
      <c r="E19514" s="6">
        <v>798.40300000000002</v>
      </c>
    </row>
    <row r="19515" spans="4:5" x14ac:dyDescent="0.25">
      <c r="D19515" s="6">
        <v>823.57410000000004</v>
      </c>
      <c r="E19515" s="6">
        <v>1515.808</v>
      </c>
    </row>
    <row r="19516" spans="4:5" x14ac:dyDescent="0.25">
      <c r="D19516" s="6">
        <v>831.44539999999995</v>
      </c>
      <c r="E19516" s="6">
        <v>862.38660000000004</v>
      </c>
    </row>
    <row r="19517" spans="4:5" x14ac:dyDescent="0.25">
      <c r="D19517" s="6">
        <v>1104.799</v>
      </c>
      <c r="E19517" s="6">
        <v>1098.26</v>
      </c>
    </row>
    <row r="19518" spans="4:5" x14ac:dyDescent="0.25">
      <c r="D19518" s="6">
        <v>2663.6129999999998</v>
      </c>
      <c r="E19518" s="6">
        <v>1211.175</v>
      </c>
    </row>
    <row r="19519" spans="4:5" x14ac:dyDescent="0.25">
      <c r="D19519" s="6">
        <v>2436.5</v>
      </c>
      <c r="E19519" s="6">
        <v>3795</v>
      </c>
    </row>
    <row r="19520" spans="4:5" x14ac:dyDescent="0.25">
      <c r="D19520" s="6">
        <v>2026.2280000000001</v>
      </c>
      <c r="E19520" s="6">
        <v>730.31219999999996</v>
      </c>
    </row>
    <row r="19521" spans="4:5" x14ac:dyDescent="0.25">
      <c r="D19521" s="6">
        <v>976.04579999999999</v>
      </c>
      <c r="E19521" s="6">
        <v>1115.932</v>
      </c>
    </row>
    <row r="19522" spans="4:5" x14ac:dyDescent="0.25">
      <c r="D19522" s="6">
        <v>173.6849</v>
      </c>
      <c r="E19522" s="6">
        <v>4508</v>
      </c>
    </row>
    <row r="19523" spans="4:5" x14ac:dyDescent="0.25">
      <c r="D19523" s="6">
        <v>648</v>
      </c>
      <c r="E19523" s="6">
        <v>3459.5439999999999</v>
      </c>
    </row>
    <row r="19524" spans="4:5" x14ac:dyDescent="0.25">
      <c r="D19524" s="6">
        <v>1631.1389999999999</v>
      </c>
      <c r="E19524" s="6">
        <v>642.04809999999998</v>
      </c>
    </row>
    <row r="19525" spans="4:5" x14ac:dyDescent="0.25">
      <c r="D19525" s="6">
        <v>933.36580000000004</v>
      </c>
      <c r="E19525" s="6">
        <v>664.82989999999995</v>
      </c>
    </row>
    <row r="19526" spans="4:5" x14ac:dyDescent="0.25">
      <c r="D19526" s="6">
        <v>448.79250000000002</v>
      </c>
      <c r="E19526" s="6">
        <v>861.81550000000004</v>
      </c>
    </row>
    <row r="19527" spans="4:5" x14ac:dyDescent="0.25">
      <c r="D19527" s="6">
        <v>676.30409999999995</v>
      </c>
      <c r="E19527" s="6">
        <v>4058.672</v>
      </c>
    </row>
    <row r="19528" spans="4:5" x14ac:dyDescent="0.25">
      <c r="D19528" s="6">
        <v>2193.7750000000001</v>
      </c>
      <c r="E19528" s="6">
        <v>466.517</v>
      </c>
    </row>
    <row r="19529" spans="4:5" x14ac:dyDescent="0.25">
      <c r="D19529" s="6">
        <v>897.05060000000003</v>
      </c>
      <c r="E19529" s="6">
        <v>2996.5</v>
      </c>
    </row>
    <row r="19530" spans="4:5" x14ac:dyDescent="0.25">
      <c r="D19530" s="6">
        <v>915.65809999999999</v>
      </c>
      <c r="E19530" s="6">
        <v>396.89550000000003</v>
      </c>
    </row>
    <row r="19531" spans="4:5" x14ac:dyDescent="0.25">
      <c r="D19531" s="6">
        <v>1885.953</v>
      </c>
      <c r="E19531" s="6">
        <v>782.88300000000004</v>
      </c>
    </row>
    <row r="19532" spans="4:5" x14ac:dyDescent="0.25">
      <c r="D19532" s="6">
        <v>730.09839999999997</v>
      </c>
      <c r="E19532" s="6">
        <v>2757.2640000000001</v>
      </c>
    </row>
    <row r="19533" spans="4:5" x14ac:dyDescent="0.25">
      <c r="D19533" s="6">
        <v>4535.5</v>
      </c>
      <c r="E19533" s="6">
        <v>6321</v>
      </c>
    </row>
    <row r="19534" spans="4:5" x14ac:dyDescent="0.25">
      <c r="D19534" s="6">
        <v>802.58789999999999</v>
      </c>
      <c r="E19534" s="6">
        <v>1000.975</v>
      </c>
    </row>
    <row r="19535" spans="4:5" x14ac:dyDescent="0.25">
      <c r="D19535" s="6">
        <v>939.05740000000003</v>
      </c>
      <c r="E19535" s="6">
        <v>1064</v>
      </c>
    </row>
    <row r="19536" spans="4:5" x14ac:dyDescent="0.25">
      <c r="D19536" s="6">
        <v>1023.348</v>
      </c>
      <c r="E19536" s="6">
        <v>2476.5909999999999</v>
      </c>
    </row>
    <row r="19537" spans="4:5" x14ac:dyDescent="0.25">
      <c r="D19537" s="6">
        <v>3557.922</v>
      </c>
      <c r="E19537" s="6">
        <v>520.37220000000002</v>
      </c>
    </row>
    <row r="19538" spans="4:5" x14ac:dyDescent="0.25">
      <c r="D19538" s="6">
        <v>7808.1729999999998</v>
      </c>
      <c r="E19538" s="6">
        <v>1456.047</v>
      </c>
    </row>
    <row r="19539" spans="4:5" x14ac:dyDescent="0.25">
      <c r="D19539" s="6">
        <v>924.43899999999996</v>
      </c>
      <c r="E19539" s="6">
        <v>722.76980000000003</v>
      </c>
    </row>
    <row r="19540" spans="4:5" x14ac:dyDescent="0.25">
      <c r="D19540" s="6">
        <v>535.23310000000004</v>
      </c>
      <c r="E19540" s="6">
        <v>8227.6970000000001</v>
      </c>
    </row>
    <row r="19541" spans="4:5" x14ac:dyDescent="0.25">
      <c r="D19541" s="6">
        <v>582.625</v>
      </c>
      <c r="E19541" s="6">
        <v>2656.8820000000001</v>
      </c>
    </row>
    <row r="19542" spans="4:5" x14ac:dyDescent="0.25">
      <c r="D19542" s="6">
        <v>711.16780000000006</v>
      </c>
      <c r="E19542" s="6">
        <v>1515.7760000000001</v>
      </c>
    </row>
    <row r="19543" spans="4:5" x14ac:dyDescent="0.25">
      <c r="D19543" s="6">
        <v>639.25850000000003</v>
      </c>
      <c r="E19543" s="6">
        <v>4029.078</v>
      </c>
    </row>
    <row r="19544" spans="4:5" x14ac:dyDescent="0.25">
      <c r="D19544" s="6">
        <v>1237.425</v>
      </c>
      <c r="E19544" s="6">
        <v>647.90150000000006</v>
      </c>
    </row>
    <row r="19545" spans="4:5" x14ac:dyDescent="0.25">
      <c r="D19545" s="6">
        <v>439.91669999999999</v>
      </c>
      <c r="E19545" s="6">
        <v>1290.4770000000001</v>
      </c>
    </row>
    <row r="19546" spans="4:5" x14ac:dyDescent="0.25">
      <c r="D19546" s="6">
        <v>1643.296</v>
      </c>
      <c r="E19546" s="6">
        <v>1277.614</v>
      </c>
    </row>
    <row r="19547" spans="4:5" x14ac:dyDescent="0.25">
      <c r="D19547" s="6">
        <v>1053.5820000000001</v>
      </c>
      <c r="E19547" s="6">
        <v>548.43650000000002</v>
      </c>
    </row>
    <row r="19548" spans="4:5" x14ac:dyDescent="0.25">
      <c r="D19548" s="6">
        <v>1412.5609999999999</v>
      </c>
      <c r="E19548" s="6">
        <v>653.92930000000001</v>
      </c>
    </row>
    <row r="19549" spans="4:5" x14ac:dyDescent="0.25">
      <c r="D19549" s="6">
        <v>561.79970000000003</v>
      </c>
      <c r="E19549" s="6">
        <v>706.56719999999996</v>
      </c>
    </row>
    <row r="19550" spans="4:5" x14ac:dyDescent="0.25">
      <c r="D19550" s="6">
        <v>871.70460000000003</v>
      </c>
      <c r="E19550" s="6">
        <v>5528</v>
      </c>
    </row>
    <row r="19551" spans="4:5" x14ac:dyDescent="0.25">
      <c r="D19551" s="6">
        <v>905.09379999999999</v>
      </c>
      <c r="E19551" s="6">
        <v>502.2</v>
      </c>
    </row>
    <row r="19552" spans="4:5" x14ac:dyDescent="0.25">
      <c r="D19552" s="6">
        <v>812.48170000000005</v>
      </c>
      <c r="E19552" s="6">
        <v>646.48429999999996</v>
      </c>
    </row>
    <row r="19553" spans="4:5" x14ac:dyDescent="0.25">
      <c r="D19553" s="6">
        <v>1117.165</v>
      </c>
      <c r="E19553" s="6">
        <v>1049.405</v>
      </c>
    </row>
    <row r="19554" spans="4:5" x14ac:dyDescent="0.25">
      <c r="D19554" s="6">
        <v>1309.55</v>
      </c>
      <c r="E19554" s="6">
        <v>1790.402</v>
      </c>
    </row>
    <row r="19555" spans="4:5" x14ac:dyDescent="0.25">
      <c r="D19555" s="6">
        <v>1650.2929999999999</v>
      </c>
      <c r="E19555" s="6">
        <v>6414.7</v>
      </c>
    </row>
    <row r="19556" spans="4:5" x14ac:dyDescent="0.25">
      <c r="D19556" s="6">
        <v>1332.3679999999999</v>
      </c>
      <c r="E19556" s="6">
        <v>2145.0430000000001</v>
      </c>
    </row>
    <row r="19557" spans="4:5" x14ac:dyDescent="0.25">
      <c r="D19557" s="6">
        <v>1139.9090000000001</v>
      </c>
      <c r="E19557" s="6">
        <v>191.05969999999999</v>
      </c>
    </row>
    <row r="19558" spans="4:5" x14ac:dyDescent="0.25">
      <c r="D19558" s="6">
        <v>1502.9970000000001</v>
      </c>
      <c r="E19558" s="6">
        <v>438.91669999999999</v>
      </c>
    </row>
    <row r="19559" spans="4:5" x14ac:dyDescent="0.25">
      <c r="D19559" s="6">
        <v>3124.4830000000002</v>
      </c>
      <c r="E19559" s="6">
        <v>463.9461</v>
      </c>
    </row>
    <row r="19560" spans="4:5" x14ac:dyDescent="0.25">
      <c r="D19560" s="6">
        <v>5989.6239999999998</v>
      </c>
      <c r="E19560" s="6">
        <v>2713.951</v>
      </c>
    </row>
    <row r="19561" spans="4:5" x14ac:dyDescent="0.25">
      <c r="D19561" s="6">
        <v>2910</v>
      </c>
      <c r="E19561" s="6">
        <v>2190.9769999999999</v>
      </c>
    </row>
    <row r="19562" spans="4:5" x14ac:dyDescent="0.25">
      <c r="D19562" s="6">
        <v>362.0489</v>
      </c>
      <c r="E19562" s="6">
        <v>4188.348</v>
      </c>
    </row>
    <row r="19563" spans="4:5" x14ac:dyDescent="0.25">
      <c r="D19563" s="6">
        <v>576.47820000000002</v>
      </c>
      <c r="E19563" s="6">
        <v>5830</v>
      </c>
    </row>
    <row r="19564" spans="4:5" x14ac:dyDescent="0.25">
      <c r="D19564" s="6">
        <v>857.80870000000004</v>
      </c>
      <c r="E19564" s="6">
        <v>224.0104</v>
      </c>
    </row>
    <row r="19565" spans="4:5" x14ac:dyDescent="0.25">
      <c r="D19565" s="6">
        <v>4100.6329999999998</v>
      </c>
      <c r="E19565" s="6">
        <v>4599.4480000000003</v>
      </c>
    </row>
    <row r="19566" spans="4:5" x14ac:dyDescent="0.25">
      <c r="D19566" s="6">
        <v>616.02959999999996</v>
      </c>
      <c r="E19566" s="6">
        <v>1767.5139999999999</v>
      </c>
    </row>
    <row r="19567" spans="4:5" x14ac:dyDescent="0.25">
      <c r="D19567" s="6">
        <v>846.44129999999996</v>
      </c>
      <c r="E19567" s="6">
        <v>1354.691</v>
      </c>
    </row>
    <row r="19568" spans="4:5" x14ac:dyDescent="0.25">
      <c r="D19568" s="6">
        <v>7313.2920000000004</v>
      </c>
      <c r="E19568" s="6">
        <v>2073.549</v>
      </c>
    </row>
    <row r="19569" spans="4:5" x14ac:dyDescent="0.25">
      <c r="D19569" s="6">
        <v>3003.2269999999999</v>
      </c>
      <c r="E19569" s="6">
        <v>822.99609999999996</v>
      </c>
    </row>
    <row r="19570" spans="4:5" x14ac:dyDescent="0.25">
      <c r="D19570" s="6">
        <v>767.99019999999996</v>
      </c>
      <c r="E19570" s="6">
        <v>663.49350000000004</v>
      </c>
    </row>
    <row r="19571" spans="4:5" x14ac:dyDescent="0.25">
      <c r="D19571" s="6">
        <v>1025.048</v>
      </c>
      <c r="E19571" s="6">
        <v>931.6046</v>
      </c>
    </row>
    <row r="19572" spans="4:5" x14ac:dyDescent="0.25">
      <c r="D19572" s="6">
        <v>989.4914</v>
      </c>
      <c r="E19572" s="6">
        <v>704.36940000000004</v>
      </c>
    </row>
    <row r="19573" spans="4:5" x14ac:dyDescent="0.25">
      <c r="D19573" s="6">
        <v>898.87559999999996</v>
      </c>
      <c r="E19573" s="6">
        <v>742.71029999999996</v>
      </c>
    </row>
    <row r="19574" spans="4:5" x14ac:dyDescent="0.25">
      <c r="D19574" s="6">
        <v>592</v>
      </c>
      <c r="E19574" s="6">
        <v>1384.8489999999999</v>
      </c>
    </row>
    <row r="19575" spans="4:5" x14ac:dyDescent="0.25">
      <c r="D19575" s="6">
        <v>2320.5590000000002</v>
      </c>
      <c r="E19575" s="6">
        <v>624.38829999999996</v>
      </c>
    </row>
    <row r="19576" spans="4:5" x14ac:dyDescent="0.25">
      <c r="D19576" s="6">
        <v>555.12289999999996</v>
      </c>
      <c r="E19576" s="6">
        <v>1742.239</v>
      </c>
    </row>
    <row r="19577" spans="4:5" x14ac:dyDescent="0.25">
      <c r="D19577" s="6">
        <v>494.62209999999999</v>
      </c>
      <c r="E19577" s="6">
        <v>188.5401</v>
      </c>
    </row>
    <row r="19578" spans="4:5" x14ac:dyDescent="0.25">
      <c r="D19578" s="6">
        <v>894.53179999999998</v>
      </c>
      <c r="E19578" s="6">
        <v>3888.6669999999999</v>
      </c>
    </row>
    <row r="19579" spans="4:5" x14ac:dyDescent="0.25">
      <c r="D19579" s="6">
        <v>494.02050000000003</v>
      </c>
      <c r="E19579" s="6">
        <v>186.2945</v>
      </c>
    </row>
    <row r="19580" spans="4:5" x14ac:dyDescent="0.25">
      <c r="D19580" s="6">
        <v>1098.028</v>
      </c>
      <c r="E19580" s="6">
        <v>800.71630000000005</v>
      </c>
    </row>
    <row r="19581" spans="4:5" x14ac:dyDescent="0.25">
      <c r="D19581" s="6">
        <v>1065.277</v>
      </c>
      <c r="E19581" s="6">
        <v>9299.6149999999998</v>
      </c>
    </row>
    <row r="19582" spans="4:5" x14ac:dyDescent="0.25">
      <c r="D19582" s="6">
        <v>1216.251</v>
      </c>
      <c r="E19582" s="6">
        <v>2964.6060000000002</v>
      </c>
    </row>
    <row r="19583" spans="4:5" x14ac:dyDescent="0.25">
      <c r="D19583" s="6">
        <v>581.93769999999995</v>
      </c>
      <c r="E19583" s="6">
        <v>1412.2760000000001</v>
      </c>
    </row>
    <row r="19584" spans="4:5" x14ac:dyDescent="0.25">
      <c r="D19584" s="6">
        <v>1567.65</v>
      </c>
      <c r="E19584" s="6">
        <v>6442.8450000000003</v>
      </c>
    </row>
    <row r="19585" spans="4:5" x14ac:dyDescent="0.25">
      <c r="D19585" s="6">
        <v>3692.2939999999999</v>
      </c>
      <c r="E19585" s="6">
        <v>188.80170000000001</v>
      </c>
    </row>
    <row r="19586" spans="4:5" x14ac:dyDescent="0.25">
      <c r="D19586" s="6">
        <v>698.46119999999996</v>
      </c>
      <c r="E19586" s="6">
        <v>7012.5379999999996</v>
      </c>
    </row>
    <row r="19587" spans="4:5" x14ac:dyDescent="0.25">
      <c r="D19587" s="6">
        <v>472.6567</v>
      </c>
      <c r="E19587" s="6">
        <v>678.92859999999996</v>
      </c>
    </row>
    <row r="19588" spans="4:5" x14ac:dyDescent="0.25">
      <c r="D19588" s="6">
        <v>619.90189999999996</v>
      </c>
      <c r="E19588" s="6">
        <v>773.0693</v>
      </c>
    </row>
    <row r="19589" spans="4:5" x14ac:dyDescent="0.25">
      <c r="D19589" s="6">
        <v>733.24149999999997</v>
      </c>
      <c r="E19589" s="6">
        <v>787.87789999999995</v>
      </c>
    </row>
    <row r="19590" spans="4:5" x14ac:dyDescent="0.25">
      <c r="D19590" s="6">
        <v>706.97590000000002</v>
      </c>
      <c r="E19590" s="6">
        <v>1043.3330000000001</v>
      </c>
    </row>
    <row r="19591" spans="4:5" x14ac:dyDescent="0.25">
      <c r="D19591" s="6">
        <v>799.55409999999995</v>
      </c>
      <c r="E19591" s="6">
        <v>195.57939999999999</v>
      </c>
    </row>
    <row r="19592" spans="4:5" x14ac:dyDescent="0.25">
      <c r="D19592" s="6">
        <v>2418.7179999999998</v>
      </c>
      <c r="E19592" s="6">
        <v>878.08849999999995</v>
      </c>
    </row>
    <row r="19593" spans="4:5" x14ac:dyDescent="0.25">
      <c r="D19593" s="6">
        <v>1633.366</v>
      </c>
      <c r="E19593" s="6">
        <v>1166.2139999999999</v>
      </c>
    </row>
    <row r="19594" spans="4:5" x14ac:dyDescent="0.25">
      <c r="D19594" s="6">
        <v>672.46870000000001</v>
      </c>
      <c r="E19594" s="6">
        <v>189.13040000000001</v>
      </c>
    </row>
    <row r="19595" spans="4:5" x14ac:dyDescent="0.25">
      <c r="D19595" s="6">
        <v>2223.0129999999999</v>
      </c>
      <c r="E19595" s="6">
        <v>642.89919999999995</v>
      </c>
    </row>
    <row r="19596" spans="4:5" x14ac:dyDescent="0.25">
      <c r="D19596" s="6">
        <v>547.60140000000001</v>
      </c>
      <c r="E19596" s="6">
        <v>578.38099999999997</v>
      </c>
    </row>
    <row r="19597" spans="4:5" x14ac:dyDescent="0.25">
      <c r="D19597" s="6">
        <v>948.30930000000001</v>
      </c>
      <c r="E19597" s="6">
        <v>1054.3420000000001</v>
      </c>
    </row>
    <row r="19598" spans="4:5" x14ac:dyDescent="0.25">
      <c r="D19598" s="6">
        <v>440.04149999999998</v>
      </c>
      <c r="E19598" s="6">
        <v>4416.7489999999998</v>
      </c>
    </row>
    <row r="19599" spans="4:5" x14ac:dyDescent="0.25">
      <c r="D19599" s="6">
        <v>558.35490000000004</v>
      </c>
      <c r="E19599" s="6">
        <v>1923.2819999999999</v>
      </c>
    </row>
    <row r="19600" spans="4:5" x14ac:dyDescent="0.25">
      <c r="D19600" s="6">
        <v>734.29079999999999</v>
      </c>
      <c r="E19600" s="6">
        <v>1135.8589999999999</v>
      </c>
    </row>
    <row r="19601" spans="4:5" x14ac:dyDescent="0.25">
      <c r="D19601" s="6">
        <v>854.77269999999999</v>
      </c>
      <c r="E19601" s="6">
        <v>677.23540000000003</v>
      </c>
    </row>
    <row r="19602" spans="4:5" x14ac:dyDescent="0.25">
      <c r="D19602" s="6">
        <v>519</v>
      </c>
      <c r="E19602" s="6">
        <v>8115</v>
      </c>
    </row>
    <row r="19603" spans="4:5" x14ac:dyDescent="0.25">
      <c r="D19603" s="6">
        <v>173.51849999999999</v>
      </c>
      <c r="E19603" s="6">
        <v>649.14350000000002</v>
      </c>
    </row>
    <row r="19604" spans="4:5" x14ac:dyDescent="0.25">
      <c r="D19604" s="6">
        <v>656.66669999999999</v>
      </c>
      <c r="E19604" s="6">
        <v>508.4538</v>
      </c>
    </row>
    <row r="19605" spans="4:5" x14ac:dyDescent="0.25">
      <c r="D19605" s="6">
        <v>963.82600000000002</v>
      </c>
      <c r="E19605" s="6">
        <v>2550.2040000000002</v>
      </c>
    </row>
    <row r="19606" spans="4:5" x14ac:dyDescent="0.25">
      <c r="D19606" s="6">
        <v>1063.433</v>
      </c>
      <c r="E19606" s="6">
        <v>1075.027</v>
      </c>
    </row>
    <row r="19607" spans="4:5" x14ac:dyDescent="0.25">
      <c r="D19607" s="6">
        <v>888.10509999999999</v>
      </c>
      <c r="E19607" s="6">
        <v>190.93389999999999</v>
      </c>
    </row>
    <row r="19608" spans="4:5" x14ac:dyDescent="0.25">
      <c r="D19608" s="6">
        <v>2590.0459999999998</v>
      </c>
      <c r="E19608" s="6">
        <v>668.69719999999995</v>
      </c>
    </row>
    <row r="19609" spans="4:5" x14ac:dyDescent="0.25">
      <c r="D19609" s="6">
        <v>811.27459999999996</v>
      </c>
      <c r="E19609" s="6">
        <v>1042.2170000000001</v>
      </c>
    </row>
    <row r="19610" spans="4:5" x14ac:dyDescent="0.25">
      <c r="D19610" s="6">
        <v>871.83460000000002</v>
      </c>
      <c r="E19610" s="6">
        <v>541.64549999999997</v>
      </c>
    </row>
    <row r="19611" spans="4:5" x14ac:dyDescent="0.25">
      <c r="D19611" s="6">
        <v>6468.4669999999996</v>
      </c>
      <c r="E19611" s="6">
        <v>1188.6869999999999</v>
      </c>
    </row>
    <row r="19612" spans="4:5" x14ac:dyDescent="0.25">
      <c r="D19612" s="6">
        <v>737.81949999999995</v>
      </c>
      <c r="E19612" s="6">
        <v>270.58330000000001</v>
      </c>
    </row>
    <row r="19613" spans="4:5" x14ac:dyDescent="0.25">
      <c r="D19613" s="6">
        <v>838.83600000000001</v>
      </c>
      <c r="E19613" s="6">
        <v>847.25</v>
      </c>
    </row>
    <row r="19614" spans="4:5" x14ac:dyDescent="0.25">
      <c r="D19614" s="6">
        <v>951.99390000000005</v>
      </c>
      <c r="E19614" s="6">
        <v>957.07140000000004</v>
      </c>
    </row>
    <row r="19615" spans="4:5" x14ac:dyDescent="0.25">
      <c r="D19615" s="6">
        <v>170.66220000000001</v>
      </c>
      <c r="E19615" s="6">
        <v>780.90350000000001</v>
      </c>
    </row>
    <row r="19616" spans="4:5" x14ac:dyDescent="0.25">
      <c r="D19616" s="6">
        <v>145.1053</v>
      </c>
      <c r="E19616" s="6">
        <v>1047.9169999999999</v>
      </c>
    </row>
    <row r="19617" spans="4:5" x14ac:dyDescent="0.25">
      <c r="D19617" s="6">
        <v>601.29470000000003</v>
      </c>
      <c r="E19617" s="6">
        <v>1138.248</v>
      </c>
    </row>
    <row r="19618" spans="4:5" x14ac:dyDescent="0.25">
      <c r="D19618" s="6">
        <v>859.37059999999997</v>
      </c>
      <c r="E19618" s="6">
        <v>640.79100000000005</v>
      </c>
    </row>
    <row r="19619" spans="4:5" x14ac:dyDescent="0.25">
      <c r="D19619" s="6">
        <v>651.41660000000002</v>
      </c>
      <c r="E19619" s="6">
        <v>851.00689999999997</v>
      </c>
    </row>
    <row r="19620" spans="4:5" x14ac:dyDescent="0.25">
      <c r="D19620" s="6">
        <v>856.43209999999999</v>
      </c>
      <c r="E19620" s="6">
        <v>371.20069999999998</v>
      </c>
    </row>
    <row r="19621" spans="4:5" x14ac:dyDescent="0.25">
      <c r="D19621" s="6">
        <v>926.38170000000002</v>
      </c>
      <c r="E19621" s="6">
        <v>1311.806</v>
      </c>
    </row>
    <row r="19622" spans="4:5" x14ac:dyDescent="0.25">
      <c r="D19622" s="6">
        <v>583.74649999999997</v>
      </c>
      <c r="E19622" s="6">
        <v>873.71990000000005</v>
      </c>
    </row>
    <row r="19623" spans="4:5" x14ac:dyDescent="0.25">
      <c r="D19623" s="6">
        <v>1012.552</v>
      </c>
      <c r="E19623" s="6">
        <v>516.7663</v>
      </c>
    </row>
    <row r="19624" spans="4:5" x14ac:dyDescent="0.25">
      <c r="D19624" s="6">
        <v>841.77390000000003</v>
      </c>
      <c r="E19624" s="6">
        <v>1029.569</v>
      </c>
    </row>
    <row r="19625" spans="4:5" x14ac:dyDescent="0.25">
      <c r="D19625" s="6">
        <v>881.72339999999997</v>
      </c>
      <c r="E19625" s="6">
        <v>5937</v>
      </c>
    </row>
    <row r="19626" spans="4:5" x14ac:dyDescent="0.25">
      <c r="D19626" s="6">
        <v>1496.576</v>
      </c>
      <c r="E19626" s="6">
        <v>1035.3699999999999</v>
      </c>
    </row>
    <row r="19627" spans="4:5" x14ac:dyDescent="0.25">
      <c r="D19627" s="6">
        <v>446.44209999999998</v>
      </c>
      <c r="E19627" s="6">
        <v>1445.0609999999999</v>
      </c>
    </row>
    <row r="19628" spans="4:5" x14ac:dyDescent="0.25">
      <c r="D19628" s="6">
        <v>997.18690000000004</v>
      </c>
      <c r="E19628" s="6">
        <v>1069.8309999999999</v>
      </c>
    </row>
    <row r="19629" spans="4:5" x14ac:dyDescent="0.25">
      <c r="D19629" s="6">
        <v>992.82939999999996</v>
      </c>
      <c r="E19629" s="6">
        <v>453.94850000000002</v>
      </c>
    </row>
    <row r="19630" spans="4:5" x14ac:dyDescent="0.25">
      <c r="D19630" s="6">
        <v>489.4529</v>
      </c>
      <c r="E19630" s="6">
        <v>3900.1460000000002</v>
      </c>
    </row>
    <row r="19631" spans="4:5" x14ac:dyDescent="0.25">
      <c r="D19631" s="6">
        <v>3292.4549999999999</v>
      </c>
      <c r="E19631" s="6">
        <v>7796.0789999999997</v>
      </c>
    </row>
    <row r="19632" spans="4:5" x14ac:dyDescent="0.25">
      <c r="D19632" s="6">
        <v>177.71430000000001</v>
      </c>
      <c r="E19632" s="6">
        <v>5564.0910000000003</v>
      </c>
    </row>
    <row r="19633" spans="4:5" x14ac:dyDescent="0.25">
      <c r="D19633" s="6">
        <v>800.1807</v>
      </c>
      <c r="E19633" s="6">
        <v>3891.1329999999998</v>
      </c>
    </row>
    <row r="19634" spans="4:5" x14ac:dyDescent="0.25">
      <c r="D19634" s="6">
        <v>3620.181</v>
      </c>
      <c r="E19634" s="6">
        <v>1356.453</v>
      </c>
    </row>
    <row r="19635" spans="4:5" x14ac:dyDescent="0.25">
      <c r="D19635" s="6">
        <v>1373.6679999999999</v>
      </c>
      <c r="E19635" s="6">
        <v>377.3467</v>
      </c>
    </row>
    <row r="19636" spans="4:5" x14ac:dyDescent="0.25">
      <c r="D19636" s="6">
        <v>397.02769999999998</v>
      </c>
      <c r="E19636" s="6">
        <v>583.46230000000003</v>
      </c>
    </row>
    <row r="19637" spans="4:5" x14ac:dyDescent="0.25">
      <c r="D19637" s="6">
        <v>2601.5169999999998</v>
      </c>
      <c r="E19637" s="6">
        <v>196.82859999999999</v>
      </c>
    </row>
    <row r="19638" spans="4:5" x14ac:dyDescent="0.25">
      <c r="D19638" s="6">
        <v>1377.7650000000001</v>
      </c>
      <c r="E19638" s="6">
        <v>2710.0990000000002</v>
      </c>
    </row>
    <row r="19639" spans="4:5" x14ac:dyDescent="0.25">
      <c r="D19639" s="6">
        <v>978.07119999999998</v>
      </c>
      <c r="E19639" s="6">
        <v>613.15539999999999</v>
      </c>
    </row>
    <row r="19640" spans="4:5" x14ac:dyDescent="0.25">
      <c r="D19640" s="6">
        <v>2034.19</v>
      </c>
      <c r="E19640" s="6">
        <v>344.91239999999999</v>
      </c>
    </row>
    <row r="19641" spans="4:5" x14ac:dyDescent="0.25">
      <c r="D19641" s="6">
        <v>470.84690000000001</v>
      </c>
      <c r="E19641" s="6">
        <v>504.11790000000002</v>
      </c>
    </row>
    <row r="19642" spans="4:5" x14ac:dyDescent="0.25">
      <c r="D19642" s="6">
        <v>4018.056</v>
      </c>
      <c r="E19642" s="6">
        <v>327.31630000000001</v>
      </c>
    </row>
    <row r="19643" spans="4:5" x14ac:dyDescent="0.25">
      <c r="D19643" s="6">
        <v>908.23159999999996</v>
      </c>
      <c r="E19643" s="6">
        <v>3191.4380000000001</v>
      </c>
    </row>
    <row r="19644" spans="4:5" x14ac:dyDescent="0.25">
      <c r="D19644" s="6">
        <v>1093.7059999999999</v>
      </c>
      <c r="E19644" s="6">
        <v>667.41959999999995</v>
      </c>
    </row>
    <row r="19645" spans="4:5" x14ac:dyDescent="0.25">
      <c r="D19645" s="6">
        <v>1181.9760000000001</v>
      </c>
      <c r="E19645" s="6">
        <v>1323.0920000000001</v>
      </c>
    </row>
    <row r="19646" spans="4:5" x14ac:dyDescent="0.25">
      <c r="D19646" s="6">
        <v>908.03510000000006</v>
      </c>
      <c r="E19646" s="6">
        <v>542.93799999999999</v>
      </c>
    </row>
    <row r="19647" spans="4:5" x14ac:dyDescent="0.25">
      <c r="D19647" s="6">
        <v>872.85239999999999</v>
      </c>
      <c r="E19647" s="6">
        <v>652.87990000000002</v>
      </c>
    </row>
    <row r="19648" spans="4:5" x14ac:dyDescent="0.25">
      <c r="D19648" s="6">
        <v>721.27779999999996</v>
      </c>
      <c r="E19648" s="6">
        <v>204.07499999999999</v>
      </c>
    </row>
    <row r="19649" spans="4:5" x14ac:dyDescent="0.25">
      <c r="D19649" s="6">
        <v>854.04100000000005</v>
      </c>
      <c r="E19649" s="6">
        <v>494.62369999999999</v>
      </c>
    </row>
    <row r="19650" spans="4:5" x14ac:dyDescent="0.25">
      <c r="D19650" s="6">
        <v>731.54300000000001</v>
      </c>
      <c r="E19650" s="6">
        <v>4975.8999999999996</v>
      </c>
    </row>
    <row r="19651" spans="4:5" x14ac:dyDescent="0.25">
      <c r="D19651" s="6">
        <v>1194.3910000000001</v>
      </c>
      <c r="E19651" s="6">
        <v>2785.0639999999999</v>
      </c>
    </row>
    <row r="19652" spans="4:5" x14ac:dyDescent="0.25">
      <c r="D19652" s="6">
        <v>861.96130000000005</v>
      </c>
      <c r="E19652" s="6">
        <v>424.79020000000003</v>
      </c>
    </row>
    <row r="19653" spans="4:5" x14ac:dyDescent="0.25">
      <c r="D19653" s="6">
        <v>5307.924</v>
      </c>
      <c r="E19653" s="6">
        <v>2151.4879999999998</v>
      </c>
    </row>
    <row r="19654" spans="4:5" x14ac:dyDescent="0.25">
      <c r="D19654" s="6">
        <v>1378.5219999999999</v>
      </c>
      <c r="E19654" s="6">
        <v>6731</v>
      </c>
    </row>
    <row r="19655" spans="4:5" x14ac:dyDescent="0.25">
      <c r="D19655" s="6">
        <v>1158.2059999999999</v>
      </c>
      <c r="E19655" s="6">
        <v>2486.5</v>
      </c>
    </row>
    <row r="19656" spans="4:5" x14ac:dyDescent="0.25">
      <c r="D19656" s="6">
        <v>469.27210000000002</v>
      </c>
      <c r="E19656" s="6">
        <v>898.16480000000001</v>
      </c>
    </row>
    <row r="19657" spans="4:5" x14ac:dyDescent="0.25">
      <c r="D19657" s="6">
        <v>787.78200000000004</v>
      </c>
      <c r="E19657" s="6">
        <v>330.2362</v>
      </c>
    </row>
    <row r="19658" spans="4:5" x14ac:dyDescent="0.25">
      <c r="D19658" s="6">
        <v>5173.3329999999996</v>
      </c>
      <c r="E19658" s="6">
        <v>1335.405</v>
      </c>
    </row>
    <row r="19659" spans="4:5" x14ac:dyDescent="0.25">
      <c r="D19659" s="6">
        <v>1018.7329999999999</v>
      </c>
      <c r="E19659" s="6">
        <v>630.01509999999996</v>
      </c>
    </row>
    <row r="19660" spans="4:5" x14ac:dyDescent="0.25">
      <c r="D19660" s="6">
        <v>1400.163</v>
      </c>
      <c r="E19660" s="6">
        <v>469.07089999999999</v>
      </c>
    </row>
    <row r="19661" spans="4:5" x14ac:dyDescent="0.25">
      <c r="D19661" s="6">
        <v>714.06230000000005</v>
      </c>
      <c r="E19661" s="6">
        <v>432.07760000000002</v>
      </c>
    </row>
    <row r="19662" spans="4:5" x14ac:dyDescent="0.25">
      <c r="D19662" s="6">
        <v>1061.769</v>
      </c>
      <c r="E19662" s="6">
        <v>281.05059999999997</v>
      </c>
    </row>
    <row r="19663" spans="4:5" x14ac:dyDescent="0.25">
      <c r="D19663" s="6">
        <v>777.83540000000005</v>
      </c>
      <c r="E19663" s="6">
        <v>900.45600000000002</v>
      </c>
    </row>
    <row r="19664" spans="4:5" x14ac:dyDescent="0.25">
      <c r="D19664" s="6">
        <v>975.92430000000002</v>
      </c>
      <c r="E19664" s="6">
        <v>665.37289999999996</v>
      </c>
    </row>
    <row r="19665" spans="4:5" x14ac:dyDescent="0.25">
      <c r="D19665" s="6">
        <v>1339.7670000000001</v>
      </c>
      <c r="E19665" s="6">
        <v>167.96950000000001</v>
      </c>
    </row>
    <row r="19666" spans="4:5" x14ac:dyDescent="0.25">
      <c r="D19666" s="6">
        <v>973.86180000000002</v>
      </c>
      <c r="E19666" s="6">
        <v>1133.1379999999999</v>
      </c>
    </row>
    <row r="19667" spans="4:5" x14ac:dyDescent="0.25">
      <c r="D19667" s="6">
        <v>840.51880000000006</v>
      </c>
      <c r="E19667" s="6">
        <v>312.6755</v>
      </c>
    </row>
    <row r="19668" spans="4:5" x14ac:dyDescent="0.25">
      <c r="D19668" s="6">
        <v>1284.154</v>
      </c>
      <c r="E19668" s="6">
        <v>542.10530000000006</v>
      </c>
    </row>
    <row r="19669" spans="4:5" x14ac:dyDescent="0.25">
      <c r="D19669" s="6">
        <v>3888.1990000000001</v>
      </c>
      <c r="E19669" s="6">
        <v>627.83330000000001</v>
      </c>
    </row>
    <row r="19670" spans="4:5" x14ac:dyDescent="0.25">
      <c r="D19670" s="6">
        <v>363.03609999999998</v>
      </c>
      <c r="E19670" s="6">
        <v>4610.25</v>
      </c>
    </row>
    <row r="19671" spans="4:5" x14ac:dyDescent="0.25">
      <c r="D19671" s="6">
        <v>1317.922</v>
      </c>
      <c r="E19671" s="6">
        <v>1651.722</v>
      </c>
    </row>
    <row r="19672" spans="4:5" x14ac:dyDescent="0.25">
      <c r="D19672" s="6">
        <v>938.67830000000004</v>
      </c>
      <c r="E19672" s="6">
        <v>828.0711</v>
      </c>
    </row>
    <row r="19673" spans="4:5" x14ac:dyDescent="0.25">
      <c r="D19673" s="6">
        <v>434.1431</v>
      </c>
      <c r="E19673" s="6">
        <v>6281.15</v>
      </c>
    </row>
    <row r="19674" spans="4:5" x14ac:dyDescent="0.25">
      <c r="D19674" s="6">
        <v>994.78750000000002</v>
      </c>
      <c r="E19674" s="6">
        <v>432.27379999999999</v>
      </c>
    </row>
    <row r="19675" spans="4:5" x14ac:dyDescent="0.25">
      <c r="D19675" s="6">
        <v>2007.309</v>
      </c>
      <c r="E19675" s="6">
        <v>195.42070000000001</v>
      </c>
    </row>
    <row r="19676" spans="4:5" x14ac:dyDescent="0.25">
      <c r="D19676" s="6">
        <v>1513.779</v>
      </c>
      <c r="E19676" s="6">
        <v>443.94839999999999</v>
      </c>
    </row>
    <row r="19677" spans="4:5" x14ac:dyDescent="0.25">
      <c r="D19677" s="6">
        <v>849.06989999999996</v>
      </c>
      <c r="E19677" s="6">
        <v>10916.34</v>
      </c>
    </row>
    <row r="19678" spans="4:5" x14ac:dyDescent="0.25">
      <c r="D19678" s="6">
        <v>1002.841</v>
      </c>
      <c r="E19678" s="6">
        <v>3210.1489999999999</v>
      </c>
    </row>
    <row r="19679" spans="4:5" x14ac:dyDescent="0.25">
      <c r="D19679" s="6">
        <v>842.20060000000001</v>
      </c>
      <c r="E19679" s="6">
        <v>2786.433</v>
      </c>
    </row>
    <row r="19680" spans="4:5" x14ac:dyDescent="0.25">
      <c r="D19680" s="6">
        <v>1475.1279999999999</v>
      </c>
      <c r="E19680" s="6">
        <v>587.13329999999996</v>
      </c>
    </row>
    <row r="19681" spans="4:5" x14ac:dyDescent="0.25">
      <c r="D19681" s="6">
        <v>1392.8389999999999</v>
      </c>
      <c r="E19681" s="6">
        <v>170.36590000000001</v>
      </c>
    </row>
    <row r="19682" spans="4:5" x14ac:dyDescent="0.25">
      <c r="D19682" s="6">
        <v>2224.7649999999999</v>
      </c>
      <c r="E19682" s="6">
        <v>815.26409999999998</v>
      </c>
    </row>
    <row r="19683" spans="4:5" x14ac:dyDescent="0.25">
      <c r="D19683" s="6">
        <v>1116.46</v>
      </c>
      <c r="E19683" s="6">
        <v>280</v>
      </c>
    </row>
    <row r="19684" spans="4:5" x14ac:dyDescent="0.25">
      <c r="D19684" s="6">
        <v>415.55959999999999</v>
      </c>
      <c r="E19684" s="6">
        <v>595.4787</v>
      </c>
    </row>
    <row r="19685" spans="4:5" x14ac:dyDescent="0.25">
      <c r="D19685" s="6">
        <v>838.10979999999995</v>
      </c>
      <c r="E19685" s="6">
        <v>3423.4290000000001</v>
      </c>
    </row>
    <row r="19686" spans="4:5" x14ac:dyDescent="0.25">
      <c r="D19686" s="6">
        <v>2332.1790000000001</v>
      </c>
      <c r="E19686" s="6">
        <v>516.01729999999998</v>
      </c>
    </row>
    <row r="19687" spans="4:5" x14ac:dyDescent="0.25">
      <c r="D19687" s="6">
        <v>936.15740000000005</v>
      </c>
      <c r="E19687" s="6">
        <v>597.24270000000001</v>
      </c>
    </row>
    <row r="19688" spans="4:5" x14ac:dyDescent="0.25">
      <c r="D19688" s="6">
        <v>638.88490000000002</v>
      </c>
      <c r="E19688" s="6">
        <v>653.03160000000003</v>
      </c>
    </row>
    <row r="19689" spans="4:5" x14ac:dyDescent="0.25">
      <c r="D19689" s="6">
        <v>782.48860000000002</v>
      </c>
      <c r="E19689" s="6">
        <v>891.55700000000002</v>
      </c>
    </row>
    <row r="19690" spans="4:5" x14ac:dyDescent="0.25">
      <c r="D19690" s="6">
        <v>917.30920000000003</v>
      </c>
      <c r="E19690" s="6">
        <v>855.09649999999999</v>
      </c>
    </row>
    <row r="19691" spans="4:5" x14ac:dyDescent="0.25">
      <c r="D19691" s="6">
        <v>1367.9590000000001</v>
      </c>
      <c r="E19691" s="6">
        <v>243.3185</v>
      </c>
    </row>
    <row r="19692" spans="4:5" x14ac:dyDescent="0.25">
      <c r="D19692" s="6">
        <v>9897.7780000000002</v>
      </c>
      <c r="E19692" s="6">
        <v>7062</v>
      </c>
    </row>
    <row r="19693" spans="4:5" x14ac:dyDescent="0.25">
      <c r="D19693" s="6">
        <v>1383.835</v>
      </c>
      <c r="E19693" s="6">
        <v>837.89469999999994</v>
      </c>
    </row>
    <row r="19694" spans="4:5" x14ac:dyDescent="0.25">
      <c r="D19694" s="6">
        <v>783.51610000000005</v>
      </c>
      <c r="E19694" s="6">
        <v>1124.326</v>
      </c>
    </row>
    <row r="19695" spans="4:5" x14ac:dyDescent="0.25">
      <c r="D19695" s="6">
        <v>400.70049999999998</v>
      </c>
      <c r="E19695" s="6">
        <v>695.37940000000003</v>
      </c>
    </row>
    <row r="19696" spans="4:5" x14ac:dyDescent="0.25">
      <c r="D19696" s="6">
        <v>411.08859999999999</v>
      </c>
      <c r="E19696" s="6">
        <v>786.00329999999997</v>
      </c>
    </row>
    <row r="19697" spans="4:5" x14ac:dyDescent="0.25">
      <c r="D19697" s="6">
        <v>1546.5</v>
      </c>
      <c r="E19697" s="6">
        <v>612.50620000000004</v>
      </c>
    </row>
    <row r="19698" spans="4:5" x14ac:dyDescent="0.25">
      <c r="D19698" s="6">
        <v>3044.3389999999999</v>
      </c>
      <c r="E19698" s="6">
        <v>5801.5559999999996</v>
      </c>
    </row>
    <row r="19699" spans="4:5" x14ac:dyDescent="0.25">
      <c r="D19699" s="6">
        <v>388.411</v>
      </c>
      <c r="E19699" s="6">
        <v>3588.5709999999999</v>
      </c>
    </row>
    <row r="19700" spans="4:5" x14ac:dyDescent="0.25">
      <c r="D19700" s="6">
        <v>450.09019999999998</v>
      </c>
      <c r="E19700" s="6">
        <v>1623.575</v>
      </c>
    </row>
    <row r="19701" spans="4:5" x14ac:dyDescent="0.25">
      <c r="D19701" s="6">
        <v>980.6223</v>
      </c>
      <c r="E19701" s="6">
        <v>839.74720000000002</v>
      </c>
    </row>
    <row r="19702" spans="4:5" x14ac:dyDescent="0.25">
      <c r="D19702" s="6">
        <v>874.56709999999998</v>
      </c>
      <c r="E19702" s="6">
        <v>205.27510000000001</v>
      </c>
    </row>
    <row r="19703" spans="4:5" x14ac:dyDescent="0.25">
      <c r="D19703" s="6">
        <v>6159.6</v>
      </c>
      <c r="E19703" s="6">
        <v>716.81799999999998</v>
      </c>
    </row>
    <row r="19704" spans="4:5" x14ac:dyDescent="0.25">
      <c r="D19704" s="6">
        <v>544.40440000000001</v>
      </c>
      <c r="E19704" s="6">
        <v>707.99210000000005</v>
      </c>
    </row>
    <row r="19705" spans="4:5" x14ac:dyDescent="0.25">
      <c r="D19705" s="6">
        <v>623.79560000000004</v>
      </c>
      <c r="E19705" s="6">
        <v>204.76730000000001</v>
      </c>
    </row>
    <row r="19706" spans="4:5" x14ac:dyDescent="0.25">
      <c r="D19706" s="6">
        <v>11817.38</v>
      </c>
      <c r="E19706" s="6">
        <v>1875</v>
      </c>
    </row>
    <row r="19707" spans="4:5" x14ac:dyDescent="0.25">
      <c r="D19707" s="6">
        <v>625.1626</v>
      </c>
      <c r="E19707" s="6">
        <v>741.1739</v>
      </c>
    </row>
    <row r="19708" spans="4:5" x14ac:dyDescent="0.25">
      <c r="D19708" s="6">
        <v>1011.742</v>
      </c>
      <c r="E19708" s="6">
        <v>2960.9989999999998</v>
      </c>
    </row>
    <row r="19709" spans="4:5" x14ac:dyDescent="0.25">
      <c r="D19709" s="6">
        <v>1268.615</v>
      </c>
      <c r="E19709" s="6">
        <v>736.96289999999999</v>
      </c>
    </row>
    <row r="19710" spans="4:5" x14ac:dyDescent="0.25">
      <c r="D19710" s="6">
        <v>2169.3789999999999</v>
      </c>
      <c r="E19710" s="6">
        <v>706.69</v>
      </c>
    </row>
    <row r="19711" spans="4:5" x14ac:dyDescent="0.25">
      <c r="D19711" s="6">
        <v>509.89139999999998</v>
      </c>
      <c r="E19711" s="6">
        <v>721.49109999999996</v>
      </c>
    </row>
    <row r="19712" spans="4:5" x14ac:dyDescent="0.25">
      <c r="D19712" s="6">
        <v>436.1189</v>
      </c>
      <c r="E19712" s="6">
        <v>1015.8339999999999</v>
      </c>
    </row>
    <row r="19713" spans="4:5" x14ac:dyDescent="0.25">
      <c r="D19713" s="6">
        <v>819.00760000000002</v>
      </c>
      <c r="E19713" s="6">
        <v>196.32560000000001</v>
      </c>
    </row>
    <row r="19714" spans="4:5" x14ac:dyDescent="0.25">
      <c r="D19714" s="6">
        <v>958.96839999999997</v>
      </c>
      <c r="E19714" s="6">
        <v>1889.115</v>
      </c>
    </row>
    <row r="19715" spans="4:5" x14ac:dyDescent="0.25">
      <c r="D19715" s="6">
        <v>394.95780000000002</v>
      </c>
      <c r="E19715" s="6">
        <v>170.5403</v>
      </c>
    </row>
    <row r="19716" spans="4:5" x14ac:dyDescent="0.25">
      <c r="D19716" s="6">
        <v>852.83309999999994</v>
      </c>
      <c r="E19716" s="6">
        <v>547.7296</v>
      </c>
    </row>
    <row r="19717" spans="4:5" x14ac:dyDescent="0.25">
      <c r="D19717" s="6">
        <v>176.2131</v>
      </c>
      <c r="E19717" s="6">
        <v>552.65629999999999</v>
      </c>
    </row>
    <row r="19718" spans="4:5" x14ac:dyDescent="0.25">
      <c r="D19718" s="6">
        <v>596.79909999999995</v>
      </c>
      <c r="E19718" s="6">
        <v>490.25009999999997</v>
      </c>
    </row>
    <row r="19719" spans="4:5" x14ac:dyDescent="0.25">
      <c r="D19719" s="6">
        <v>415.83929999999998</v>
      </c>
      <c r="E19719" s="6">
        <v>603.68970000000002</v>
      </c>
    </row>
    <row r="19720" spans="4:5" x14ac:dyDescent="0.25">
      <c r="D19720" s="6">
        <v>1110.3989999999999</v>
      </c>
      <c r="E19720" s="6">
        <v>379</v>
      </c>
    </row>
    <row r="19721" spans="4:5" x14ac:dyDescent="0.25">
      <c r="D19721" s="6">
        <v>401.5256</v>
      </c>
      <c r="E19721" s="6">
        <v>706.76310000000001</v>
      </c>
    </row>
    <row r="19722" spans="4:5" x14ac:dyDescent="0.25">
      <c r="D19722" s="6">
        <v>676.80229999999995</v>
      </c>
      <c r="E19722" s="6">
        <v>546.85159999999996</v>
      </c>
    </row>
    <row r="19723" spans="4:5" x14ac:dyDescent="0.25">
      <c r="D19723" s="6">
        <v>755.39149999999995</v>
      </c>
      <c r="E19723" s="6">
        <v>390.87939999999998</v>
      </c>
    </row>
    <row r="19724" spans="4:5" x14ac:dyDescent="0.25">
      <c r="D19724" s="6">
        <v>878.84730000000002</v>
      </c>
      <c r="E19724" s="6">
        <v>153.10429999999999</v>
      </c>
    </row>
    <row r="19725" spans="4:5" x14ac:dyDescent="0.25">
      <c r="D19725" s="6">
        <v>3430.777</v>
      </c>
      <c r="E19725" s="6">
        <v>943.92570000000001</v>
      </c>
    </row>
    <row r="19726" spans="4:5" x14ac:dyDescent="0.25">
      <c r="D19726" s="6">
        <v>2073.462</v>
      </c>
      <c r="E19726" s="6">
        <v>644.59559999999999</v>
      </c>
    </row>
    <row r="19727" spans="4:5" x14ac:dyDescent="0.25">
      <c r="D19727" s="6">
        <v>1932.39</v>
      </c>
      <c r="E19727" s="6">
        <v>666.47249999999997</v>
      </c>
    </row>
    <row r="19728" spans="4:5" x14ac:dyDescent="0.25">
      <c r="D19728" s="6">
        <v>2390.683</v>
      </c>
      <c r="E19728" s="6">
        <v>188.9375</v>
      </c>
    </row>
    <row r="19729" spans="4:5" x14ac:dyDescent="0.25">
      <c r="D19729" s="6">
        <v>1861.2860000000001</v>
      </c>
      <c r="E19729" s="6">
        <v>1017.7569999999999</v>
      </c>
    </row>
    <row r="19730" spans="4:5" x14ac:dyDescent="0.25">
      <c r="D19730" s="6">
        <v>655.89710000000002</v>
      </c>
      <c r="E19730" s="6">
        <v>596.75879999999995</v>
      </c>
    </row>
    <row r="19731" spans="4:5" x14ac:dyDescent="0.25">
      <c r="D19731" s="6">
        <v>518.28859999999997</v>
      </c>
      <c r="E19731" s="6">
        <v>590.73749999999995</v>
      </c>
    </row>
    <row r="19732" spans="4:5" x14ac:dyDescent="0.25">
      <c r="D19732" s="6">
        <v>664.6576</v>
      </c>
      <c r="E19732" s="6">
        <v>342.71260000000001</v>
      </c>
    </row>
    <row r="19733" spans="4:5" x14ac:dyDescent="0.25">
      <c r="D19733" s="6">
        <v>1023.8869999999999</v>
      </c>
      <c r="E19733" s="6">
        <v>174.01320000000001</v>
      </c>
    </row>
    <row r="19734" spans="4:5" x14ac:dyDescent="0.25">
      <c r="D19734" s="6">
        <v>1673.07</v>
      </c>
      <c r="E19734" s="6">
        <v>333.40969999999999</v>
      </c>
    </row>
    <row r="19735" spans="4:5" x14ac:dyDescent="0.25">
      <c r="D19735" s="6">
        <v>1012.478</v>
      </c>
      <c r="E19735" s="6">
        <v>169.6644</v>
      </c>
    </row>
    <row r="19736" spans="4:5" x14ac:dyDescent="0.25">
      <c r="D19736" s="6">
        <v>870.70860000000005</v>
      </c>
      <c r="E19736" s="6">
        <v>2784</v>
      </c>
    </row>
    <row r="19737" spans="4:5" x14ac:dyDescent="0.25">
      <c r="D19737" s="6">
        <v>700.15179999999998</v>
      </c>
      <c r="E19737" s="6">
        <v>661.89679999999998</v>
      </c>
    </row>
    <row r="19738" spans="4:5" x14ac:dyDescent="0.25">
      <c r="D19738" s="6">
        <v>601.13390000000004</v>
      </c>
      <c r="E19738" s="6">
        <v>298.89170000000001</v>
      </c>
    </row>
    <row r="19739" spans="4:5" x14ac:dyDescent="0.25">
      <c r="D19739" s="6">
        <v>5820.31</v>
      </c>
      <c r="E19739" s="6">
        <v>2565.556</v>
      </c>
    </row>
    <row r="19740" spans="4:5" x14ac:dyDescent="0.25">
      <c r="D19740" s="6">
        <v>891.09630000000004</v>
      </c>
      <c r="E19740" s="6">
        <v>788.68489999999997</v>
      </c>
    </row>
    <row r="19741" spans="4:5" x14ac:dyDescent="0.25">
      <c r="D19741" s="6">
        <v>350.7192</v>
      </c>
      <c r="E19741" s="6">
        <v>760.84209999999996</v>
      </c>
    </row>
    <row r="19742" spans="4:5" x14ac:dyDescent="0.25">
      <c r="D19742" s="6">
        <v>1001.376</v>
      </c>
      <c r="E19742" s="6">
        <v>520.23699999999997</v>
      </c>
    </row>
    <row r="19743" spans="4:5" x14ac:dyDescent="0.25">
      <c r="D19743" s="6">
        <v>629.98030000000006</v>
      </c>
      <c r="E19743" s="6">
        <v>408.1782</v>
      </c>
    </row>
    <row r="19744" spans="4:5" x14ac:dyDescent="0.25">
      <c r="D19744" s="6">
        <v>2738.029</v>
      </c>
      <c r="E19744" s="6">
        <v>674.83330000000001</v>
      </c>
    </row>
    <row r="19745" spans="4:5" x14ac:dyDescent="0.25">
      <c r="D19745" s="6">
        <v>1043.29</v>
      </c>
      <c r="E19745" s="6">
        <v>1710</v>
      </c>
    </row>
    <row r="19746" spans="4:5" x14ac:dyDescent="0.25">
      <c r="D19746" s="6">
        <v>435.81779999999998</v>
      </c>
      <c r="E19746" s="6">
        <v>610.76670000000001</v>
      </c>
    </row>
    <row r="19747" spans="4:5" x14ac:dyDescent="0.25">
      <c r="D19747" s="6">
        <v>2043.7650000000001</v>
      </c>
      <c r="E19747" s="6">
        <v>457.66820000000001</v>
      </c>
    </row>
    <row r="19748" spans="4:5" x14ac:dyDescent="0.25">
      <c r="D19748" s="6">
        <v>1460.4159999999999</v>
      </c>
      <c r="E19748" s="6">
        <v>1669.875</v>
      </c>
    </row>
    <row r="19749" spans="4:5" x14ac:dyDescent="0.25">
      <c r="D19749" s="6">
        <v>1616.1969999999999</v>
      </c>
      <c r="E19749" s="6">
        <v>747.68129999999996</v>
      </c>
    </row>
    <row r="19750" spans="4:5" x14ac:dyDescent="0.25">
      <c r="D19750" s="6">
        <v>868.76790000000005</v>
      </c>
      <c r="E19750" s="6">
        <v>276.25</v>
      </c>
    </row>
    <row r="19751" spans="4:5" x14ac:dyDescent="0.25">
      <c r="D19751" s="6">
        <v>1283.462</v>
      </c>
      <c r="E19751" s="6">
        <v>1172.442</v>
      </c>
    </row>
    <row r="19752" spans="4:5" x14ac:dyDescent="0.25">
      <c r="D19752" s="6">
        <v>723.08169999999996</v>
      </c>
      <c r="E19752" s="6">
        <v>168.54130000000001</v>
      </c>
    </row>
    <row r="19753" spans="4:5" x14ac:dyDescent="0.25">
      <c r="D19753" s="6">
        <v>937.32429999999999</v>
      </c>
      <c r="E19753" s="6">
        <v>779.64030000000002</v>
      </c>
    </row>
    <row r="19754" spans="4:5" x14ac:dyDescent="0.25">
      <c r="D19754" s="6">
        <v>1811.1</v>
      </c>
      <c r="E19754" s="6">
        <v>286.64589999999998</v>
      </c>
    </row>
    <row r="19755" spans="4:5" x14ac:dyDescent="0.25">
      <c r="D19755" s="6">
        <v>696.23620000000005</v>
      </c>
      <c r="E19755" s="6">
        <v>730.55340000000001</v>
      </c>
    </row>
    <row r="19756" spans="4:5" x14ac:dyDescent="0.25">
      <c r="D19756" s="6">
        <v>916.87840000000006</v>
      </c>
      <c r="E19756" s="6">
        <v>643.34659999999997</v>
      </c>
    </row>
    <row r="19757" spans="4:5" x14ac:dyDescent="0.25">
      <c r="D19757" s="6">
        <v>847.95010000000002</v>
      </c>
      <c r="E19757" s="6">
        <v>188.9787</v>
      </c>
    </row>
    <row r="19758" spans="4:5" x14ac:dyDescent="0.25">
      <c r="D19758" s="6">
        <v>388.28609999999998</v>
      </c>
      <c r="E19758" s="6">
        <v>902.95140000000004</v>
      </c>
    </row>
    <row r="19759" spans="4:5" x14ac:dyDescent="0.25">
      <c r="D19759" s="6">
        <v>869.69420000000002</v>
      </c>
      <c r="E19759" s="6">
        <v>471.68389999999999</v>
      </c>
    </row>
    <row r="19760" spans="4:5" x14ac:dyDescent="0.25">
      <c r="D19760" s="6">
        <v>5487.0320000000002</v>
      </c>
      <c r="E19760" s="6">
        <v>674.94439999999997</v>
      </c>
    </row>
    <row r="19761" spans="4:5" x14ac:dyDescent="0.25">
      <c r="D19761" s="6">
        <v>1116.204</v>
      </c>
      <c r="E19761" s="6">
        <v>391.92140000000001</v>
      </c>
    </row>
    <row r="19762" spans="4:5" x14ac:dyDescent="0.25">
      <c r="D19762" s="6">
        <v>1177.9390000000001</v>
      </c>
      <c r="E19762" s="6">
        <v>457.49889999999999</v>
      </c>
    </row>
    <row r="19763" spans="4:5" x14ac:dyDescent="0.25">
      <c r="D19763" s="6">
        <v>2635.7750000000001</v>
      </c>
      <c r="E19763" s="6">
        <v>456.70370000000003</v>
      </c>
    </row>
    <row r="19764" spans="4:5" x14ac:dyDescent="0.25">
      <c r="D19764" s="6">
        <v>1342.3209999999999</v>
      </c>
      <c r="E19764" s="6">
        <v>518.46090000000004</v>
      </c>
    </row>
    <row r="19765" spans="4:5" x14ac:dyDescent="0.25">
      <c r="D19765" s="6">
        <v>1102.3820000000001</v>
      </c>
      <c r="E19765" s="6">
        <v>3896.3</v>
      </c>
    </row>
    <row r="19766" spans="4:5" x14ac:dyDescent="0.25">
      <c r="D19766" s="6">
        <v>1738.68</v>
      </c>
      <c r="E19766" s="6">
        <v>738.23919999999998</v>
      </c>
    </row>
    <row r="19767" spans="4:5" x14ac:dyDescent="0.25">
      <c r="D19767" s="6">
        <v>891.67129999999997</v>
      </c>
      <c r="E19767" s="6">
        <v>356.12479999999999</v>
      </c>
    </row>
    <row r="19768" spans="4:5" x14ac:dyDescent="0.25">
      <c r="D19768" s="6">
        <v>1547.665</v>
      </c>
      <c r="E19768" s="6">
        <v>725.34749999999997</v>
      </c>
    </row>
    <row r="19769" spans="4:5" x14ac:dyDescent="0.25">
      <c r="D19769" s="6">
        <v>578.154</v>
      </c>
      <c r="E19769" s="6">
        <v>424.69630000000001</v>
      </c>
    </row>
    <row r="19770" spans="4:5" x14ac:dyDescent="0.25">
      <c r="D19770" s="6">
        <v>988.1463</v>
      </c>
      <c r="E19770" s="6">
        <v>441.93200000000002</v>
      </c>
    </row>
    <row r="19771" spans="4:5" x14ac:dyDescent="0.25">
      <c r="D19771" s="6">
        <v>949.73590000000002</v>
      </c>
      <c r="E19771" s="6">
        <v>289</v>
      </c>
    </row>
    <row r="19772" spans="4:5" x14ac:dyDescent="0.25">
      <c r="D19772" s="6">
        <v>2226.777</v>
      </c>
      <c r="E19772" s="6">
        <v>448.13310000000001</v>
      </c>
    </row>
    <row r="19773" spans="4:5" x14ac:dyDescent="0.25">
      <c r="D19773" s="6">
        <v>1197.223</v>
      </c>
      <c r="E19773" s="6">
        <v>637.48180000000002</v>
      </c>
    </row>
    <row r="19774" spans="4:5" x14ac:dyDescent="0.25">
      <c r="D19774" s="6">
        <v>928.69039999999995</v>
      </c>
      <c r="E19774" s="6">
        <v>450.09289999999999</v>
      </c>
    </row>
    <row r="19775" spans="4:5" x14ac:dyDescent="0.25">
      <c r="D19775" s="6">
        <v>920.46280000000002</v>
      </c>
      <c r="E19775" s="6">
        <v>394.91379999999998</v>
      </c>
    </row>
    <row r="19776" spans="4:5" x14ac:dyDescent="0.25">
      <c r="D19776" s="6">
        <v>2682.4090000000001</v>
      </c>
      <c r="E19776" s="6">
        <v>651.02380000000005</v>
      </c>
    </row>
    <row r="19777" spans="4:5" x14ac:dyDescent="0.25">
      <c r="D19777" s="6">
        <v>626.55129999999997</v>
      </c>
      <c r="E19777" s="6">
        <v>174.42619999999999</v>
      </c>
    </row>
    <row r="19778" spans="4:5" x14ac:dyDescent="0.25">
      <c r="D19778" s="6">
        <v>2305.1640000000002</v>
      </c>
      <c r="E19778" s="6">
        <v>391.37200000000001</v>
      </c>
    </row>
    <row r="19779" spans="4:5" x14ac:dyDescent="0.25">
      <c r="D19779" s="6">
        <v>11609.73</v>
      </c>
      <c r="E19779" s="6">
        <v>166.15790000000001</v>
      </c>
    </row>
    <row r="19780" spans="4:5" x14ac:dyDescent="0.25">
      <c r="D19780" s="6">
        <v>690.12630000000001</v>
      </c>
      <c r="E19780" s="6">
        <v>514.54459999999995</v>
      </c>
    </row>
    <row r="19781" spans="4:5" x14ac:dyDescent="0.25">
      <c r="D19781" s="6">
        <v>3835.1979999999999</v>
      </c>
      <c r="E19781" s="6">
        <v>302.30239999999998</v>
      </c>
    </row>
    <row r="19782" spans="4:5" x14ac:dyDescent="0.25">
      <c r="D19782" s="6">
        <v>876.17330000000004</v>
      </c>
      <c r="E19782" s="6">
        <v>532.4588</v>
      </c>
    </row>
    <row r="19783" spans="4:5" x14ac:dyDescent="0.25">
      <c r="D19783" s="6">
        <v>630.52409999999998</v>
      </c>
      <c r="E19783" s="6">
        <v>594.67259999999999</v>
      </c>
    </row>
    <row r="19784" spans="4:5" x14ac:dyDescent="0.25">
      <c r="D19784" s="6">
        <v>5927.3149999999996</v>
      </c>
      <c r="E19784" s="6">
        <v>362.86959999999999</v>
      </c>
    </row>
    <row r="19785" spans="4:5" x14ac:dyDescent="0.25">
      <c r="D19785" s="6">
        <v>1313.2850000000001</v>
      </c>
      <c r="E19785" s="6">
        <v>1233.6669999999999</v>
      </c>
    </row>
    <row r="19786" spans="4:5" x14ac:dyDescent="0.25">
      <c r="D19786" s="6">
        <v>1167.308</v>
      </c>
      <c r="E19786" s="6">
        <v>300.47340000000003</v>
      </c>
    </row>
    <row r="19787" spans="4:5" x14ac:dyDescent="0.25">
      <c r="D19787" s="6">
        <v>1046.9649999999999</v>
      </c>
      <c r="E19787" s="6">
        <v>159.13030000000001</v>
      </c>
    </row>
    <row r="19788" spans="4:5" x14ac:dyDescent="0.25">
      <c r="D19788" s="6">
        <v>744.17960000000005</v>
      </c>
      <c r="E19788" s="6">
        <v>717.39620000000002</v>
      </c>
    </row>
    <row r="19789" spans="4:5" x14ac:dyDescent="0.25">
      <c r="D19789" s="6">
        <v>1154.72</v>
      </c>
      <c r="E19789" s="6">
        <v>346.15210000000002</v>
      </c>
    </row>
    <row r="19790" spans="4:5" x14ac:dyDescent="0.25">
      <c r="D19790" s="6">
        <v>1423.93</v>
      </c>
      <c r="E19790" s="6">
        <v>294.44880000000001</v>
      </c>
    </row>
    <row r="19791" spans="4:5" x14ac:dyDescent="0.25">
      <c r="D19791" s="6">
        <v>173.02799999999999</v>
      </c>
      <c r="E19791" s="6">
        <v>354.74430000000001</v>
      </c>
    </row>
    <row r="19792" spans="4:5" x14ac:dyDescent="0.25">
      <c r="D19792" s="6">
        <v>924.50869999999998</v>
      </c>
      <c r="E19792" s="6">
        <v>301.56279999999998</v>
      </c>
    </row>
    <row r="19793" spans="4:5" x14ac:dyDescent="0.25">
      <c r="D19793" s="6">
        <v>6457.5</v>
      </c>
      <c r="E19793" s="6">
        <v>507.37150000000003</v>
      </c>
    </row>
    <row r="19794" spans="4:5" x14ac:dyDescent="0.25">
      <c r="D19794" s="6">
        <v>436.82310000000001</v>
      </c>
      <c r="E19794" s="6">
        <v>588.94179999999994</v>
      </c>
    </row>
    <row r="19795" spans="4:5" x14ac:dyDescent="0.25">
      <c r="D19795" s="6">
        <v>1161.3240000000001</v>
      </c>
      <c r="E19795" s="6">
        <v>168.94069999999999</v>
      </c>
    </row>
    <row r="19796" spans="4:5" x14ac:dyDescent="0.25">
      <c r="D19796" s="6">
        <v>361.19490000000002</v>
      </c>
      <c r="E19796" s="6">
        <v>588.71699999999998</v>
      </c>
    </row>
    <row r="19797" spans="4:5" x14ac:dyDescent="0.25">
      <c r="D19797" s="6">
        <v>4139.5110000000004</v>
      </c>
      <c r="E19797" s="6">
        <v>295.77269999999999</v>
      </c>
    </row>
    <row r="19798" spans="4:5" x14ac:dyDescent="0.25">
      <c r="D19798" s="6">
        <v>1247.7170000000001</v>
      </c>
      <c r="E19798" s="6">
        <v>826.69069999999999</v>
      </c>
    </row>
    <row r="19799" spans="4:5" x14ac:dyDescent="0.25">
      <c r="D19799" s="6">
        <v>13307.4</v>
      </c>
      <c r="E19799" s="6">
        <v>498.96570000000003</v>
      </c>
    </row>
    <row r="19800" spans="4:5" x14ac:dyDescent="0.25">
      <c r="D19800" s="6">
        <v>734.67809999999997</v>
      </c>
      <c r="E19800" s="6">
        <v>660.61120000000005</v>
      </c>
    </row>
    <row r="19801" spans="4:5" x14ac:dyDescent="0.25">
      <c r="D19801" s="6">
        <v>951.24400000000003</v>
      </c>
      <c r="E19801" s="6">
        <v>236.63849999999999</v>
      </c>
    </row>
    <row r="19802" spans="4:5" x14ac:dyDescent="0.25">
      <c r="D19802" s="6">
        <v>2990.15</v>
      </c>
      <c r="E19802" s="6">
        <v>432.39580000000001</v>
      </c>
    </row>
    <row r="19803" spans="4:5" x14ac:dyDescent="0.25">
      <c r="D19803" s="6">
        <v>541.55319999999995</v>
      </c>
      <c r="E19803" s="6">
        <v>11889.53</v>
      </c>
    </row>
    <row r="19804" spans="4:5" x14ac:dyDescent="0.25">
      <c r="D19804" s="6">
        <v>1042.4659999999999</v>
      </c>
      <c r="E19804" s="6">
        <v>395.24990000000003</v>
      </c>
    </row>
    <row r="19805" spans="4:5" x14ac:dyDescent="0.25">
      <c r="D19805" s="6">
        <v>3157.7550000000001</v>
      </c>
      <c r="E19805" s="6">
        <v>463.24079999999998</v>
      </c>
    </row>
    <row r="19806" spans="4:5" x14ac:dyDescent="0.25">
      <c r="D19806" s="6">
        <v>459.57260000000002</v>
      </c>
      <c r="E19806" s="6">
        <v>256.66669999999999</v>
      </c>
    </row>
    <row r="19807" spans="4:5" x14ac:dyDescent="0.25">
      <c r="D19807" s="6">
        <v>509.50240000000002</v>
      </c>
      <c r="E19807" s="6">
        <v>475.89879999999999</v>
      </c>
    </row>
    <row r="19808" spans="4:5" x14ac:dyDescent="0.25">
      <c r="D19808" s="6">
        <v>1162.2840000000001</v>
      </c>
      <c r="E19808" s="6">
        <v>272.08339999999998</v>
      </c>
    </row>
    <row r="19809" spans="4:5" x14ac:dyDescent="0.25">
      <c r="D19809" s="6">
        <v>901.17939999999999</v>
      </c>
      <c r="E19809" s="6">
        <v>417.97059999999999</v>
      </c>
    </row>
    <row r="19810" spans="4:5" x14ac:dyDescent="0.25">
      <c r="D19810" s="6">
        <v>738.78800000000001</v>
      </c>
      <c r="E19810" s="6">
        <v>425.09969999999998</v>
      </c>
    </row>
    <row r="19811" spans="4:5" x14ac:dyDescent="0.25">
      <c r="D19811" s="6">
        <v>4195.7809999999999</v>
      </c>
      <c r="E19811" s="6">
        <v>319.16160000000002</v>
      </c>
    </row>
    <row r="19812" spans="4:5" x14ac:dyDescent="0.25">
      <c r="D19812" s="6">
        <v>2642.6680000000001</v>
      </c>
      <c r="E19812" s="6">
        <v>157.35579999999999</v>
      </c>
    </row>
    <row r="19813" spans="4:5" x14ac:dyDescent="0.25">
      <c r="D19813" s="6">
        <v>1602.5730000000001</v>
      </c>
      <c r="E19813" s="6">
        <v>285.2405</v>
      </c>
    </row>
    <row r="19814" spans="4:5" x14ac:dyDescent="0.25">
      <c r="D19814" s="6">
        <v>1053.961</v>
      </c>
      <c r="E19814" s="6">
        <v>298.66669999999999</v>
      </c>
    </row>
    <row r="19815" spans="4:5" x14ac:dyDescent="0.25">
      <c r="D19815" s="6">
        <v>400.84199999999998</v>
      </c>
      <c r="E19815" s="6">
        <v>183.99199999999999</v>
      </c>
    </row>
    <row r="19816" spans="4:5" x14ac:dyDescent="0.25">
      <c r="D19816" s="6">
        <v>3977.386</v>
      </c>
      <c r="E19816" s="6">
        <v>254.56659999999999</v>
      </c>
    </row>
    <row r="19817" spans="4:5" x14ac:dyDescent="0.25">
      <c r="D19817" s="6">
        <v>684.04549999999995</v>
      </c>
      <c r="E19817" s="6">
        <v>273.01150000000001</v>
      </c>
    </row>
    <row r="19818" spans="4:5" x14ac:dyDescent="0.25">
      <c r="D19818" s="6">
        <v>4250.4750000000004</v>
      </c>
      <c r="E19818" s="6">
        <v>190.81819999999999</v>
      </c>
    </row>
    <row r="19819" spans="4:5" x14ac:dyDescent="0.25">
      <c r="D19819" s="6">
        <v>558.46659999999997</v>
      </c>
      <c r="E19819" s="6">
        <v>212.04259999999999</v>
      </c>
    </row>
    <row r="19820" spans="4:5" x14ac:dyDescent="0.25">
      <c r="D19820" s="6">
        <v>1632.961</v>
      </c>
      <c r="E19820" s="6">
        <v>8785.41</v>
      </c>
    </row>
    <row r="19821" spans="4:5" x14ac:dyDescent="0.25">
      <c r="D19821" s="6">
        <v>1042.489</v>
      </c>
      <c r="E19821" s="6">
        <v>9839.3590000000004</v>
      </c>
    </row>
    <row r="19822" spans="4:5" x14ac:dyDescent="0.25">
      <c r="D19822" s="6">
        <v>3105.1239999999998</v>
      </c>
      <c r="E19822" s="6">
        <v>6753.2139999999999</v>
      </c>
    </row>
    <row r="19823" spans="4:5" x14ac:dyDescent="0.25">
      <c r="D19823" s="6">
        <v>2927.5630000000001</v>
      </c>
      <c r="E19823" s="6">
        <v>7610.6840000000002</v>
      </c>
    </row>
    <row r="19824" spans="4:5" x14ac:dyDescent="0.25">
      <c r="D19824" s="6">
        <v>1324.5920000000001</v>
      </c>
      <c r="E19824" s="6">
        <v>9377.7839999999997</v>
      </c>
    </row>
    <row r="19825" spans="4:5" x14ac:dyDescent="0.25">
      <c r="D19825" s="6">
        <v>3129.98</v>
      </c>
      <c r="E19825" s="6">
        <v>1606.5</v>
      </c>
    </row>
    <row r="19826" spans="4:5" x14ac:dyDescent="0.25">
      <c r="D19826" s="6">
        <v>1283.8430000000001</v>
      </c>
      <c r="E19826" s="6">
        <v>7012.143</v>
      </c>
    </row>
    <row r="19827" spans="4:5" x14ac:dyDescent="0.25">
      <c r="D19827" s="6">
        <v>1688.7940000000001</v>
      </c>
      <c r="E19827" s="6">
        <v>3878.3560000000002</v>
      </c>
    </row>
    <row r="19828" spans="4:5" x14ac:dyDescent="0.25">
      <c r="D19828" s="6">
        <v>878.58019999999999</v>
      </c>
      <c r="E19828" s="6">
        <v>124.5977</v>
      </c>
    </row>
    <row r="19829" spans="4:5" x14ac:dyDescent="0.25">
      <c r="D19829" s="6">
        <v>517.9085</v>
      </c>
      <c r="E19829" s="6">
        <v>1340.146</v>
      </c>
    </row>
    <row r="19830" spans="4:5" x14ac:dyDescent="0.25">
      <c r="D19830" s="6">
        <v>989.50800000000004</v>
      </c>
      <c r="E19830" s="6">
        <v>1800.7760000000001</v>
      </c>
    </row>
    <row r="19831" spans="4:5" x14ac:dyDescent="0.25">
      <c r="D19831" s="6">
        <v>657.21590000000003</v>
      </c>
      <c r="E19831" s="6">
        <v>1123.125</v>
      </c>
    </row>
    <row r="19832" spans="4:5" x14ac:dyDescent="0.25">
      <c r="D19832" s="6">
        <v>908.47349999999994</v>
      </c>
      <c r="E19832" s="6">
        <v>1420.8920000000001</v>
      </c>
    </row>
    <row r="19833" spans="4:5" x14ac:dyDescent="0.25">
      <c r="D19833" s="6">
        <v>7210.7749999999996</v>
      </c>
      <c r="E19833" s="6">
        <v>1367.828</v>
      </c>
    </row>
    <row r="19834" spans="4:5" x14ac:dyDescent="0.25">
      <c r="D19834" s="6">
        <v>469.2636</v>
      </c>
      <c r="E19834" s="6">
        <v>3878.192</v>
      </c>
    </row>
    <row r="19835" spans="4:5" x14ac:dyDescent="0.25">
      <c r="D19835" s="6">
        <v>435.85399999999998</v>
      </c>
      <c r="E19835" s="6">
        <v>2051.4749999999999</v>
      </c>
    </row>
    <row r="19836" spans="4:5" x14ac:dyDescent="0.25">
      <c r="D19836" s="6">
        <v>737.94640000000004</v>
      </c>
      <c r="E19836" s="6">
        <v>1924.5730000000001</v>
      </c>
    </row>
    <row r="19837" spans="4:5" x14ac:dyDescent="0.25">
      <c r="D19837" s="6">
        <v>385.75779999999997</v>
      </c>
      <c r="E19837" s="6">
        <v>1439.492</v>
      </c>
    </row>
    <row r="19838" spans="4:5" x14ac:dyDescent="0.25">
      <c r="D19838" s="6">
        <v>3884.8420000000001</v>
      </c>
      <c r="E19838" s="6">
        <v>958.05229999999995</v>
      </c>
    </row>
    <row r="19839" spans="4:5" x14ac:dyDescent="0.25">
      <c r="D19839" s="6">
        <v>797.8818</v>
      </c>
      <c r="E19839" s="6">
        <v>1668.175</v>
      </c>
    </row>
    <row r="19840" spans="4:5" x14ac:dyDescent="0.25">
      <c r="D19840" s="6">
        <v>479.22390000000001</v>
      </c>
      <c r="E19840" s="6">
        <v>1363.558</v>
      </c>
    </row>
    <row r="19841" spans="4:5" x14ac:dyDescent="0.25">
      <c r="D19841" s="6">
        <v>777.11090000000002</v>
      </c>
      <c r="E19841" s="6">
        <v>1335.0070000000001</v>
      </c>
    </row>
    <row r="19842" spans="4:5" x14ac:dyDescent="0.25">
      <c r="D19842" s="6">
        <v>2665.3939999999998</v>
      </c>
      <c r="E19842" s="6">
        <v>714.56849999999997</v>
      </c>
    </row>
    <row r="19843" spans="4:5" x14ac:dyDescent="0.25">
      <c r="D19843" s="6">
        <v>772.89639999999997</v>
      </c>
      <c r="E19843" s="6">
        <v>970.30340000000001</v>
      </c>
    </row>
    <row r="19844" spans="4:5" x14ac:dyDescent="0.25">
      <c r="D19844" s="6">
        <v>962.97329999999999</v>
      </c>
      <c r="E19844" s="6">
        <v>966.66809999999998</v>
      </c>
    </row>
    <row r="19845" spans="4:5" x14ac:dyDescent="0.25">
      <c r="D19845" s="6">
        <v>676.39400000000001</v>
      </c>
      <c r="E19845" s="6">
        <v>3070.134</v>
      </c>
    </row>
    <row r="19846" spans="4:5" x14ac:dyDescent="0.25">
      <c r="D19846" s="6">
        <v>1397.77</v>
      </c>
      <c r="E19846" s="6">
        <v>1646.97</v>
      </c>
    </row>
    <row r="19847" spans="4:5" x14ac:dyDescent="0.25">
      <c r="D19847" s="6">
        <v>4436.8890000000001</v>
      </c>
      <c r="E19847" s="6">
        <v>1032.075</v>
      </c>
    </row>
    <row r="19848" spans="4:5" x14ac:dyDescent="0.25">
      <c r="D19848" s="6">
        <v>635</v>
      </c>
      <c r="E19848" s="6">
        <v>858.49670000000003</v>
      </c>
    </row>
    <row r="19849" spans="4:5" x14ac:dyDescent="0.25">
      <c r="D19849" s="6">
        <v>773.64449999999999</v>
      </c>
      <c r="E19849" s="6">
        <v>2163.7049999999999</v>
      </c>
    </row>
    <row r="19850" spans="4:5" x14ac:dyDescent="0.25">
      <c r="D19850" s="6">
        <v>866.36400000000003</v>
      </c>
      <c r="E19850" s="6">
        <v>1826.9649999999999</v>
      </c>
    </row>
    <row r="19851" spans="4:5" x14ac:dyDescent="0.25">
      <c r="D19851" s="6">
        <v>677.58939999999996</v>
      </c>
      <c r="E19851" s="6">
        <v>817.16449999999998</v>
      </c>
    </row>
    <row r="19852" spans="4:5" x14ac:dyDescent="0.25">
      <c r="D19852" s="6">
        <v>182.7647</v>
      </c>
      <c r="E19852" s="6">
        <v>535.91909999999996</v>
      </c>
    </row>
    <row r="19853" spans="4:5" x14ac:dyDescent="0.25">
      <c r="D19853" s="6">
        <v>863.12530000000004</v>
      </c>
      <c r="E19853" s="6">
        <v>759.24620000000004</v>
      </c>
    </row>
    <row r="19854" spans="4:5" x14ac:dyDescent="0.25">
      <c r="D19854" s="6">
        <v>897.75030000000004</v>
      </c>
      <c r="E19854" s="6">
        <v>2404.9870000000001</v>
      </c>
    </row>
    <row r="19855" spans="4:5" x14ac:dyDescent="0.25">
      <c r="D19855" s="6">
        <v>932.22209999999995</v>
      </c>
      <c r="E19855" s="6">
        <v>3088.74</v>
      </c>
    </row>
    <row r="19856" spans="4:5" x14ac:dyDescent="0.25">
      <c r="D19856" s="6">
        <v>1062.3800000000001</v>
      </c>
      <c r="E19856" s="6">
        <v>1287.5329999999999</v>
      </c>
    </row>
    <row r="19857" spans="4:5" x14ac:dyDescent="0.25">
      <c r="D19857" s="6">
        <v>677.87509999999997</v>
      </c>
      <c r="E19857" s="6">
        <v>694.55359999999996</v>
      </c>
    </row>
    <row r="19858" spans="4:5" x14ac:dyDescent="0.25">
      <c r="D19858" s="6">
        <v>891.53210000000001</v>
      </c>
      <c r="E19858" s="6">
        <v>1245.2929999999999</v>
      </c>
    </row>
    <row r="19859" spans="4:5" x14ac:dyDescent="0.25">
      <c r="D19859" s="6">
        <v>1828.5730000000001</v>
      </c>
      <c r="E19859" s="6">
        <v>1499.5630000000001</v>
      </c>
    </row>
    <row r="19860" spans="4:5" x14ac:dyDescent="0.25">
      <c r="D19860" s="6">
        <v>374.18779999999998</v>
      </c>
      <c r="E19860" s="6">
        <v>1524.16</v>
      </c>
    </row>
    <row r="19861" spans="4:5" x14ac:dyDescent="0.25">
      <c r="D19861" s="6">
        <v>339.66669999999999</v>
      </c>
      <c r="E19861" s="6">
        <v>4430.9340000000002</v>
      </c>
    </row>
    <row r="19862" spans="4:5" x14ac:dyDescent="0.25">
      <c r="D19862" s="6">
        <v>620.09960000000001</v>
      </c>
      <c r="E19862" s="6">
        <v>788.84630000000004</v>
      </c>
    </row>
    <row r="19863" spans="4:5" x14ac:dyDescent="0.25">
      <c r="D19863" s="6">
        <v>568.61310000000003</v>
      </c>
      <c r="E19863" s="6">
        <v>1140.953</v>
      </c>
    </row>
    <row r="19864" spans="4:5" x14ac:dyDescent="0.25">
      <c r="D19864" s="6">
        <v>683.72149999999999</v>
      </c>
      <c r="E19864" s="6">
        <v>629.04650000000004</v>
      </c>
    </row>
    <row r="19865" spans="4:5" x14ac:dyDescent="0.25">
      <c r="D19865" s="6">
        <v>712.72199999999998</v>
      </c>
      <c r="E19865" s="6">
        <v>625.2722</v>
      </c>
    </row>
    <row r="19866" spans="4:5" x14ac:dyDescent="0.25">
      <c r="D19866" s="6">
        <v>4196.5</v>
      </c>
      <c r="E19866" s="6">
        <v>2856.2779999999998</v>
      </c>
    </row>
    <row r="19867" spans="4:5" x14ac:dyDescent="0.25">
      <c r="D19867" s="6">
        <v>2503.1579999999999</v>
      </c>
      <c r="E19867" s="6">
        <v>1252.625</v>
      </c>
    </row>
    <row r="19868" spans="4:5" x14ac:dyDescent="0.25">
      <c r="D19868" s="6">
        <v>929.72820000000002</v>
      </c>
      <c r="E19868" s="6">
        <v>637.71749999999997</v>
      </c>
    </row>
    <row r="19869" spans="4:5" x14ac:dyDescent="0.25">
      <c r="D19869" s="6">
        <v>1142.7829999999999</v>
      </c>
      <c r="E19869" s="6">
        <v>578.2568</v>
      </c>
    </row>
    <row r="19870" spans="4:5" x14ac:dyDescent="0.25">
      <c r="D19870" s="6">
        <v>596.89089999999999</v>
      </c>
      <c r="E19870" s="6">
        <v>934.2201</v>
      </c>
    </row>
    <row r="19871" spans="4:5" x14ac:dyDescent="0.25">
      <c r="D19871" s="6">
        <v>1060.8689999999999</v>
      </c>
      <c r="E19871" s="6">
        <v>1060.395</v>
      </c>
    </row>
    <row r="19872" spans="4:5" x14ac:dyDescent="0.25">
      <c r="D19872" s="6">
        <v>633.33209999999997</v>
      </c>
      <c r="E19872" s="6">
        <v>950.54259999999999</v>
      </c>
    </row>
    <row r="19873" spans="4:5" x14ac:dyDescent="0.25">
      <c r="D19873" s="6">
        <v>2736.0630000000001</v>
      </c>
      <c r="E19873" s="6">
        <v>2531.3310000000001</v>
      </c>
    </row>
    <row r="19874" spans="4:5" x14ac:dyDescent="0.25">
      <c r="D19874" s="6">
        <v>380.91449999999998</v>
      </c>
      <c r="E19874" s="6">
        <v>905.68970000000002</v>
      </c>
    </row>
    <row r="19875" spans="4:5" x14ac:dyDescent="0.25">
      <c r="D19875" s="6">
        <v>362.6549</v>
      </c>
      <c r="E19875" s="6">
        <v>952.2799</v>
      </c>
    </row>
    <row r="19876" spans="4:5" x14ac:dyDescent="0.25">
      <c r="D19876" s="6">
        <v>893.43349999999998</v>
      </c>
      <c r="E19876" s="6">
        <v>1617.7080000000001</v>
      </c>
    </row>
    <row r="19877" spans="4:5" x14ac:dyDescent="0.25">
      <c r="D19877" s="6">
        <v>1068.826</v>
      </c>
      <c r="E19877" s="6">
        <v>1430.9559999999999</v>
      </c>
    </row>
    <row r="19878" spans="4:5" x14ac:dyDescent="0.25">
      <c r="D19878" s="6">
        <v>3071.0459999999998</v>
      </c>
      <c r="E19878" s="6">
        <v>635.93600000000004</v>
      </c>
    </row>
    <row r="19879" spans="4:5" x14ac:dyDescent="0.25">
      <c r="D19879" s="6">
        <v>945.30349999999999</v>
      </c>
      <c r="E19879" s="6">
        <v>2116.4209999999998</v>
      </c>
    </row>
    <row r="19880" spans="4:5" x14ac:dyDescent="0.25">
      <c r="D19880" s="6">
        <v>578.49130000000002</v>
      </c>
      <c r="E19880" s="6">
        <v>794.29780000000005</v>
      </c>
    </row>
    <row r="19881" spans="4:5" x14ac:dyDescent="0.25">
      <c r="D19881" s="6">
        <v>393</v>
      </c>
      <c r="E19881" s="6">
        <v>139.35740000000001</v>
      </c>
    </row>
    <row r="19882" spans="4:5" x14ac:dyDescent="0.25">
      <c r="D19882" s="6">
        <v>2685.1370000000002</v>
      </c>
      <c r="E19882" s="6">
        <v>1526.2619999999999</v>
      </c>
    </row>
    <row r="19883" spans="4:5" x14ac:dyDescent="0.25">
      <c r="D19883" s="6">
        <v>838.62739999999997</v>
      </c>
      <c r="E19883" s="6">
        <v>3309.6959999999999</v>
      </c>
    </row>
    <row r="19884" spans="4:5" x14ac:dyDescent="0.25">
      <c r="D19884" s="6">
        <v>436.33170000000001</v>
      </c>
      <c r="E19884" s="6">
        <v>139.83799999999999</v>
      </c>
    </row>
    <row r="19885" spans="4:5" x14ac:dyDescent="0.25">
      <c r="D19885" s="6">
        <v>369.7919</v>
      </c>
      <c r="E19885" s="6">
        <v>998.64880000000005</v>
      </c>
    </row>
    <row r="19886" spans="4:5" x14ac:dyDescent="0.25">
      <c r="D19886" s="6">
        <v>548.88319999999999</v>
      </c>
      <c r="E19886" s="6">
        <v>797.04560000000004</v>
      </c>
    </row>
    <row r="19887" spans="4:5" x14ac:dyDescent="0.25">
      <c r="D19887" s="6">
        <v>651.49120000000005</v>
      </c>
      <c r="E19887" s="6">
        <v>253.2774</v>
      </c>
    </row>
    <row r="19888" spans="4:5" x14ac:dyDescent="0.25">
      <c r="D19888" s="6">
        <v>759.73230000000001</v>
      </c>
      <c r="E19888" s="6">
        <v>541.67399999999998</v>
      </c>
    </row>
    <row r="19889" spans="4:5" x14ac:dyDescent="0.25">
      <c r="D19889" s="6">
        <v>1019.152</v>
      </c>
      <c r="E19889" s="6">
        <v>848.596</v>
      </c>
    </row>
    <row r="19890" spans="4:5" x14ac:dyDescent="0.25">
      <c r="D19890" s="6">
        <v>553.34529999999995</v>
      </c>
      <c r="E19890" s="6">
        <v>1160.5429999999999</v>
      </c>
    </row>
    <row r="19891" spans="4:5" x14ac:dyDescent="0.25">
      <c r="D19891" s="6">
        <v>674.64480000000003</v>
      </c>
      <c r="E19891" s="6">
        <v>2576.2339999999999</v>
      </c>
    </row>
    <row r="19892" spans="4:5" x14ac:dyDescent="0.25">
      <c r="D19892" s="6">
        <v>597.23260000000005</v>
      </c>
      <c r="E19892" s="6">
        <v>935.16669999999999</v>
      </c>
    </row>
    <row r="19893" spans="4:5" x14ac:dyDescent="0.25">
      <c r="D19893" s="6">
        <v>221.26820000000001</v>
      </c>
      <c r="E19893" s="6">
        <v>915.63599999999997</v>
      </c>
    </row>
    <row r="19894" spans="4:5" x14ac:dyDescent="0.25">
      <c r="D19894" s="6">
        <v>407.5301</v>
      </c>
      <c r="E19894" s="6">
        <v>5461.7340000000004</v>
      </c>
    </row>
    <row r="19895" spans="4:5" x14ac:dyDescent="0.25">
      <c r="D19895" s="6">
        <v>362.8852</v>
      </c>
      <c r="E19895" s="6">
        <v>861.21489999999994</v>
      </c>
    </row>
    <row r="19896" spans="4:5" x14ac:dyDescent="0.25">
      <c r="D19896" s="6">
        <v>820.57219999999995</v>
      </c>
      <c r="E19896" s="6">
        <v>952.96479999999997</v>
      </c>
    </row>
    <row r="19897" spans="4:5" x14ac:dyDescent="0.25">
      <c r="D19897" s="6">
        <v>1427.7950000000001</v>
      </c>
      <c r="E19897" s="6">
        <v>474.15379999999999</v>
      </c>
    </row>
    <row r="19898" spans="4:5" x14ac:dyDescent="0.25">
      <c r="D19898" s="6">
        <v>995.42349999999999</v>
      </c>
      <c r="E19898" s="6">
        <v>1335.5730000000001</v>
      </c>
    </row>
    <row r="19899" spans="4:5" x14ac:dyDescent="0.25">
      <c r="D19899" s="6">
        <v>881.02269999999999</v>
      </c>
      <c r="E19899" s="6">
        <v>3008.221</v>
      </c>
    </row>
    <row r="19900" spans="4:5" x14ac:dyDescent="0.25">
      <c r="D19900" s="6">
        <v>972.22709999999995</v>
      </c>
      <c r="E19900" s="6">
        <v>618.92089999999996</v>
      </c>
    </row>
    <row r="19901" spans="4:5" x14ac:dyDescent="0.25">
      <c r="D19901" s="6">
        <v>745.45950000000005</v>
      </c>
      <c r="E19901" s="6">
        <v>1377.8119999999999</v>
      </c>
    </row>
    <row r="19902" spans="4:5" x14ac:dyDescent="0.25">
      <c r="D19902" s="6">
        <v>1152.7850000000001</v>
      </c>
      <c r="E19902" s="6">
        <v>530.73329999999999</v>
      </c>
    </row>
    <row r="19903" spans="4:5" x14ac:dyDescent="0.25">
      <c r="D19903" s="6">
        <v>764.11080000000004</v>
      </c>
      <c r="E19903" s="6">
        <v>864.74739999999997</v>
      </c>
    </row>
    <row r="19904" spans="4:5" x14ac:dyDescent="0.25">
      <c r="D19904" s="6">
        <v>495.38299999999998</v>
      </c>
      <c r="E19904" s="6">
        <v>1779.289</v>
      </c>
    </row>
    <row r="19905" spans="4:5" x14ac:dyDescent="0.25">
      <c r="D19905" s="6">
        <v>4039.444</v>
      </c>
      <c r="E19905" s="6">
        <v>602.10019999999997</v>
      </c>
    </row>
    <row r="19906" spans="4:5" x14ac:dyDescent="0.25">
      <c r="D19906" s="6">
        <v>185.65559999999999</v>
      </c>
      <c r="E19906" s="6">
        <v>635.09289999999999</v>
      </c>
    </row>
    <row r="19907" spans="4:5" x14ac:dyDescent="0.25">
      <c r="D19907" s="6">
        <v>445.29410000000001</v>
      </c>
      <c r="E19907" s="6">
        <v>2509.27</v>
      </c>
    </row>
    <row r="19908" spans="4:5" x14ac:dyDescent="0.25">
      <c r="D19908" s="6">
        <v>413.75700000000001</v>
      </c>
      <c r="E19908" s="6">
        <v>859.12279999999998</v>
      </c>
    </row>
    <row r="19909" spans="4:5" x14ac:dyDescent="0.25">
      <c r="D19909" s="6">
        <v>1130.8030000000001</v>
      </c>
      <c r="E19909" s="6">
        <v>1516.6690000000001</v>
      </c>
    </row>
    <row r="19910" spans="4:5" x14ac:dyDescent="0.25">
      <c r="D19910" s="6">
        <v>525.94439999999997</v>
      </c>
      <c r="E19910" s="6">
        <v>680.19200000000001</v>
      </c>
    </row>
    <row r="19911" spans="4:5" x14ac:dyDescent="0.25">
      <c r="D19911" s="6">
        <v>1148.069</v>
      </c>
      <c r="E19911" s="6">
        <v>874.52359999999999</v>
      </c>
    </row>
    <row r="19912" spans="4:5" x14ac:dyDescent="0.25">
      <c r="D19912" s="6">
        <v>703.47659999999996</v>
      </c>
      <c r="E19912" s="6">
        <v>610.17750000000001</v>
      </c>
    </row>
    <row r="19913" spans="4:5" x14ac:dyDescent="0.25">
      <c r="D19913" s="6">
        <v>812.92560000000003</v>
      </c>
      <c r="E19913" s="6">
        <v>646.09109999999998</v>
      </c>
    </row>
    <row r="19914" spans="4:5" x14ac:dyDescent="0.25">
      <c r="D19914" s="6">
        <v>6213.3119999999999</v>
      </c>
      <c r="E19914" s="6">
        <v>2587.6109999999999</v>
      </c>
    </row>
    <row r="19915" spans="4:5" x14ac:dyDescent="0.25">
      <c r="D19915" s="6">
        <v>1398.92</v>
      </c>
      <c r="E19915" s="6">
        <v>732.6096</v>
      </c>
    </row>
    <row r="19916" spans="4:5" x14ac:dyDescent="0.25">
      <c r="D19916" s="6">
        <v>972.30619999999999</v>
      </c>
      <c r="E19916" s="6">
        <v>1117.222</v>
      </c>
    </row>
    <row r="19917" spans="4:5" x14ac:dyDescent="0.25">
      <c r="D19917" s="6">
        <v>483.89319999999998</v>
      </c>
      <c r="E19917" s="6">
        <v>2288.2220000000002</v>
      </c>
    </row>
    <row r="19918" spans="4:5" x14ac:dyDescent="0.25">
      <c r="D19918" s="6">
        <v>473.91340000000002</v>
      </c>
      <c r="E19918" s="6">
        <v>819</v>
      </c>
    </row>
    <row r="19919" spans="4:5" x14ac:dyDescent="0.25">
      <c r="D19919" s="6">
        <v>12593.42</v>
      </c>
      <c r="E19919" s="6">
        <v>908</v>
      </c>
    </row>
    <row r="19920" spans="4:5" x14ac:dyDescent="0.25">
      <c r="D19920" s="6">
        <v>2408.009</v>
      </c>
      <c r="E19920" s="6">
        <v>756.70669999999996</v>
      </c>
    </row>
    <row r="19921" spans="4:5" x14ac:dyDescent="0.25">
      <c r="D19921" s="6">
        <v>1136.307</v>
      </c>
      <c r="E19921" s="6">
        <v>871.32439999999997</v>
      </c>
    </row>
    <row r="19922" spans="4:5" x14ac:dyDescent="0.25">
      <c r="D19922" s="6">
        <v>602.56560000000002</v>
      </c>
      <c r="E19922" s="6">
        <v>517.56709999999998</v>
      </c>
    </row>
    <row r="19923" spans="4:5" x14ac:dyDescent="0.25">
      <c r="D19923" s="6">
        <v>1509.145</v>
      </c>
      <c r="E19923" s="6">
        <v>2079.1959999999999</v>
      </c>
    </row>
    <row r="19924" spans="4:5" x14ac:dyDescent="0.25">
      <c r="D19924" s="6">
        <v>421.79059999999998</v>
      </c>
      <c r="E19924" s="6">
        <v>1590.8119999999999</v>
      </c>
    </row>
    <row r="19925" spans="4:5" x14ac:dyDescent="0.25">
      <c r="D19925" s="6">
        <v>10617.81</v>
      </c>
      <c r="E19925" s="6">
        <v>664.27359999999999</v>
      </c>
    </row>
    <row r="19926" spans="4:5" x14ac:dyDescent="0.25">
      <c r="D19926" s="6">
        <v>6932.076</v>
      </c>
      <c r="E19926" s="6">
        <v>532.4</v>
      </c>
    </row>
    <row r="19927" spans="4:5" x14ac:dyDescent="0.25">
      <c r="D19927" s="6">
        <v>912.69960000000003</v>
      </c>
      <c r="E19927" s="6">
        <v>1796.4639999999999</v>
      </c>
    </row>
    <row r="19928" spans="4:5" x14ac:dyDescent="0.25">
      <c r="D19928" s="6">
        <v>784.09159999999997</v>
      </c>
      <c r="E19928" s="6">
        <v>839.3732</v>
      </c>
    </row>
    <row r="19929" spans="4:5" x14ac:dyDescent="0.25">
      <c r="D19929" s="6">
        <v>1412.58</v>
      </c>
      <c r="E19929" s="6">
        <v>1173.3630000000001</v>
      </c>
    </row>
    <row r="19930" spans="4:5" x14ac:dyDescent="0.25">
      <c r="D19930" s="6">
        <v>962.55520000000001</v>
      </c>
      <c r="E19930" s="6">
        <v>2057.174</v>
      </c>
    </row>
    <row r="19931" spans="4:5" x14ac:dyDescent="0.25">
      <c r="D19931" s="6">
        <v>579.41539999999998</v>
      </c>
      <c r="E19931" s="6">
        <v>607.57399999999996</v>
      </c>
    </row>
    <row r="19932" spans="4:5" x14ac:dyDescent="0.25">
      <c r="D19932" s="6">
        <v>1715.366</v>
      </c>
      <c r="E19932" s="6">
        <v>1005.822</v>
      </c>
    </row>
    <row r="19933" spans="4:5" x14ac:dyDescent="0.25">
      <c r="D19933" s="6">
        <v>953.71209999999996</v>
      </c>
      <c r="E19933" s="6">
        <v>1043.539</v>
      </c>
    </row>
    <row r="19934" spans="4:5" x14ac:dyDescent="0.25">
      <c r="D19934" s="6">
        <v>760.74639999999999</v>
      </c>
      <c r="E19934" s="6">
        <v>676.69690000000003</v>
      </c>
    </row>
    <row r="19935" spans="4:5" x14ac:dyDescent="0.25">
      <c r="D19935" s="6">
        <v>3125.1779999999999</v>
      </c>
      <c r="E19935" s="6">
        <v>1340.6010000000001</v>
      </c>
    </row>
    <row r="19936" spans="4:5" x14ac:dyDescent="0.25">
      <c r="D19936" s="6">
        <v>986.55650000000003</v>
      </c>
      <c r="E19936" s="6">
        <v>1546.6669999999999</v>
      </c>
    </row>
    <row r="19937" spans="4:5" x14ac:dyDescent="0.25">
      <c r="D19937" s="6">
        <v>8337.1620000000003</v>
      </c>
      <c r="E19937" s="6">
        <v>847.1395</v>
      </c>
    </row>
    <row r="19938" spans="4:5" x14ac:dyDescent="0.25">
      <c r="D19938" s="6">
        <v>557.98519999999996</v>
      </c>
      <c r="E19938" s="6">
        <v>834.56439999999998</v>
      </c>
    </row>
    <row r="19939" spans="4:5" x14ac:dyDescent="0.25">
      <c r="D19939" s="6">
        <v>2592.268</v>
      </c>
      <c r="E19939" s="6">
        <v>1834.25</v>
      </c>
    </row>
    <row r="19940" spans="4:5" x14ac:dyDescent="0.25">
      <c r="D19940" s="6">
        <v>398.23910000000001</v>
      </c>
      <c r="E19940" s="6">
        <v>1831.3330000000001</v>
      </c>
    </row>
    <row r="19941" spans="4:5" x14ac:dyDescent="0.25">
      <c r="D19941" s="6">
        <v>1191.364</v>
      </c>
      <c r="E19941" s="6">
        <v>2171.4960000000001</v>
      </c>
    </row>
    <row r="19942" spans="4:5" x14ac:dyDescent="0.25">
      <c r="D19942" s="6">
        <v>932.52120000000002</v>
      </c>
      <c r="E19942" s="6">
        <v>793.92970000000003</v>
      </c>
    </row>
    <row r="19943" spans="4:5" x14ac:dyDescent="0.25">
      <c r="D19943" s="6">
        <v>11633.2</v>
      </c>
      <c r="E19943" s="6">
        <v>1016.117</v>
      </c>
    </row>
    <row r="19944" spans="4:5" x14ac:dyDescent="0.25">
      <c r="D19944" s="6">
        <v>3218.1390000000001</v>
      </c>
      <c r="E19944" s="6">
        <v>2460.7800000000002</v>
      </c>
    </row>
    <row r="19945" spans="4:5" x14ac:dyDescent="0.25">
      <c r="D19945" s="6">
        <v>690.69240000000002</v>
      </c>
      <c r="E19945" s="6">
        <v>1727.3209999999999</v>
      </c>
    </row>
    <row r="19946" spans="4:5" x14ac:dyDescent="0.25">
      <c r="D19946" s="6">
        <v>1377.586</v>
      </c>
      <c r="E19946" s="6">
        <v>462.52019999999999</v>
      </c>
    </row>
    <row r="19947" spans="4:5" x14ac:dyDescent="0.25">
      <c r="D19947" s="6">
        <v>913.23199999999997</v>
      </c>
      <c r="E19947" s="6">
        <v>2565.0369999999998</v>
      </c>
    </row>
    <row r="19948" spans="4:5" x14ac:dyDescent="0.25">
      <c r="D19948" s="6">
        <v>722.79610000000002</v>
      </c>
      <c r="E19948" s="6">
        <v>3809.5839999999998</v>
      </c>
    </row>
    <row r="19949" spans="4:5" x14ac:dyDescent="0.25">
      <c r="D19949" s="6">
        <v>844.64959999999996</v>
      </c>
      <c r="E19949" s="6">
        <v>740.33969999999999</v>
      </c>
    </row>
    <row r="19950" spans="4:5" x14ac:dyDescent="0.25">
      <c r="D19950" s="6">
        <v>288.6327</v>
      </c>
      <c r="E19950" s="6">
        <v>1029.713</v>
      </c>
    </row>
    <row r="19951" spans="4:5" x14ac:dyDescent="0.25">
      <c r="D19951" s="6">
        <v>3084.8110000000001</v>
      </c>
      <c r="E19951" s="6">
        <v>882.3569</v>
      </c>
    </row>
    <row r="19952" spans="4:5" x14ac:dyDescent="0.25">
      <c r="D19952" s="6">
        <v>779.28560000000004</v>
      </c>
      <c r="E19952" s="6">
        <v>679.72670000000005</v>
      </c>
    </row>
    <row r="19953" spans="4:5" x14ac:dyDescent="0.25">
      <c r="D19953" s="6">
        <v>1026.4680000000001</v>
      </c>
      <c r="E19953" s="6">
        <v>425.4384</v>
      </c>
    </row>
    <row r="19954" spans="4:5" x14ac:dyDescent="0.25">
      <c r="D19954" s="6">
        <v>634.24929999999995</v>
      </c>
      <c r="E19954" s="6">
        <v>598.29600000000005</v>
      </c>
    </row>
    <row r="19955" spans="4:5" x14ac:dyDescent="0.25">
      <c r="D19955" s="6">
        <v>750.649</v>
      </c>
      <c r="E19955" s="6">
        <v>2470.299</v>
      </c>
    </row>
    <row r="19956" spans="4:5" x14ac:dyDescent="0.25">
      <c r="D19956" s="6">
        <v>4732.9290000000001</v>
      </c>
      <c r="E19956" s="6">
        <v>840.86919999999998</v>
      </c>
    </row>
    <row r="19957" spans="4:5" x14ac:dyDescent="0.25">
      <c r="D19957" s="6">
        <v>2419.2629999999999</v>
      </c>
      <c r="E19957" s="6">
        <v>1584.143</v>
      </c>
    </row>
    <row r="19958" spans="4:5" x14ac:dyDescent="0.25">
      <c r="D19958" s="6">
        <v>498.54039999999998</v>
      </c>
      <c r="E19958" s="6">
        <v>458.33679999999998</v>
      </c>
    </row>
    <row r="19959" spans="4:5" x14ac:dyDescent="0.25">
      <c r="D19959" s="6">
        <v>10610.69</v>
      </c>
      <c r="E19959" s="6">
        <v>453.5</v>
      </c>
    </row>
    <row r="19960" spans="4:5" x14ac:dyDescent="0.25">
      <c r="D19960" s="6">
        <v>919.61890000000005</v>
      </c>
      <c r="E19960" s="6">
        <v>561.91999999999996</v>
      </c>
    </row>
    <row r="19961" spans="4:5" x14ac:dyDescent="0.25">
      <c r="D19961" s="6">
        <v>322.53699999999998</v>
      </c>
      <c r="E19961" s="6">
        <v>1647</v>
      </c>
    </row>
    <row r="19962" spans="4:5" x14ac:dyDescent="0.25">
      <c r="D19962" s="6">
        <v>751.34590000000003</v>
      </c>
      <c r="E19962" s="6">
        <v>772.29349999999999</v>
      </c>
    </row>
    <row r="19963" spans="4:5" x14ac:dyDescent="0.25">
      <c r="D19963" s="6">
        <v>944.00210000000004</v>
      </c>
      <c r="E19963" s="6">
        <v>771.375</v>
      </c>
    </row>
    <row r="19964" spans="4:5" x14ac:dyDescent="0.25">
      <c r="D19964" s="6">
        <v>480.9545</v>
      </c>
      <c r="E19964" s="6">
        <v>318.77370000000002</v>
      </c>
    </row>
    <row r="19965" spans="4:5" x14ac:dyDescent="0.25">
      <c r="D19965" s="6">
        <v>717.90859999999998</v>
      </c>
      <c r="E19965" s="6">
        <v>850.5</v>
      </c>
    </row>
    <row r="19966" spans="4:5" x14ac:dyDescent="0.25">
      <c r="D19966" s="6">
        <v>394.25</v>
      </c>
      <c r="E19966" s="6">
        <v>504.423</v>
      </c>
    </row>
    <row r="19967" spans="4:5" x14ac:dyDescent="0.25">
      <c r="D19967" s="6">
        <v>671.5</v>
      </c>
      <c r="E19967" s="6">
        <v>443.33179999999999</v>
      </c>
    </row>
    <row r="19968" spans="4:5" x14ac:dyDescent="0.25">
      <c r="D19968" s="6">
        <v>608.73350000000005</v>
      </c>
      <c r="E19968" s="6">
        <v>1559.8589999999999</v>
      </c>
    </row>
    <row r="19969" spans="4:5" x14ac:dyDescent="0.25">
      <c r="D19969" s="6">
        <v>677.7165</v>
      </c>
      <c r="E19969" s="6">
        <v>4302.8890000000001</v>
      </c>
    </row>
    <row r="19970" spans="4:5" x14ac:dyDescent="0.25">
      <c r="D19970" s="6">
        <v>360.80029999999999</v>
      </c>
      <c r="E19970" s="6">
        <v>1297.0319999999999</v>
      </c>
    </row>
    <row r="19971" spans="4:5" x14ac:dyDescent="0.25">
      <c r="D19971" s="6">
        <v>13673.8</v>
      </c>
      <c r="E19971" s="6">
        <v>595.11540000000002</v>
      </c>
    </row>
    <row r="19972" spans="4:5" x14ac:dyDescent="0.25">
      <c r="D19972" s="6">
        <v>1007.278</v>
      </c>
      <c r="E19972" s="6">
        <v>1143.2629999999999</v>
      </c>
    </row>
    <row r="19973" spans="4:5" x14ac:dyDescent="0.25">
      <c r="D19973" s="6">
        <v>819.36310000000003</v>
      </c>
      <c r="E19973" s="6">
        <v>1250.7940000000001</v>
      </c>
    </row>
    <row r="19974" spans="4:5" x14ac:dyDescent="0.25">
      <c r="D19974" s="6">
        <v>4395</v>
      </c>
      <c r="E19974" s="6">
        <v>1054.163</v>
      </c>
    </row>
    <row r="19975" spans="4:5" x14ac:dyDescent="0.25">
      <c r="D19975" s="6">
        <v>927.19629999999995</v>
      </c>
      <c r="E19975" s="6">
        <v>2410.732</v>
      </c>
    </row>
    <row r="19976" spans="4:5" x14ac:dyDescent="0.25">
      <c r="D19976" s="6">
        <v>442.36430000000001</v>
      </c>
      <c r="E19976" s="6">
        <v>642.30330000000004</v>
      </c>
    </row>
    <row r="19977" spans="4:5" x14ac:dyDescent="0.25">
      <c r="D19977" s="6">
        <v>7754.5379999999996</v>
      </c>
      <c r="E19977" s="6">
        <v>873.3877</v>
      </c>
    </row>
    <row r="19978" spans="4:5" x14ac:dyDescent="0.25">
      <c r="D19978" s="6">
        <v>5138.5119999999997</v>
      </c>
      <c r="E19978" s="6">
        <v>1517.625</v>
      </c>
    </row>
    <row r="19979" spans="4:5" x14ac:dyDescent="0.25">
      <c r="D19979" s="6">
        <v>959.11609999999996</v>
      </c>
      <c r="E19979" s="6">
        <v>5074.567</v>
      </c>
    </row>
    <row r="19980" spans="4:5" x14ac:dyDescent="0.25">
      <c r="D19980" s="6">
        <v>1643.143</v>
      </c>
      <c r="E19980" s="6">
        <v>870</v>
      </c>
    </row>
    <row r="19981" spans="4:5" x14ac:dyDescent="0.25">
      <c r="D19981" s="6">
        <v>898.32190000000003</v>
      </c>
      <c r="E19981" s="6">
        <v>525.12279999999998</v>
      </c>
    </row>
    <row r="19982" spans="4:5" x14ac:dyDescent="0.25">
      <c r="D19982" s="6">
        <v>531.91679999999997</v>
      </c>
      <c r="E19982" s="6">
        <v>403.3</v>
      </c>
    </row>
    <row r="19983" spans="4:5" x14ac:dyDescent="0.25">
      <c r="D19983" s="6">
        <v>2086.85</v>
      </c>
      <c r="E19983" s="6">
        <v>1340.047</v>
      </c>
    </row>
    <row r="19984" spans="4:5" x14ac:dyDescent="0.25">
      <c r="D19984" s="6">
        <v>774.07460000000003</v>
      </c>
      <c r="E19984" s="6">
        <v>4139.9390000000003</v>
      </c>
    </row>
    <row r="19985" spans="4:5" x14ac:dyDescent="0.25">
      <c r="D19985" s="6">
        <v>722.99159999999995</v>
      </c>
      <c r="E19985" s="6">
        <v>8067.5119999999997</v>
      </c>
    </row>
    <row r="19986" spans="4:5" x14ac:dyDescent="0.25">
      <c r="D19986" s="6">
        <v>4001.17</v>
      </c>
      <c r="E19986" s="6">
        <v>6295.143</v>
      </c>
    </row>
    <row r="19987" spans="4:5" x14ac:dyDescent="0.25">
      <c r="D19987" s="6">
        <v>711.69759999999997</v>
      </c>
      <c r="E19987" s="6">
        <v>627.13890000000004</v>
      </c>
    </row>
    <row r="19988" spans="4:5" x14ac:dyDescent="0.25">
      <c r="D19988" s="6">
        <v>913.86580000000004</v>
      </c>
      <c r="E19988" s="6">
        <v>2749.5039999999999</v>
      </c>
    </row>
    <row r="19989" spans="4:5" x14ac:dyDescent="0.25">
      <c r="D19989" s="6">
        <v>1363.2329999999999</v>
      </c>
      <c r="E19989" s="6">
        <v>663.06730000000005</v>
      </c>
    </row>
    <row r="19990" spans="4:5" x14ac:dyDescent="0.25">
      <c r="D19990" s="6">
        <v>2775.922</v>
      </c>
      <c r="E19990" s="6">
        <v>653.95809999999994</v>
      </c>
    </row>
    <row r="19991" spans="4:5" x14ac:dyDescent="0.25">
      <c r="D19991" s="6">
        <v>904.66330000000005</v>
      </c>
      <c r="E19991" s="6">
        <v>493.80090000000001</v>
      </c>
    </row>
    <row r="19992" spans="4:5" x14ac:dyDescent="0.25">
      <c r="D19992" s="6">
        <v>699.27200000000005</v>
      </c>
      <c r="E19992" s="6">
        <v>616.62699999999995</v>
      </c>
    </row>
    <row r="19993" spans="4:5" x14ac:dyDescent="0.25">
      <c r="D19993" s="6">
        <v>739.70830000000001</v>
      </c>
      <c r="E19993" s="6">
        <v>2069.6</v>
      </c>
    </row>
    <row r="19994" spans="4:5" x14ac:dyDescent="0.25">
      <c r="D19994" s="6">
        <v>1877.355</v>
      </c>
      <c r="E19994" s="6">
        <v>2291.1619999999998</v>
      </c>
    </row>
    <row r="19995" spans="4:5" x14ac:dyDescent="0.25">
      <c r="D19995" s="6">
        <v>653.23009999999999</v>
      </c>
      <c r="E19995" s="6">
        <v>2739.5</v>
      </c>
    </row>
    <row r="19996" spans="4:5" x14ac:dyDescent="0.25">
      <c r="D19996" s="6">
        <v>485.54509999999999</v>
      </c>
      <c r="E19996" s="6">
        <v>141.28380000000001</v>
      </c>
    </row>
    <row r="19997" spans="4:5" x14ac:dyDescent="0.25">
      <c r="D19997" s="6">
        <v>821.09569999999997</v>
      </c>
      <c r="E19997" s="6">
        <v>767.38289999999995</v>
      </c>
    </row>
    <row r="19998" spans="4:5" x14ac:dyDescent="0.25">
      <c r="D19998" s="6">
        <v>383.45949999999999</v>
      </c>
      <c r="E19998" s="6">
        <v>610.33330000000001</v>
      </c>
    </row>
    <row r="19999" spans="4:5" x14ac:dyDescent="0.25">
      <c r="D19999" s="6">
        <v>503.19450000000001</v>
      </c>
      <c r="E19999" s="6">
        <v>443.6456</v>
      </c>
    </row>
    <row r="20000" spans="4:5" x14ac:dyDescent="0.25">
      <c r="D20000" s="6">
        <v>5792.3969999999999</v>
      </c>
      <c r="E20000" s="6">
        <v>520.55029999999999</v>
      </c>
    </row>
    <row r="20001" spans="4:5" x14ac:dyDescent="0.25">
      <c r="D20001" s="6">
        <v>1143.2449999999999</v>
      </c>
      <c r="E20001" s="6">
        <v>943.40740000000005</v>
      </c>
    </row>
    <row r="20002" spans="4:5" x14ac:dyDescent="0.25">
      <c r="D20002" s="6">
        <v>1265.5809999999999</v>
      </c>
      <c r="E20002" s="6">
        <v>482.79489999999998</v>
      </c>
    </row>
    <row r="20003" spans="4:5" x14ac:dyDescent="0.25">
      <c r="D20003" s="6">
        <v>800.55219999999997</v>
      </c>
      <c r="E20003" s="6">
        <v>1613.46</v>
      </c>
    </row>
    <row r="20004" spans="4:5" x14ac:dyDescent="0.25">
      <c r="D20004" s="6">
        <v>742.06669999999997</v>
      </c>
      <c r="E20004" s="6">
        <v>942.4</v>
      </c>
    </row>
    <row r="20005" spans="4:5" x14ac:dyDescent="0.25">
      <c r="D20005" s="6">
        <v>565.23919999999998</v>
      </c>
      <c r="E20005" s="6">
        <v>627.27869999999996</v>
      </c>
    </row>
    <row r="20006" spans="4:5" x14ac:dyDescent="0.25">
      <c r="D20006" s="6">
        <v>1832.5060000000001</v>
      </c>
      <c r="E20006" s="6">
        <v>1071.903</v>
      </c>
    </row>
    <row r="20007" spans="4:5" x14ac:dyDescent="0.25">
      <c r="D20007" s="6">
        <v>799.89189999999996</v>
      </c>
      <c r="E20007" s="6">
        <v>1215.55</v>
      </c>
    </row>
    <row r="20008" spans="4:5" x14ac:dyDescent="0.25">
      <c r="D20008" s="6">
        <v>544.90139999999997</v>
      </c>
      <c r="E20008" s="6">
        <v>478.2441</v>
      </c>
    </row>
    <row r="20009" spans="4:5" x14ac:dyDescent="0.25">
      <c r="D20009" s="6">
        <v>613.4212</v>
      </c>
      <c r="E20009" s="6">
        <v>3900.3330000000001</v>
      </c>
    </row>
    <row r="20010" spans="4:5" x14ac:dyDescent="0.25">
      <c r="D20010" s="6">
        <v>6872.424</v>
      </c>
      <c r="E20010" s="6">
        <v>1576.0909999999999</v>
      </c>
    </row>
    <row r="20011" spans="4:5" x14ac:dyDescent="0.25">
      <c r="D20011" s="6">
        <v>1233.8230000000001</v>
      </c>
      <c r="E20011" s="6">
        <v>864.38099999999997</v>
      </c>
    </row>
    <row r="20012" spans="4:5" x14ac:dyDescent="0.25">
      <c r="D20012" s="6">
        <v>462.37540000000001</v>
      </c>
      <c r="E20012" s="6">
        <v>1253.173</v>
      </c>
    </row>
    <row r="20013" spans="4:5" x14ac:dyDescent="0.25">
      <c r="D20013" s="6">
        <v>737.25879999999995</v>
      </c>
      <c r="E20013" s="6">
        <v>2328.2469999999998</v>
      </c>
    </row>
    <row r="20014" spans="4:5" x14ac:dyDescent="0.25">
      <c r="D20014" s="6">
        <v>761.89800000000002</v>
      </c>
      <c r="E20014" s="6">
        <v>3173</v>
      </c>
    </row>
    <row r="20015" spans="4:5" x14ac:dyDescent="0.25">
      <c r="D20015" s="6">
        <v>875.40899999999999</v>
      </c>
      <c r="E20015" s="6">
        <v>787.72770000000003</v>
      </c>
    </row>
    <row r="20016" spans="4:5" x14ac:dyDescent="0.25">
      <c r="D20016" s="6">
        <v>788.60180000000003</v>
      </c>
      <c r="E20016" s="6">
        <v>3251.212</v>
      </c>
    </row>
    <row r="20017" spans="4:5" x14ac:dyDescent="0.25">
      <c r="D20017" s="6">
        <v>738.42520000000002</v>
      </c>
      <c r="E20017" s="6">
        <v>1344.7239999999999</v>
      </c>
    </row>
    <row r="20018" spans="4:5" x14ac:dyDescent="0.25">
      <c r="D20018" s="6">
        <v>489.90469999999999</v>
      </c>
      <c r="E20018" s="6">
        <v>429.7971</v>
      </c>
    </row>
    <row r="20019" spans="4:5" x14ac:dyDescent="0.25">
      <c r="D20019" s="6">
        <v>1420.1379999999999</v>
      </c>
      <c r="E20019" s="6">
        <v>661.80399999999997</v>
      </c>
    </row>
    <row r="20020" spans="4:5" x14ac:dyDescent="0.25">
      <c r="D20020" s="6">
        <v>9923</v>
      </c>
      <c r="E20020" s="6">
        <v>616.54010000000005</v>
      </c>
    </row>
    <row r="20021" spans="4:5" x14ac:dyDescent="0.25">
      <c r="D20021" s="6">
        <v>2020.8979999999999</v>
      </c>
      <c r="E20021" s="6">
        <v>5288.8339999999998</v>
      </c>
    </row>
    <row r="20022" spans="4:5" x14ac:dyDescent="0.25">
      <c r="D20022" s="6">
        <v>1192.557</v>
      </c>
      <c r="E20022" s="6">
        <v>3704.7689999999998</v>
      </c>
    </row>
    <row r="20023" spans="4:5" x14ac:dyDescent="0.25">
      <c r="D20023" s="6">
        <v>339.77620000000002</v>
      </c>
      <c r="E20023" s="6">
        <v>2410.5729999999999</v>
      </c>
    </row>
    <row r="20024" spans="4:5" x14ac:dyDescent="0.25">
      <c r="D20024" s="6">
        <v>633.23270000000002</v>
      </c>
      <c r="E20024" s="6">
        <v>2544.6770000000001</v>
      </c>
    </row>
    <row r="20025" spans="4:5" x14ac:dyDescent="0.25">
      <c r="D20025" s="6">
        <v>1181.3910000000001</v>
      </c>
      <c r="E20025" s="6">
        <v>676.1404</v>
      </c>
    </row>
    <row r="20026" spans="4:5" x14ac:dyDescent="0.25">
      <c r="D20026" s="6">
        <v>344.67329999999998</v>
      </c>
      <c r="E20026" s="6">
        <v>845.72829999999999</v>
      </c>
    </row>
    <row r="20027" spans="4:5" x14ac:dyDescent="0.25">
      <c r="D20027" s="6">
        <v>1014.938</v>
      </c>
      <c r="E20027" s="6">
        <v>12533</v>
      </c>
    </row>
    <row r="20028" spans="4:5" x14ac:dyDescent="0.25">
      <c r="D20028" s="6">
        <v>479.67430000000002</v>
      </c>
      <c r="E20028" s="6">
        <v>733.82380000000001</v>
      </c>
    </row>
    <row r="20029" spans="4:5" x14ac:dyDescent="0.25">
      <c r="D20029" s="6">
        <v>818.08699999999999</v>
      </c>
      <c r="E20029" s="6">
        <v>634.25490000000002</v>
      </c>
    </row>
    <row r="20030" spans="4:5" x14ac:dyDescent="0.25">
      <c r="D20030" s="6">
        <v>1027.0619999999999</v>
      </c>
      <c r="E20030" s="6">
        <v>2250.3969999999999</v>
      </c>
    </row>
    <row r="20031" spans="4:5" x14ac:dyDescent="0.25">
      <c r="D20031" s="6">
        <v>874.70429999999999</v>
      </c>
      <c r="E20031" s="6">
        <v>4669.2</v>
      </c>
    </row>
    <row r="20032" spans="4:5" x14ac:dyDescent="0.25">
      <c r="D20032" s="6">
        <v>483.27199999999999</v>
      </c>
      <c r="E20032" s="6">
        <v>1426</v>
      </c>
    </row>
    <row r="20033" spans="4:5" x14ac:dyDescent="0.25">
      <c r="D20033" s="6">
        <v>412.39229999999998</v>
      </c>
      <c r="E20033" s="6">
        <v>2300.75</v>
      </c>
    </row>
    <row r="20034" spans="4:5" x14ac:dyDescent="0.25">
      <c r="D20034" s="6">
        <v>1103.973</v>
      </c>
      <c r="E20034" s="6">
        <v>929.125</v>
      </c>
    </row>
    <row r="20035" spans="4:5" x14ac:dyDescent="0.25">
      <c r="D20035" s="6">
        <v>10000.64</v>
      </c>
      <c r="E20035" s="6">
        <v>605.70650000000001</v>
      </c>
    </row>
    <row r="20036" spans="4:5" x14ac:dyDescent="0.25">
      <c r="D20036" s="6">
        <v>801.44090000000006</v>
      </c>
      <c r="E20036" s="6">
        <v>1525.0070000000001</v>
      </c>
    </row>
    <row r="20037" spans="4:5" x14ac:dyDescent="0.25">
      <c r="D20037" s="6">
        <v>3840.0340000000001</v>
      </c>
      <c r="E20037" s="6">
        <v>527.85040000000004</v>
      </c>
    </row>
    <row r="20038" spans="4:5" x14ac:dyDescent="0.25">
      <c r="D20038" s="6">
        <v>1412</v>
      </c>
      <c r="E20038" s="6">
        <v>1701.6869999999999</v>
      </c>
    </row>
    <row r="20039" spans="4:5" x14ac:dyDescent="0.25">
      <c r="D20039" s="6">
        <v>941.86220000000003</v>
      </c>
      <c r="E20039" s="6">
        <v>641.33910000000003</v>
      </c>
    </row>
    <row r="20040" spans="4:5" x14ac:dyDescent="0.25">
      <c r="D20040" s="6">
        <v>1053.8050000000001</v>
      </c>
      <c r="E20040" s="6">
        <v>762.29</v>
      </c>
    </row>
    <row r="20041" spans="4:5" x14ac:dyDescent="0.25">
      <c r="D20041" s="6">
        <v>1248.4559999999999</v>
      </c>
      <c r="E20041" s="6">
        <v>2223.4259999999999</v>
      </c>
    </row>
    <row r="20042" spans="4:5" x14ac:dyDescent="0.25">
      <c r="D20042" s="6">
        <v>383.71120000000002</v>
      </c>
      <c r="E20042" s="6">
        <v>1049.8889999999999</v>
      </c>
    </row>
    <row r="20043" spans="4:5" x14ac:dyDescent="0.25">
      <c r="D20043" s="6">
        <v>441.73329999999999</v>
      </c>
      <c r="E20043" s="6">
        <v>5503.5519999999997</v>
      </c>
    </row>
    <row r="20044" spans="4:5" x14ac:dyDescent="0.25">
      <c r="D20044" s="6">
        <v>670.67129999999997</v>
      </c>
      <c r="E20044" s="6">
        <v>1421.867</v>
      </c>
    </row>
    <row r="20045" spans="4:5" x14ac:dyDescent="0.25">
      <c r="D20045" s="6">
        <v>463.01299999999998</v>
      </c>
      <c r="E20045" s="6">
        <v>1360.9680000000001</v>
      </c>
    </row>
    <row r="20046" spans="4:5" x14ac:dyDescent="0.25">
      <c r="D20046" s="6">
        <v>1120.7850000000001</v>
      </c>
      <c r="E20046" s="6">
        <v>1161</v>
      </c>
    </row>
    <row r="20047" spans="4:5" x14ac:dyDescent="0.25">
      <c r="D20047" s="6">
        <v>8355.7080000000005</v>
      </c>
      <c r="E20047" s="6">
        <v>1425</v>
      </c>
    </row>
    <row r="20048" spans="4:5" x14ac:dyDescent="0.25">
      <c r="D20048" s="6">
        <v>8626.9279999999999</v>
      </c>
      <c r="E20048" s="6">
        <v>1654.049</v>
      </c>
    </row>
    <row r="20049" spans="4:5" x14ac:dyDescent="0.25">
      <c r="D20049" s="6">
        <v>491.42619999999999</v>
      </c>
      <c r="E20049" s="6">
        <v>1826.3109999999999</v>
      </c>
    </row>
    <row r="20050" spans="4:5" x14ac:dyDescent="0.25">
      <c r="D20050" s="6">
        <v>670.25810000000001</v>
      </c>
      <c r="E20050" s="6">
        <v>704.36689999999999</v>
      </c>
    </row>
    <row r="20051" spans="4:5" x14ac:dyDescent="0.25">
      <c r="D20051" s="6">
        <v>497.01650000000001</v>
      </c>
      <c r="E20051" s="6">
        <v>423.30810000000002</v>
      </c>
    </row>
    <row r="20052" spans="4:5" x14ac:dyDescent="0.25">
      <c r="D20052" s="6">
        <v>732.79949999999997</v>
      </c>
      <c r="E20052" s="6">
        <v>740.4366</v>
      </c>
    </row>
    <row r="20053" spans="4:5" x14ac:dyDescent="0.25">
      <c r="D20053" s="6">
        <v>1589.854</v>
      </c>
      <c r="E20053" s="6">
        <v>1445.5830000000001</v>
      </c>
    </row>
    <row r="20054" spans="4:5" x14ac:dyDescent="0.25">
      <c r="D20054" s="6">
        <v>8599.4529999999995</v>
      </c>
      <c r="E20054" s="6">
        <v>621.11379999999997</v>
      </c>
    </row>
    <row r="20055" spans="4:5" x14ac:dyDescent="0.25">
      <c r="D20055" s="6">
        <v>1023.771</v>
      </c>
      <c r="E20055" s="6">
        <v>869.98329999999999</v>
      </c>
    </row>
    <row r="20056" spans="4:5" x14ac:dyDescent="0.25">
      <c r="D20056" s="6">
        <v>1356.4290000000001</v>
      </c>
      <c r="E20056" s="6">
        <v>576.54</v>
      </c>
    </row>
    <row r="20057" spans="4:5" x14ac:dyDescent="0.25">
      <c r="D20057" s="6">
        <v>474.7475</v>
      </c>
      <c r="E20057" s="6">
        <v>1434</v>
      </c>
    </row>
    <row r="20058" spans="4:5" x14ac:dyDescent="0.25">
      <c r="D20058" s="6">
        <v>4023.2420000000002</v>
      </c>
      <c r="E20058" s="6">
        <v>302.5</v>
      </c>
    </row>
    <row r="20059" spans="4:5" x14ac:dyDescent="0.25">
      <c r="D20059" s="6">
        <v>1415.9380000000001</v>
      </c>
      <c r="E20059" s="6">
        <v>14633</v>
      </c>
    </row>
    <row r="20060" spans="4:5" x14ac:dyDescent="0.25">
      <c r="D20060" s="6">
        <v>5916.357</v>
      </c>
      <c r="E20060" s="6">
        <v>964.72460000000001</v>
      </c>
    </row>
    <row r="20061" spans="4:5" x14ac:dyDescent="0.25">
      <c r="D20061" s="6">
        <v>5901.2910000000002</v>
      </c>
      <c r="E20061" s="6">
        <v>1194.03</v>
      </c>
    </row>
    <row r="20062" spans="4:5" x14ac:dyDescent="0.25">
      <c r="D20062" s="6">
        <v>904.68809999999996</v>
      </c>
      <c r="E20062" s="6">
        <v>7435.0929999999998</v>
      </c>
    </row>
    <row r="20063" spans="4:5" x14ac:dyDescent="0.25">
      <c r="D20063" s="6">
        <v>953.49760000000003</v>
      </c>
      <c r="E20063" s="6">
        <v>1289.7</v>
      </c>
    </row>
    <row r="20064" spans="4:5" x14ac:dyDescent="0.25">
      <c r="D20064" s="6">
        <v>7056.56</v>
      </c>
      <c r="E20064" s="6">
        <v>3136</v>
      </c>
    </row>
    <row r="20065" spans="4:5" x14ac:dyDescent="0.25">
      <c r="D20065" s="6">
        <v>4900.8389999999999</v>
      </c>
      <c r="E20065" s="6">
        <v>705.16539999999998</v>
      </c>
    </row>
    <row r="20066" spans="4:5" x14ac:dyDescent="0.25">
      <c r="D20066" s="6">
        <v>1510.991</v>
      </c>
      <c r="E20066" s="6">
        <v>2460.1190000000001</v>
      </c>
    </row>
    <row r="20067" spans="4:5" x14ac:dyDescent="0.25">
      <c r="D20067" s="6">
        <v>1724.8009999999999</v>
      </c>
      <c r="E20067" s="6">
        <v>384.35289999999998</v>
      </c>
    </row>
    <row r="20068" spans="4:5" x14ac:dyDescent="0.25">
      <c r="D20068" s="6">
        <v>292.18970000000002</v>
      </c>
      <c r="E20068" s="6">
        <v>537.25040000000001</v>
      </c>
    </row>
    <row r="20069" spans="4:5" x14ac:dyDescent="0.25">
      <c r="D20069" s="6">
        <v>481.34429999999998</v>
      </c>
      <c r="E20069" s="6">
        <v>1573.2840000000001</v>
      </c>
    </row>
    <row r="20070" spans="4:5" x14ac:dyDescent="0.25">
      <c r="D20070" s="6">
        <v>696.71510000000001</v>
      </c>
      <c r="E20070" s="6">
        <v>796.45339999999999</v>
      </c>
    </row>
    <row r="20071" spans="4:5" x14ac:dyDescent="0.25">
      <c r="D20071" s="6">
        <v>463.22179999999997</v>
      </c>
      <c r="E20071" s="6">
        <v>5430.0309999999999</v>
      </c>
    </row>
    <row r="20072" spans="4:5" x14ac:dyDescent="0.25">
      <c r="D20072" s="6">
        <v>690.37869999999998</v>
      </c>
      <c r="E20072" s="6">
        <v>1279</v>
      </c>
    </row>
    <row r="20073" spans="4:5" x14ac:dyDescent="0.25">
      <c r="D20073" s="6">
        <v>1257.31</v>
      </c>
      <c r="E20073" s="6">
        <v>1835.366</v>
      </c>
    </row>
    <row r="20074" spans="4:5" x14ac:dyDescent="0.25">
      <c r="D20074" s="6">
        <v>3766.6950000000002</v>
      </c>
      <c r="E20074" s="6">
        <v>823.57629999999995</v>
      </c>
    </row>
    <row r="20075" spans="4:5" x14ac:dyDescent="0.25">
      <c r="D20075" s="6">
        <v>1049.3579999999999</v>
      </c>
      <c r="E20075" s="6">
        <v>528.47170000000006</v>
      </c>
    </row>
    <row r="20076" spans="4:5" x14ac:dyDescent="0.25">
      <c r="D20076" s="6">
        <v>2855.6289999999999</v>
      </c>
      <c r="E20076" s="6">
        <v>756.05769999999995</v>
      </c>
    </row>
    <row r="20077" spans="4:5" x14ac:dyDescent="0.25">
      <c r="D20077" s="6">
        <v>8144.4350000000004</v>
      </c>
      <c r="E20077" s="6">
        <v>1074.5260000000001</v>
      </c>
    </row>
    <row r="20078" spans="4:5" x14ac:dyDescent="0.25">
      <c r="D20078" s="6">
        <v>475.97340000000003</v>
      </c>
      <c r="E20078" s="6">
        <v>954.74109999999996</v>
      </c>
    </row>
    <row r="20079" spans="4:5" x14ac:dyDescent="0.25">
      <c r="D20079" s="6">
        <v>1248.3240000000001</v>
      </c>
      <c r="E20079" s="6">
        <v>643.33320000000003</v>
      </c>
    </row>
    <row r="20080" spans="4:5" x14ac:dyDescent="0.25">
      <c r="D20080" s="6">
        <v>1771.8230000000001</v>
      </c>
      <c r="E20080" s="6">
        <v>1859.538</v>
      </c>
    </row>
    <row r="20081" spans="4:5" x14ac:dyDescent="0.25">
      <c r="D20081" s="6">
        <v>302.60669999999999</v>
      </c>
      <c r="E20081" s="6">
        <v>1089.8</v>
      </c>
    </row>
    <row r="20082" spans="4:5" x14ac:dyDescent="0.25">
      <c r="D20082" s="6">
        <v>956.33330000000001</v>
      </c>
      <c r="E20082" s="6">
        <v>676.78779999999995</v>
      </c>
    </row>
    <row r="20083" spans="4:5" x14ac:dyDescent="0.25">
      <c r="D20083" s="6">
        <v>851.59010000000001</v>
      </c>
      <c r="E20083" s="6">
        <v>1203.4000000000001</v>
      </c>
    </row>
    <row r="20084" spans="4:5" x14ac:dyDescent="0.25">
      <c r="D20084" s="6">
        <v>1045.663</v>
      </c>
      <c r="E20084" s="6">
        <v>666.51160000000004</v>
      </c>
    </row>
    <row r="20085" spans="4:5" x14ac:dyDescent="0.25">
      <c r="D20085" s="6">
        <v>10464.44</v>
      </c>
      <c r="E20085" s="6">
        <v>2272.875</v>
      </c>
    </row>
    <row r="20086" spans="4:5" x14ac:dyDescent="0.25">
      <c r="D20086" s="6">
        <v>1739.797</v>
      </c>
      <c r="E20086" s="6">
        <v>1120.3330000000001</v>
      </c>
    </row>
    <row r="20087" spans="4:5" x14ac:dyDescent="0.25">
      <c r="D20087" s="6">
        <v>978.28570000000002</v>
      </c>
      <c r="E20087" s="6">
        <v>620.48649999999998</v>
      </c>
    </row>
    <row r="20088" spans="4:5" x14ac:dyDescent="0.25">
      <c r="D20088" s="6">
        <v>726.93520000000001</v>
      </c>
      <c r="E20088" s="6">
        <v>642.17529999999999</v>
      </c>
    </row>
    <row r="20089" spans="4:5" x14ac:dyDescent="0.25">
      <c r="D20089" s="6">
        <v>1122.271</v>
      </c>
      <c r="E20089" s="6">
        <v>1301.75</v>
      </c>
    </row>
    <row r="20090" spans="4:5" x14ac:dyDescent="0.25">
      <c r="D20090" s="6">
        <v>4390</v>
      </c>
      <c r="E20090" s="6">
        <v>745.83979999999997</v>
      </c>
    </row>
    <row r="20091" spans="4:5" x14ac:dyDescent="0.25">
      <c r="D20091" s="6">
        <v>1312.6030000000001</v>
      </c>
      <c r="E20091" s="6">
        <v>3205.9169999999999</v>
      </c>
    </row>
    <row r="20092" spans="4:5" x14ac:dyDescent="0.25">
      <c r="D20092" s="6">
        <v>1763.5</v>
      </c>
      <c r="E20092" s="6">
        <v>515.63679999999999</v>
      </c>
    </row>
    <row r="20093" spans="4:5" x14ac:dyDescent="0.25">
      <c r="D20093" s="6">
        <v>438.8381</v>
      </c>
      <c r="E20093" s="6">
        <v>1395</v>
      </c>
    </row>
    <row r="20094" spans="4:5" x14ac:dyDescent="0.25">
      <c r="D20094" s="6">
        <v>1004.122</v>
      </c>
      <c r="E20094" s="6">
        <v>2250.25</v>
      </c>
    </row>
    <row r="20095" spans="4:5" x14ac:dyDescent="0.25">
      <c r="D20095" s="6">
        <v>915.0539</v>
      </c>
      <c r="E20095" s="6">
        <v>1397.8920000000001</v>
      </c>
    </row>
    <row r="20096" spans="4:5" x14ac:dyDescent="0.25">
      <c r="D20096" s="6">
        <v>1054.5340000000001</v>
      </c>
      <c r="E20096" s="6">
        <v>956.96770000000004</v>
      </c>
    </row>
    <row r="20097" spans="4:5" x14ac:dyDescent="0.25">
      <c r="D20097" s="6">
        <v>862.35519999999997</v>
      </c>
      <c r="E20097" s="6">
        <v>1022.578</v>
      </c>
    </row>
    <row r="20098" spans="4:5" x14ac:dyDescent="0.25">
      <c r="D20098" s="6">
        <v>4084.893</v>
      </c>
      <c r="E20098" s="6">
        <v>1232.454</v>
      </c>
    </row>
    <row r="20099" spans="4:5" x14ac:dyDescent="0.25">
      <c r="D20099" s="6">
        <v>448.41590000000002</v>
      </c>
      <c r="E20099" s="6">
        <v>474.72969999999998</v>
      </c>
    </row>
    <row r="20100" spans="4:5" x14ac:dyDescent="0.25">
      <c r="D20100" s="6">
        <v>297.42579999999998</v>
      </c>
      <c r="E20100" s="6">
        <v>1127.374</v>
      </c>
    </row>
    <row r="20101" spans="4:5" x14ac:dyDescent="0.25">
      <c r="D20101" s="6">
        <v>3285.34</v>
      </c>
      <c r="E20101" s="6">
        <v>1139.81</v>
      </c>
    </row>
    <row r="20102" spans="4:5" x14ac:dyDescent="0.25">
      <c r="D20102" s="6">
        <v>3918.8780000000002</v>
      </c>
      <c r="E20102" s="6">
        <v>1201.3820000000001</v>
      </c>
    </row>
    <row r="20103" spans="4:5" x14ac:dyDescent="0.25">
      <c r="D20103" s="6">
        <v>807.40300000000002</v>
      </c>
      <c r="E20103" s="6">
        <v>986.8854</v>
      </c>
    </row>
    <row r="20104" spans="4:5" x14ac:dyDescent="0.25">
      <c r="D20104" s="6">
        <v>858.79399999999998</v>
      </c>
      <c r="E20104" s="6">
        <v>526.47839999999997</v>
      </c>
    </row>
    <row r="20105" spans="4:5" x14ac:dyDescent="0.25">
      <c r="D20105" s="6">
        <v>2414.85</v>
      </c>
      <c r="E20105" s="6">
        <v>1378.6669999999999</v>
      </c>
    </row>
    <row r="20106" spans="4:5" x14ac:dyDescent="0.25">
      <c r="D20106" s="6">
        <v>768.51900000000001</v>
      </c>
      <c r="E20106" s="6">
        <v>891.4606</v>
      </c>
    </row>
    <row r="20107" spans="4:5" x14ac:dyDescent="0.25">
      <c r="D20107" s="6">
        <v>632.25170000000003</v>
      </c>
      <c r="E20107" s="6">
        <v>537.70540000000005</v>
      </c>
    </row>
    <row r="20108" spans="4:5" x14ac:dyDescent="0.25">
      <c r="D20108" s="6">
        <v>12402.71</v>
      </c>
      <c r="E20108" s="6">
        <v>620.8569</v>
      </c>
    </row>
    <row r="20109" spans="4:5" x14ac:dyDescent="0.25">
      <c r="D20109" s="6">
        <v>339.78190000000001</v>
      </c>
      <c r="E20109" s="6">
        <v>609.90039999999999</v>
      </c>
    </row>
    <row r="20110" spans="4:5" x14ac:dyDescent="0.25">
      <c r="D20110" s="6">
        <v>1410.6659999999999</v>
      </c>
      <c r="E20110" s="6">
        <v>555.52509999999995</v>
      </c>
    </row>
    <row r="20111" spans="4:5" x14ac:dyDescent="0.25">
      <c r="D20111" s="6">
        <v>707.52189999999996</v>
      </c>
      <c r="E20111" s="6">
        <v>986.25369999999998</v>
      </c>
    </row>
    <row r="20112" spans="4:5" x14ac:dyDescent="0.25">
      <c r="D20112" s="6">
        <v>587.93780000000004</v>
      </c>
      <c r="E20112" s="6">
        <v>1738.942</v>
      </c>
    </row>
    <row r="20113" spans="4:5" x14ac:dyDescent="0.25">
      <c r="D20113" s="6">
        <v>3694.4560000000001</v>
      </c>
      <c r="E20113" s="6">
        <v>491.51409999999998</v>
      </c>
    </row>
    <row r="20114" spans="4:5" x14ac:dyDescent="0.25">
      <c r="D20114" s="6">
        <v>757.72069999999997</v>
      </c>
      <c r="E20114" s="6">
        <v>508.98630000000003</v>
      </c>
    </row>
    <row r="20115" spans="4:5" x14ac:dyDescent="0.25">
      <c r="D20115" s="6">
        <v>200.32910000000001</v>
      </c>
      <c r="E20115" s="6">
        <v>422.8</v>
      </c>
    </row>
    <row r="20116" spans="4:5" x14ac:dyDescent="0.25">
      <c r="D20116" s="6">
        <v>6320.5479999999998</v>
      </c>
      <c r="E20116" s="6">
        <v>3120.1370000000002</v>
      </c>
    </row>
    <row r="20117" spans="4:5" x14ac:dyDescent="0.25">
      <c r="D20117" s="6">
        <v>161.7467</v>
      </c>
      <c r="E20117" s="6">
        <v>470.22840000000002</v>
      </c>
    </row>
    <row r="20118" spans="4:5" x14ac:dyDescent="0.25">
      <c r="D20118" s="6">
        <v>6663.1679999999997</v>
      </c>
      <c r="E20118" s="6">
        <v>1341.4929999999999</v>
      </c>
    </row>
    <row r="20119" spans="4:5" x14ac:dyDescent="0.25">
      <c r="D20119" s="6">
        <v>2350.1689999999999</v>
      </c>
      <c r="E20119" s="6">
        <v>563.37040000000002</v>
      </c>
    </row>
    <row r="20120" spans="4:5" x14ac:dyDescent="0.25">
      <c r="D20120" s="6">
        <v>2180.752</v>
      </c>
      <c r="E20120" s="6">
        <v>598.04</v>
      </c>
    </row>
    <row r="20121" spans="4:5" x14ac:dyDescent="0.25">
      <c r="D20121" s="6">
        <v>4026.0439999999999</v>
      </c>
      <c r="E20121" s="6">
        <v>488.51260000000002</v>
      </c>
    </row>
    <row r="20122" spans="4:5" x14ac:dyDescent="0.25">
      <c r="D20122" s="6">
        <v>419.6875</v>
      </c>
      <c r="E20122" s="6">
        <v>1223.6400000000001</v>
      </c>
    </row>
    <row r="20123" spans="4:5" x14ac:dyDescent="0.25">
      <c r="D20123" s="6">
        <v>6645.0609999999997</v>
      </c>
      <c r="E20123" s="6">
        <v>574.67629999999997</v>
      </c>
    </row>
    <row r="20124" spans="4:5" x14ac:dyDescent="0.25">
      <c r="D20124" s="6">
        <v>892.57140000000004</v>
      </c>
      <c r="E20124" s="6">
        <v>1811.3330000000001</v>
      </c>
    </row>
    <row r="20125" spans="4:5" x14ac:dyDescent="0.25">
      <c r="D20125" s="6">
        <v>6706.9709999999995</v>
      </c>
      <c r="E20125" s="6">
        <v>966.98469999999998</v>
      </c>
    </row>
    <row r="20126" spans="4:5" x14ac:dyDescent="0.25">
      <c r="D20126" s="6">
        <v>2460.0250000000001</v>
      </c>
      <c r="E20126" s="6">
        <v>5059.5609999999997</v>
      </c>
    </row>
    <row r="20127" spans="4:5" x14ac:dyDescent="0.25">
      <c r="D20127" s="6">
        <v>886.62909999999999</v>
      </c>
      <c r="E20127" s="6">
        <v>794.45960000000002</v>
      </c>
    </row>
    <row r="20128" spans="4:5" x14ac:dyDescent="0.25">
      <c r="D20128" s="6">
        <v>345.92309999999998</v>
      </c>
      <c r="E20128" s="6">
        <v>5656.7870000000003</v>
      </c>
    </row>
    <row r="20129" spans="4:5" x14ac:dyDescent="0.25">
      <c r="D20129" s="6">
        <v>6173.4650000000001</v>
      </c>
      <c r="E20129" s="6">
        <v>4494.8890000000001</v>
      </c>
    </row>
    <row r="20130" spans="4:5" x14ac:dyDescent="0.25">
      <c r="D20130" s="6">
        <v>2361.2530000000002</v>
      </c>
      <c r="E20130" s="6">
        <v>1653.443</v>
      </c>
    </row>
    <row r="20131" spans="4:5" x14ac:dyDescent="0.25">
      <c r="D20131" s="6">
        <v>12543.02</v>
      </c>
      <c r="E20131" s="6">
        <v>3267.0329999999999</v>
      </c>
    </row>
    <row r="20132" spans="4:5" x14ac:dyDescent="0.25">
      <c r="D20132" s="6">
        <v>773.6404</v>
      </c>
      <c r="E20132" s="6">
        <v>1077.7660000000001</v>
      </c>
    </row>
    <row r="20133" spans="4:5" x14ac:dyDescent="0.25">
      <c r="D20133" s="6">
        <v>609.33330000000001</v>
      </c>
      <c r="E20133" s="6">
        <v>675.08789999999999</v>
      </c>
    </row>
    <row r="20134" spans="4:5" x14ac:dyDescent="0.25">
      <c r="D20134" s="6">
        <v>1286.2260000000001</v>
      </c>
      <c r="E20134" s="6">
        <v>489.91629999999998</v>
      </c>
    </row>
    <row r="20135" spans="4:5" x14ac:dyDescent="0.25">
      <c r="D20135" s="6">
        <v>619.81640000000004</v>
      </c>
      <c r="E20135" s="6">
        <v>1186.684</v>
      </c>
    </row>
    <row r="20136" spans="4:5" x14ac:dyDescent="0.25">
      <c r="D20136" s="6">
        <v>337.61520000000002</v>
      </c>
      <c r="E20136" s="6">
        <v>1196.6890000000001</v>
      </c>
    </row>
    <row r="20137" spans="4:5" x14ac:dyDescent="0.25">
      <c r="D20137" s="6">
        <v>405.24200000000002</v>
      </c>
      <c r="E20137" s="6">
        <v>8852.3240000000005</v>
      </c>
    </row>
    <row r="20138" spans="4:5" x14ac:dyDescent="0.25">
      <c r="D20138" s="6">
        <v>5687.4</v>
      </c>
      <c r="E20138" s="6">
        <v>2129.7159999999999</v>
      </c>
    </row>
    <row r="20139" spans="4:5" x14ac:dyDescent="0.25">
      <c r="D20139" s="6">
        <v>833.87180000000001</v>
      </c>
      <c r="E20139" s="6">
        <v>1118.4549999999999</v>
      </c>
    </row>
    <row r="20140" spans="4:5" x14ac:dyDescent="0.25">
      <c r="D20140" s="6">
        <v>8111.4</v>
      </c>
      <c r="E20140" s="6">
        <v>806.41819999999996</v>
      </c>
    </row>
    <row r="20141" spans="4:5" x14ac:dyDescent="0.25">
      <c r="D20141" s="6">
        <v>303.72539999999998</v>
      </c>
      <c r="E20141" s="6">
        <v>535</v>
      </c>
    </row>
    <row r="20142" spans="4:5" x14ac:dyDescent="0.25">
      <c r="D20142" s="6">
        <v>430.51589999999999</v>
      </c>
      <c r="E20142" s="6">
        <v>1792.1110000000001</v>
      </c>
    </row>
    <row r="20143" spans="4:5" x14ac:dyDescent="0.25">
      <c r="D20143" s="6">
        <v>4473.0219999999999</v>
      </c>
      <c r="E20143" s="6">
        <v>723.64440000000002</v>
      </c>
    </row>
    <row r="20144" spans="4:5" x14ac:dyDescent="0.25">
      <c r="D20144" s="6">
        <v>346.38929999999999</v>
      </c>
      <c r="E20144" s="6">
        <v>514.03179999999998</v>
      </c>
    </row>
    <row r="20145" spans="4:5" x14ac:dyDescent="0.25">
      <c r="D20145" s="6">
        <v>516.27369999999996</v>
      </c>
      <c r="E20145" s="6">
        <v>569.92100000000005</v>
      </c>
    </row>
    <row r="20146" spans="4:5" x14ac:dyDescent="0.25">
      <c r="D20146" s="6">
        <v>155.08330000000001</v>
      </c>
      <c r="E20146" s="6">
        <v>575.9941</v>
      </c>
    </row>
    <row r="20147" spans="4:5" x14ac:dyDescent="0.25">
      <c r="D20147" s="6">
        <v>1047.808</v>
      </c>
      <c r="E20147" s="6">
        <v>1606.8</v>
      </c>
    </row>
    <row r="20148" spans="4:5" x14ac:dyDescent="0.25">
      <c r="D20148" s="6">
        <v>7526.2290000000003</v>
      </c>
      <c r="E20148" s="6">
        <v>436.21690000000001</v>
      </c>
    </row>
    <row r="20149" spans="4:5" x14ac:dyDescent="0.25">
      <c r="D20149" s="6">
        <v>750.03369999999995</v>
      </c>
      <c r="E20149" s="6">
        <v>3529.855</v>
      </c>
    </row>
    <row r="20150" spans="4:5" x14ac:dyDescent="0.25">
      <c r="D20150" s="6">
        <v>9855.7839999999997</v>
      </c>
      <c r="E20150" s="6">
        <v>696.04909999999995</v>
      </c>
    </row>
    <row r="20151" spans="4:5" x14ac:dyDescent="0.25">
      <c r="D20151" s="6">
        <v>408.84379999999999</v>
      </c>
      <c r="E20151" s="6">
        <v>3585.5880000000002</v>
      </c>
    </row>
    <row r="20152" spans="4:5" x14ac:dyDescent="0.25">
      <c r="D20152" s="6">
        <v>1037.921</v>
      </c>
      <c r="E20152" s="6">
        <v>784.28790000000004</v>
      </c>
    </row>
    <row r="20153" spans="4:5" x14ac:dyDescent="0.25">
      <c r="D20153" s="6">
        <v>2865.2339999999999</v>
      </c>
      <c r="E20153" s="6">
        <v>551.625</v>
      </c>
    </row>
    <row r="20154" spans="4:5" x14ac:dyDescent="0.25">
      <c r="D20154" s="6">
        <v>429.58330000000001</v>
      </c>
      <c r="E20154" s="6">
        <v>3552.788</v>
      </c>
    </row>
    <row r="20155" spans="4:5" x14ac:dyDescent="0.25">
      <c r="D20155" s="6">
        <v>485.6001</v>
      </c>
      <c r="E20155" s="6">
        <v>829.55870000000004</v>
      </c>
    </row>
    <row r="20156" spans="4:5" x14ac:dyDescent="0.25">
      <c r="D20156" s="6">
        <v>1992.894</v>
      </c>
      <c r="E20156" s="6">
        <v>1474.729</v>
      </c>
    </row>
    <row r="20157" spans="4:5" x14ac:dyDescent="0.25">
      <c r="D20157" s="6">
        <v>814.38250000000005</v>
      </c>
      <c r="E20157" s="6">
        <v>2524.7869999999998</v>
      </c>
    </row>
    <row r="20158" spans="4:5" x14ac:dyDescent="0.25">
      <c r="D20158" s="6">
        <v>637.83270000000005</v>
      </c>
      <c r="E20158" s="6">
        <v>1368</v>
      </c>
    </row>
    <row r="20159" spans="4:5" x14ac:dyDescent="0.25">
      <c r="D20159" s="6">
        <v>1202.48</v>
      </c>
      <c r="E20159" s="6">
        <v>4492.5</v>
      </c>
    </row>
    <row r="20160" spans="4:5" x14ac:dyDescent="0.25">
      <c r="D20160" s="6">
        <v>5386.7</v>
      </c>
      <c r="E20160" s="6">
        <v>532.71310000000005</v>
      </c>
    </row>
    <row r="20161" spans="4:5" x14ac:dyDescent="0.25">
      <c r="D20161" s="6">
        <v>393.36900000000003</v>
      </c>
      <c r="E20161" s="6">
        <v>781.72630000000004</v>
      </c>
    </row>
    <row r="20162" spans="4:5" x14ac:dyDescent="0.25">
      <c r="D20162" s="6">
        <v>396.33330000000001</v>
      </c>
      <c r="E20162" s="6">
        <v>557.20249999999999</v>
      </c>
    </row>
    <row r="20163" spans="4:5" x14ac:dyDescent="0.25">
      <c r="D20163" s="6">
        <v>2114.3670000000002</v>
      </c>
      <c r="E20163" s="6">
        <v>849.92269999999996</v>
      </c>
    </row>
    <row r="20164" spans="4:5" x14ac:dyDescent="0.25">
      <c r="D20164" s="6">
        <v>1042.854</v>
      </c>
      <c r="E20164" s="6">
        <v>991.04</v>
      </c>
    </row>
    <row r="20165" spans="4:5" x14ac:dyDescent="0.25">
      <c r="D20165" s="6">
        <v>7201.5</v>
      </c>
      <c r="E20165" s="6">
        <v>602.30790000000002</v>
      </c>
    </row>
    <row r="20166" spans="4:5" x14ac:dyDescent="0.25">
      <c r="D20166" s="6">
        <v>318.85309999999998</v>
      </c>
      <c r="E20166" s="6">
        <v>1503.5</v>
      </c>
    </row>
    <row r="20167" spans="4:5" x14ac:dyDescent="0.25">
      <c r="D20167" s="6">
        <v>160.70140000000001</v>
      </c>
      <c r="E20167" s="6">
        <v>1544.75</v>
      </c>
    </row>
    <row r="20168" spans="4:5" x14ac:dyDescent="0.25">
      <c r="D20168" s="6">
        <v>1418.663</v>
      </c>
      <c r="E20168" s="6">
        <v>858.91669999999999</v>
      </c>
    </row>
    <row r="20169" spans="4:5" x14ac:dyDescent="0.25">
      <c r="D20169" s="6">
        <v>9717.8619999999992</v>
      </c>
      <c r="E20169" s="6">
        <v>1088.28</v>
      </c>
    </row>
    <row r="20170" spans="4:5" x14ac:dyDescent="0.25">
      <c r="D20170" s="6">
        <v>6613.2690000000002</v>
      </c>
      <c r="E20170" s="6">
        <v>560.78449999999998</v>
      </c>
    </row>
    <row r="20171" spans="4:5" x14ac:dyDescent="0.25">
      <c r="D20171" s="6">
        <v>3471.2890000000002</v>
      </c>
      <c r="E20171" s="6">
        <v>1743.2539999999999</v>
      </c>
    </row>
    <row r="20172" spans="4:5" x14ac:dyDescent="0.25">
      <c r="D20172" s="6">
        <v>5867.0630000000001</v>
      </c>
      <c r="E20172" s="6">
        <v>2892.7779999999998</v>
      </c>
    </row>
    <row r="20173" spans="4:5" x14ac:dyDescent="0.25">
      <c r="D20173" s="6">
        <v>783.59100000000001</v>
      </c>
      <c r="E20173" s="6">
        <v>1186.7919999999999</v>
      </c>
    </row>
    <row r="20174" spans="4:5" x14ac:dyDescent="0.25">
      <c r="D20174" s="6">
        <v>577.83330000000001</v>
      </c>
      <c r="E20174" s="6">
        <v>1085.434</v>
      </c>
    </row>
    <row r="20175" spans="4:5" x14ac:dyDescent="0.25">
      <c r="D20175" s="6">
        <v>836.64290000000005</v>
      </c>
      <c r="E20175" s="6">
        <v>1304.7339999999999</v>
      </c>
    </row>
    <row r="20176" spans="4:5" x14ac:dyDescent="0.25">
      <c r="D20176" s="6">
        <v>1243.152</v>
      </c>
      <c r="E20176" s="6">
        <v>638.43579999999997</v>
      </c>
    </row>
    <row r="20177" spans="4:5" x14ac:dyDescent="0.25">
      <c r="D20177" s="6">
        <v>2283.8760000000002</v>
      </c>
      <c r="E20177" s="6">
        <v>906.87239999999997</v>
      </c>
    </row>
    <row r="20178" spans="4:5" x14ac:dyDescent="0.25">
      <c r="D20178" s="6">
        <v>600.03549999999996</v>
      </c>
      <c r="E20178" s="6">
        <v>2850.6559999999999</v>
      </c>
    </row>
    <row r="20179" spans="4:5" x14ac:dyDescent="0.25">
      <c r="D20179" s="6">
        <v>950.88099999999997</v>
      </c>
      <c r="E20179" s="6">
        <v>896.94659999999999</v>
      </c>
    </row>
    <row r="20180" spans="4:5" x14ac:dyDescent="0.25">
      <c r="D20180" s="6">
        <v>540.88170000000002</v>
      </c>
      <c r="E20180" s="6">
        <v>922.23450000000003</v>
      </c>
    </row>
    <row r="20181" spans="4:5" x14ac:dyDescent="0.25">
      <c r="D20181" s="6">
        <v>607.72479999999996</v>
      </c>
      <c r="E20181" s="6">
        <v>514.86479999999995</v>
      </c>
    </row>
    <row r="20182" spans="4:5" x14ac:dyDescent="0.25">
      <c r="D20182" s="6">
        <v>544.6422</v>
      </c>
      <c r="E20182" s="6">
        <v>972.93370000000004</v>
      </c>
    </row>
    <row r="20183" spans="4:5" x14ac:dyDescent="0.25">
      <c r="D20183" s="6">
        <v>3226.5</v>
      </c>
      <c r="E20183" s="6">
        <v>2625.395</v>
      </c>
    </row>
    <row r="20184" spans="4:5" x14ac:dyDescent="0.25">
      <c r="D20184" s="6">
        <v>897.68790000000001</v>
      </c>
      <c r="E20184" s="6">
        <v>1063.3309999999999</v>
      </c>
    </row>
    <row r="20185" spans="4:5" x14ac:dyDescent="0.25">
      <c r="D20185" s="6">
        <v>609.95159999999998</v>
      </c>
      <c r="E20185" s="6">
        <v>734.84889999999996</v>
      </c>
    </row>
    <row r="20186" spans="4:5" x14ac:dyDescent="0.25">
      <c r="D20186" s="6">
        <v>365.35500000000002</v>
      </c>
      <c r="E20186" s="6">
        <v>592.65009999999995</v>
      </c>
    </row>
    <row r="20187" spans="4:5" x14ac:dyDescent="0.25">
      <c r="D20187" s="6">
        <v>464.23610000000002</v>
      </c>
      <c r="E20187" s="6">
        <v>981.59389999999996</v>
      </c>
    </row>
    <row r="20188" spans="4:5" x14ac:dyDescent="0.25">
      <c r="D20188" s="6">
        <v>1148.7170000000001</v>
      </c>
      <c r="E20188" s="6">
        <v>1130</v>
      </c>
    </row>
    <row r="20189" spans="4:5" x14ac:dyDescent="0.25">
      <c r="D20189" s="6">
        <v>6286.2389999999996</v>
      </c>
      <c r="E20189" s="6">
        <v>1136.4000000000001</v>
      </c>
    </row>
    <row r="20190" spans="4:5" x14ac:dyDescent="0.25">
      <c r="D20190" s="6">
        <v>523</v>
      </c>
      <c r="E20190" s="6">
        <v>773.36210000000005</v>
      </c>
    </row>
    <row r="20191" spans="4:5" x14ac:dyDescent="0.25">
      <c r="D20191" s="6">
        <v>937.68060000000003</v>
      </c>
      <c r="E20191" s="6">
        <v>1217.8</v>
      </c>
    </row>
    <row r="20192" spans="4:5" x14ac:dyDescent="0.25">
      <c r="D20192" s="6">
        <v>1049.856</v>
      </c>
      <c r="E20192" s="6">
        <v>751.10069999999996</v>
      </c>
    </row>
    <row r="20193" spans="4:5" x14ac:dyDescent="0.25">
      <c r="D20193" s="6">
        <v>1802.201</v>
      </c>
      <c r="E20193" s="6">
        <v>650.54549999999995</v>
      </c>
    </row>
    <row r="20194" spans="4:5" x14ac:dyDescent="0.25">
      <c r="D20194" s="6">
        <v>7075.3050000000003</v>
      </c>
      <c r="E20194" s="6">
        <v>1592</v>
      </c>
    </row>
    <row r="20195" spans="4:5" x14ac:dyDescent="0.25">
      <c r="D20195" s="6">
        <v>5270</v>
      </c>
      <c r="E20195" s="6">
        <v>1004.605</v>
      </c>
    </row>
    <row r="20196" spans="4:5" x14ac:dyDescent="0.25">
      <c r="D20196" s="6">
        <v>360.36360000000002</v>
      </c>
      <c r="E20196" s="6">
        <v>6011.8950000000004</v>
      </c>
    </row>
    <row r="20197" spans="4:5" x14ac:dyDescent="0.25">
      <c r="D20197" s="6">
        <v>760.63559999999995</v>
      </c>
      <c r="E20197" s="6">
        <v>3518.8319999999999</v>
      </c>
    </row>
    <row r="20198" spans="4:5" x14ac:dyDescent="0.25">
      <c r="D20198" s="6">
        <v>1310.875</v>
      </c>
      <c r="E20198" s="6">
        <v>485.76670000000001</v>
      </c>
    </row>
    <row r="20199" spans="4:5" x14ac:dyDescent="0.25">
      <c r="D20199" s="6">
        <v>490.33679999999998</v>
      </c>
      <c r="E20199" s="6">
        <v>1074.4680000000001</v>
      </c>
    </row>
    <row r="20200" spans="4:5" x14ac:dyDescent="0.25">
      <c r="D20200" s="6">
        <v>883.5933</v>
      </c>
      <c r="E20200" s="6">
        <v>621.72280000000001</v>
      </c>
    </row>
    <row r="20201" spans="4:5" x14ac:dyDescent="0.25">
      <c r="D20201" s="6">
        <v>177.6987</v>
      </c>
      <c r="E20201" s="6">
        <v>1179.912</v>
      </c>
    </row>
    <row r="20202" spans="4:5" x14ac:dyDescent="0.25">
      <c r="D20202" s="6">
        <v>2580.0540000000001</v>
      </c>
      <c r="E20202" s="6">
        <v>2103.8270000000002</v>
      </c>
    </row>
    <row r="20203" spans="4:5" x14ac:dyDescent="0.25">
      <c r="D20203" s="6">
        <v>744.5557</v>
      </c>
      <c r="E20203" s="6">
        <v>1986.4559999999999</v>
      </c>
    </row>
    <row r="20204" spans="4:5" x14ac:dyDescent="0.25">
      <c r="D20204" s="6">
        <v>1448.8979999999999</v>
      </c>
      <c r="E20204" s="6">
        <v>514.14639999999997</v>
      </c>
    </row>
    <row r="20205" spans="4:5" x14ac:dyDescent="0.25">
      <c r="D20205" s="6">
        <v>5205.5079999999998</v>
      </c>
      <c r="E20205" s="6">
        <v>552.96130000000005</v>
      </c>
    </row>
    <row r="20206" spans="4:5" x14ac:dyDescent="0.25">
      <c r="D20206" s="6">
        <v>306.34780000000001</v>
      </c>
      <c r="E20206" s="6">
        <v>630.96479999999997</v>
      </c>
    </row>
    <row r="20207" spans="4:5" x14ac:dyDescent="0.25">
      <c r="D20207" s="6">
        <v>352.79829999999998</v>
      </c>
      <c r="E20207" s="6">
        <v>566.04589999999996</v>
      </c>
    </row>
    <row r="20208" spans="4:5" x14ac:dyDescent="0.25">
      <c r="D20208" s="6">
        <v>393.07670000000002</v>
      </c>
      <c r="E20208" s="6">
        <v>1213.2049999999999</v>
      </c>
    </row>
    <row r="20209" spans="4:5" x14ac:dyDescent="0.25">
      <c r="D20209" s="6">
        <v>938.69359999999995</v>
      </c>
      <c r="E20209" s="6">
        <v>498.39370000000002</v>
      </c>
    </row>
    <row r="20210" spans="4:5" x14ac:dyDescent="0.25">
      <c r="D20210" s="6">
        <v>1946.0930000000001</v>
      </c>
      <c r="E20210" s="6">
        <v>616.96820000000002</v>
      </c>
    </row>
    <row r="20211" spans="4:5" x14ac:dyDescent="0.25">
      <c r="D20211" s="6">
        <v>4022.835</v>
      </c>
      <c r="E20211" s="6">
        <v>2544.7220000000002</v>
      </c>
    </row>
    <row r="20212" spans="4:5" x14ac:dyDescent="0.25">
      <c r="D20212" s="6">
        <v>368.04860000000002</v>
      </c>
      <c r="E20212" s="6">
        <v>553.28359999999998</v>
      </c>
    </row>
    <row r="20213" spans="4:5" x14ac:dyDescent="0.25">
      <c r="D20213" s="6">
        <v>3224.2460000000001</v>
      </c>
      <c r="E20213" s="6">
        <v>2248.8670000000002</v>
      </c>
    </row>
    <row r="20214" spans="4:5" x14ac:dyDescent="0.25">
      <c r="D20214" s="6">
        <v>171.45859999999999</v>
      </c>
      <c r="E20214" s="6">
        <v>981.1893</v>
      </c>
    </row>
    <row r="20215" spans="4:5" x14ac:dyDescent="0.25">
      <c r="D20215" s="6">
        <v>399.77440000000001</v>
      </c>
      <c r="E20215" s="6">
        <v>783.08249999999998</v>
      </c>
    </row>
    <row r="20216" spans="4:5" x14ac:dyDescent="0.25">
      <c r="D20216" s="6">
        <v>5679.6120000000001</v>
      </c>
      <c r="E20216" s="6">
        <v>519.15</v>
      </c>
    </row>
    <row r="20217" spans="4:5" x14ac:dyDescent="0.25">
      <c r="D20217" s="6">
        <v>2483.7939999999999</v>
      </c>
      <c r="E20217" s="6">
        <v>1032.681</v>
      </c>
    </row>
    <row r="20218" spans="4:5" x14ac:dyDescent="0.25">
      <c r="D20218" s="6">
        <v>296.5179</v>
      </c>
      <c r="E20218" s="6">
        <v>2184.13</v>
      </c>
    </row>
    <row r="20219" spans="4:5" x14ac:dyDescent="0.25">
      <c r="D20219" s="6">
        <v>803</v>
      </c>
      <c r="E20219" s="6">
        <v>1131.47</v>
      </c>
    </row>
    <row r="20220" spans="4:5" x14ac:dyDescent="0.25">
      <c r="D20220" s="6">
        <v>330.56</v>
      </c>
      <c r="E20220" s="6">
        <v>646.01229999999998</v>
      </c>
    </row>
    <row r="20221" spans="4:5" x14ac:dyDescent="0.25">
      <c r="D20221" s="6">
        <v>5516.3909999999996</v>
      </c>
      <c r="E20221" s="6">
        <v>507.43279999999999</v>
      </c>
    </row>
    <row r="20222" spans="4:5" x14ac:dyDescent="0.25">
      <c r="D20222" s="6">
        <v>686.28980000000001</v>
      </c>
      <c r="E20222" s="6">
        <v>603.07000000000005</v>
      </c>
    </row>
    <row r="20223" spans="4:5" x14ac:dyDescent="0.25">
      <c r="D20223" s="6">
        <v>742.57</v>
      </c>
      <c r="E20223" s="6">
        <v>587.21050000000002</v>
      </c>
    </row>
    <row r="20224" spans="4:5" x14ac:dyDescent="0.25">
      <c r="D20224" s="6">
        <v>3903.3670000000002</v>
      </c>
      <c r="E20224" s="6">
        <v>902.04349999999999</v>
      </c>
    </row>
    <row r="20225" spans="4:5" x14ac:dyDescent="0.25">
      <c r="D20225" s="6">
        <v>883.38400000000001</v>
      </c>
      <c r="E20225" s="6">
        <v>1312.41</v>
      </c>
    </row>
    <row r="20226" spans="4:5" x14ac:dyDescent="0.25">
      <c r="D20226" s="6">
        <v>635.49929999999995</v>
      </c>
      <c r="E20226" s="6">
        <v>1362.6559999999999</v>
      </c>
    </row>
    <row r="20227" spans="4:5" x14ac:dyDescent="0.25">
      <c r="D20227" s="6">
        <v>436.98809999999997</v>
      </c>
      <c r="E20227" s="6">
        <v>2795.3249999999998</v>
      </c>
    </row>
    <row r="20228" spans="4:5" x14ac:dyDescent="0.25">
      <c r="D20228" s="6">
        <v>180.34690000000001</v>
      </c>
      <c r="E20228" s="6">
        <v>883.08100000000002</v>
      </c>
    </row>
    <row r="20229" spans="4:5" x14ac:dyDescent="0.25">
      <c r="D20229" s="6">
        <v>1734.432</v>
      </c>
      <c r="E20229" s="6">
        <v>1024.2539999999999</v>
      </c>
    </row>
    <row r="20230" spans="4:5" x14ac:dyDescent="0.25">
      <c r="D20230" s="6">
        <v>2231.509</v>
      </c>
      <c r="E20230" s="6">
        <v>462.99759999999998</v>
      </c>
    </row>
    <row r="20231" spans="4:5" x14ac:dyDescent="0.25">
      <c r="D20231" s="6">
        <v>527.0806</v>
      </c>
      <c r="E20231" s="6">
        <v>8184.1109999999999</v>
      </c>
    </row>
    <row r="20232" spans="4:5" x14ac:dyDescent="0.25">
      <c r="D20232" s="6">
        <v>2218.63</v>
      </c>
      <c r="E20232" s="6">
        <v>843.31209999999999</v>
      </c>
    </row>
    <row r="20233" spans="4:5" x14ac:dyDescent="0.25">
      <c r="D20233" s="6">
        <v>5729.9359999999997</v>
      </c>
      <c r="E20233" s="6">
        <v>500.52719999999999</v>
      </c>
    </row>
    <row r="20234" spans="4:5" x14ac:dyDescent="0.25">
      <c r="D20234" s="6">
        <v>331.33330000000001</v>
      </c>
      <c r="E20234" s="6">
        <v>947.46019999999999</v>
      </c>
    </row>
    <row r="20235" spans="4:5" x14ac:dyDescent="0.25">
      <c r="D20235" s="6">
        <v>5713.9279999999999</v>
      </c>
      <c r="E20235" s="6">
        <v>671.7654</v>
      </c>
    </row>
    <row r="20236" spans="4:5" x14ac:dyDescent="0.25">
      <c r="D20236" s="6">
        <v>1973.54</v>
      </c>
      <c r="E20236" s="6">
        <v>1581.1110000000001</v>
      </c>
    </row>
    <row r="20237" spans="4:5" x14ac:dyDescent="0.25">
      <c r="D20237" s="6">
        <v>178.37039999999999</v>
      </c>
      <c r="E20237" s="6">
        <v>16034.04</v>
      </c>
    </row>
    <row r="20238" spans="4:5" x14ac:dyDescent="0.25">
      <c r="D20238" s="6">
        <v>502.8843</v>
      </c>
      <c r="E20238" s="6">
        <v>677.38649999999996</v>
      </c>
    </row>
    <row r="20239" spans="4:5" x14ac:dyDescent="0.25">
      <c r="D20239" s="6">
        <v>642.07370000000003</v>
      </c>
      <c r="E20239" s="6">
        <v>3204.5709999999999</v>
      </c>
    </row>
    <row r="20240" spans="4:5" x14ac:dyDescent="0.25">
      <c r="D20240" s="6">
        <v>4701.1400000000003</v>
      </c>
      <c r="E20240" s="6">
        <v>769.96460000000002</v>
      </c>
    </row>
    <row r="20241" spans="4:5" x14ac:dyDescent="0.25">
      <c r="D20241" s="6">
        <v>422.18329999999997</v>
      </c>
      <c r="E20241" s="6">
        <v>851.5992</v>
      </c>
    </row>
    <row r="20242" spans="4:5" x14ac:dyDescent="0.25">
      <c r="D20242" s="6">
        <v>6232.442</v>
      </c>
      <c r="E20242" s="6">
        <v>887.16669999999999</v>
      </c>
    </row>
    <row r="20243" spans="4:5" x14ac:dyDescent="0.25">
      <c r="D20243" s="6">
        <v>3271.3829999999998</v>
      </c>
      <c r="E20243" s="6">
        <v>2904.326</v>
      </c>
    </row>
    <row r="20244" spans="4:5" x14ac:dyDescent="0.25">
      <c r="D20244" s="6">
        <v>4902.7780000000002</v>
      </c>
      <c r="E20244" s="6">
        <v>1343.5</v>
      </c>
    </row>
    <row r="20245" spans="4:5" x14ac:dyDescent="0.25">
      <c r="D20245" s="6">
        <v>907.15189999999996</v>
      </c>
      <c r="E20245" s="6">
        <v>854.98869999999999</v>
      </c>
    </row>
    <row r="20246" spans="4:5" x14ac:dyDescent="0.25">
      <c r="D20246" s="6">
        <v>3700.3330000000001</v>
      </c>
      <c r="E20246" s="6">
        <v>142.15029999999999</v>
      </c>
    </row>
    <row r="20247" spans="4:5" x14ac:dyDescent="0.25">
      <c r="D20247" s="6">
        <v>7102.0820000000003</v>
      </c>
      <c r="E20247" s="6">
        <v>396.33330000000001</v>
      </c>
    </row>
    <row r="20248" spans="4:5" x14ac:dyDescent="0.25">
      <c r="D20248" s="6">
        <v>585.21500000000003</v>
      </c>
      <c r="E20248" s="6">
        <v>2286.9690000000001</v>
      </c>
    </row>
    <row r="20249" spans="4:5" x14ac:dyDescent="0.25">
      <c r="D20249" s="6">
        <v>202.61199999999999</v>
      </c>
      <c r="E20249" s="6">
        <v>508.0566</v>
      </c>
    </row>
    <row r="20250" spans="4:5" x14ac:dyDescent="0.25">
      <c r="D20250" s="6">
        <v>5352.8419999999996</v>
      </c>
      <c r="E20250" s="6">
        <v>4212.0420000000004</v>
      </c>
    </row>
    <row r="20251" spans="4:5" x14ac:dyDescent="0.25">
      <c r="D20251" s="6">
        <v>499.08499999999998</v>
      </c>
      <c r="E20251" s="6">
        <v>613.70410000000004</v>
      </c>
    </row>
    <row r="20252" spans="4:5" x14ac:dyDescent="0.25">
      <c r="D20252" s="6">
        <v>452.87580000000003</v>
      </c>
      <c r="E20252" s="6">
        <v>776.04259999999999</v>
      </c>
    </row>
    <row r="20253" spans="4:5" x14ac:dyDescent="0.25">
      <c r="D20253" s="6">
        <v>473.27109999999999</v>
      </c>
      <c r="E20253" s="6">
        <v>668.54</v>
      </c>
    </row>
    <row r="20254" spans="4:5" x14ac:dyDescent="0.25">
      <c r="D20254" s="6">
        <v>192.05600000000001</v>
      </c>
      <c r="E20254" s="6">
        <v>874.97119999999995</v>
      </c>
    </row>
    <row r="20255" spans="4:5" x14ac:dyDescent="0.25">
      <c r="D20255" s="6">
        <v>8330.143</v>
      </c>
      <c r="E20255" s="6">
        <v>739.21370000000002</v>
      </c>
    </row>
    <row r="20256" spans="4:5" x14ac:dyDescent="0.25">
      <c r="D20256" s="6">
        <v>700.21230000000003</v>
      </c>
      <c r="E20256" s="6">
        <v>698.63279999999997</v>
      </c>
    </row>
    <row r="20257" spans="4:5" x14ac:dyDescent="0.25">
      <c r="D20257" s="6">
        <v>435.41590000000002</v>
      </c>
      <c r="E20257" s="6">
        <v>548.43060000000003</v>
      </c>
    </row>
    <row r="20258" spans="4:5" x14ac:dyDescent="0.25">
      <c r="D20258" s="6">
        <v>2524.4949999999999</v>
      </c>
      <c r="E20258" s="6">
        <v>565.72979999999995</v>
      </c>
    </row>
    <row r="20259" spans="4:5" x14ac:dyDescent="0.25">
      <c r="D20259" s="6">
        <v>652.52829999999994</v>
      </c>
      <c r="E20259" s="6">
        <v>540.14959999999996</v>
      </c>
    </row>
    <row r="20260" spans="4:5" x14ac:dyDescent="0.25">
      <c r="D20260" s="6">
        <v>1082.78</v>
      </c>
      <c r="E20260" s="6">
        <v>5063</v>
      </c>
    </row>
    <row r="20261" spans="4:5" x14ac:dyDescent="0.25">
      <c r="D20261" s="6">
        <v>565.42999999999995</v>
      </c>
      <c r="E20261" s="6">
        <v>532.97280000000001</v>
      </c>
    </row>
    <row r="20262" spans="4:5" x14ac:dyDescent="0.25">
      <c r="D20262" s="6">
        <v>401.72460000000001</v>
      </c>
      <c r="E20262" s="6">
        <v>471.1653</v>
      </c>
    </row>
    <row r="20263" spans="4:5" x14ac:dyDescent="0.25">
      <c r="D20263" s="6">
        <v>2904.721</v>
      </c>
      <c r="E20263" s="6">
        <v>988.20860000000005</v>
      </c>
    </row>
    <row r="20264" spans="4:5" x14ac:dyDescent="0.25">
      <c r="D20264" s="6">
        <v>1558.758</v>
      </c>
      <c r="E20264" s="6">
        <v>622.79129999999998</v>
      </c>
    </row>
    <row r="20265" spans="4:5" x14ac:dyDescent="0.25">
      <c r="D20265" s="6">
        <v>472.85969999999998</v>
      </c>
      <c r="E20265" s="6">
        <v>839</v>
      </c>
    </row>
    <row r="20266" spans="4:5" x14ac:dyDescent="0.25">
      <c r="D20266" s="6">
        <v>4122.2719999999999</v>
      </c>
      <c r="E20266" s="6">
        <v>1035.739</v>
      </c>
    </row>
    <row r="20267" spans="4:5" x14ac:dyDescent="0.25">
      <c r="D20267" s="6">
        <v>718.19330000000002</v>
      </c>
      <c r="E20267" s="6">
        <v>728.55650000000003</v>
      </c>
    </row>
    <row r="20268" spans="4:5" x14ac:dyDescent="0.25">
      <c r="D20268" s="6">
        <v>4123.1239999999998</v>
      </c>
      <c r="E20268" s="6">
        <v>609.49639999999999</v>
      </c>
    </row>
    <row r="20269" spans="4:5" x14ac:dyDescent="0.25">
      <c r="D20269" s="6">
        <v>362.30259999999998</v>
      </c>
      <c r="E20269" s="6">
        <v>700.44309999999996</v>
      </c>
    </row>
    <row r="20270" spans="4:5" x14ac:dyDescent="0.25">
      <c r="D20270" s="6">
        <v>387.22300000000001</v>
      </c>
      <c r="E20270" s="6">
        <v>1692.42</v>
      </c>
    </row>
    <row r="20271" spans="4:5" x14ac:dyDescent="0.25">
      <c r="D20271" s="6">
        <v>284.60939999999999</v>
      </c>
      <c r="E20271" s="6">
        <v>2841.1370000000002</v>
      </c>
    </row>
    <row r="20272" spans="4:5" x14ac:dyDescent="0.25">
      <c r="D20272" s="6">
        <v>3606.098</v>
      </c>
      <c r="E20272" s="6">
        <v>1242.0119999999999</v>
      </c>
    </row>
    <row r="20273" spans="4:5" x14ac:dyDescent="0.25">
      <c r="D20273" s="6">
        <v>248.0556</v>
      </c>
      <c r="E20273" s="6">
        <v>1278.547</v>
      </c>
    </row>
    <row r="20274" spans="4:5" x14ac:dyDescent="0.25">
      <c r="D20274" s="6">
        <v>3825.9839999999999</v>
      </c>
      <c r="E20274" s="6">
        <v>921.18449999999996</v>
      </c>
    </row>
    <row r="20275" spans="4:5" x14ac:dyDescent="0.25">
      <c r="D20275" s="6">
        <v>471.46319999999997</v>
      </c>
      <c r="E20275" s="6">
        <v>1374.4</v>
      </c>
    </row>
    <row r="20276" spans="4:5" x14ac:dyDescent="0.25">
      <c r="D20276" s="6">
        <v>149.36799999999999</v>
      </c>
      <c r="E20276" s="6">
        <v>1262.5999999999999</v>
      </c>
    </row>
    <row r="20277" spans="4:5" x14ac:dyDescent="0.25">
      <c r="D20277" s="6">
        <v>169.25729999999999</v>
      </c>
      <c r="E20277" s="6">
        <v>2262.46</v>
      </c>
    </row>
    <row r="20278" spans="4:5" x14ac:dyDescent="0.25">
      <c r="D20278" s="6">
        <v>3265.9879999999998</v>
      </c>
      <c r="E20278" s="6">
        <v>466.66669999999999</v>
      </c>
    </row>
    <row r="20279" spans="4:5" x14ac:dyDescent="0.25">
      <c r="D20279" s="6">
        <v>2629.8760000000002</v>
      </c>
      <c r="E20279" s="6">
        <v>775.47950000000003</v>
      </c>
    </row>
    <row r="20280" spans="4:5" x14ac:dyDescent="0.25">
      <c r="D20280" s="6">
        <v>2816.9180000000001</v>
      </c>
      <c r="E20280" s="6">
        <v>632.72140000000002</v>
      </c>
    </row>
    <row r="20281" spans="4:5" x14ac:dyDescent="0.25">
      <c r="D20281" s="6">
        <v>565.57140000000004</v>
      </c>
      <c r="E20281" s="6">
        <v>1316.1210000000001</v>
      </c>
    </row>
    <row r="20282" spans="4:5" x14ac:dyDescent="0.25">
      <c r="D20282" s="6">
        <v>386.61559999999997</v>
      </c>
      <c r="E20282" s="6">
        <v>1066.329</v>
      </c>
    </row>
    <row r="20283" spans="4:5" x14ac:dyDescent="0.25">
      <c r="D20283" s="6">
        <v>895.77729999999997</v>
      </c>
      <c r="E20283" s="6">
        <v>975.04349999999999</v>
      </c>
    </row>
    <row r="20284" spans="4:5" x14ac:dyDescent="0.25">
      <c r="D20284" s="6">
        <v>420.94589999999999</v>
      </c>
      <c r="E20284" s="6">
        <v>16382.8</v>
      </c>
    </row>
    <row r="20285" spans="4:5" x14ac:dyDescent="0.25">
      <c r="D20285" s="6">
        <v>505.68920000000003</v>
      </c>
      <c r="E20285" s="6">
        <v>615.5</v>
      </c>
    </row>
    <row r="20286" spans="4:5" x14ac:dyDescent="0.25">
      <c r="D20286" s="6">
        <v>4622.32</v>
      </c>
      <c r="E20286" s="6">
        <v>766.86670000000004</v>
      </c>
    </row>
    <row r="20287" spans="4:5" x14ac:dyDescent="0.25">
      <c r="D20287" s="6">
        <v>3988.348</v>
      </c>
      <c r="E20287" s="6">
        <v>3990.4</v>
      </c>
    </row>
    <row r="20288" spans="4:5" x14ac:dyDescent="0.25">
      <c r="D20288" s="6">
        <v>430.96269999999998</v>
      </c>
      <c r="E20288" s="6">
        <v>698.12249999999995</v>
      </c>
    </row>
    <row r="20289" spans="4:5" x14ac:dyDescent="0.25">
      <c r="D20289" s="6">
        <v>9292.5229999999992</v>
      </c>
      <c r="E20289" s="6">
        <v>1245.1210000000001</v>
      </c>
    </row>
    <row r="20290" spans="4:5" x14ac:dyDescent="0.25">
      <c r="D20290" s="6">
        <v>6431.4359999999997</v>
      </c>
      <c r="E20290" s="6">
        <v>1559.7159999999999</v>
      </c>
    </row>
    <row r="20291" spans="4:5" x14ac:dyDescent="0.25">
      <c r="D20291" s="6">
        <v>1541.6780000000001</v>
      </c>
      <c r="E20291" s="6">
        <v>977.24080000000004</v>
      </c>
    </row>
    <row r="20292" spans="4:5" x14ac:dyDescent="0.25">
      <c r="D20292" s="6">
        <v>461.68819999999999</v>
      </c>
      <c r="E20292" s="6">
        <v>773.17250000000001</v>
      </c>
    </row>
    <row r="20293" spans="4:5" x14ac:dyDescent="0.25">
      <c r="D20293" s="6">
        <v>354.44490000000002</v>
      </c>
      <c r="E20293" s="6">
        <v>7531.9</v>
      </c>
    </row>
    <row r="20294" spans="4:5" x14ac:dyDescent="0.25">
      <c r="D20294" s="6">
        <v>7249.7730000000001</v>
      </c>
      <c r="E20294" s="6">
        <v>900.79169999999999</v>
      </c>
    </row>
    <row r="20295" spans="4:5" x14ac:dyDescent="0.25">
      <c r="D20295" s="6">
        <v>478.87329999999997</v>
      </c>
      <c r="E20295" s="6">
        <v>1497.547</v>
      </c>
    </row>
    <row r="20296" spans="4:5" x14ac:dyDescent="0.25">
      <c r="D20296" s="6">
        <v>169.2131</v>
      </c>
      <c r="E20296" s="6">
        <v>899.66669999999999</v>
      </c>
    </row>
    <row r="20297" spans="4:5" x14ac:dyDescent="0.25">
      <c r="D20297" s="6">
        <v>5992.3320000000003</v>
      </c>
      <c r="E20297" s="6">
        <v>600.81769999999995</v>
      </c>
    </row>
    <row r="20298" spans="4:5" x14ac:dyDescent="0.25">
      <c r="D20298" s="6">
        <v>9336.4639999999999</v>
      </c>
      <c r="E20298" s="6">
        <v>1087.316</v>
      </c>
    </row>
    <row r="20299" spans="4:5" x14ac:dyDescent="0.25">
      <c r="D20299" s="6">
        <v>559.75</v>
      </c>
      <c r="E20299" s="6">
        <v>1271.4359999999999</v>
      </c>
    </row>
    <row r="20300" spans="4:5" x14ac:dyDescent="0.25">
      <c r="D20300" s="6">
        <v>1828.442</v>
      </c>
      <c r="E20300" s="6">
        <v>1058.9110000000001</v>
      </c>
    </row>
    <row r="20301" spans="4:5" x14ac:dyDescent="0.25">
      <c r="D20301" s="6">
        <v>366.96960000000001</v>
      </c>
      <c r="E20301" s="6">
        <v>988.14369999999997</v>
      </c>
    </row>
    <row r="20302" spans="4:5" x14ac:dyDescent="0.25">
      <c r="D20302" s="6">
        <v>451</v>
      </c>
      <c r="E20302" s="6">
        <v>1082.556</v>
      </c>
    </row>
    <row r="20303" spans="4:5" x14ac:dyDescent="0.25">
      <c r="D20303" s="6">
        <v>741.7921</v>
      </c>
      <c r="E20303" s="6">
        <v>12518.5</v>
      </c>
    </row>
    <row r="20304" spans="4:5" x14ac:dyDescent="0.25">
      <c r="D20304" s="6">
        <v>620.33130000000006</v>
      </c>
      <c r="E20304" s="6">
        <v>864</v>
      </c>
    </row>
    <row r="20305" spans="4:5" x14ac:dyDescent="0.25">
      <c r="D20305" s="6">
        <v>468.16309999999999</v>
      </c>
      <c r="E20305" s="6">
        <v>766.80439999999999</v>
      </c>
    </row>
    <row r="20306" spans="4:5" x14ac:dyDescent="0.25">
      <c r="D20306" s="6">
        <v>350.50670000000002</v>
      </c>
      <c r="E20306" s="6">
        <v>914.81960000000004</v>
      </c>
    </row>
    <row r="20307" spans="4:5" x14ac:dyDescent="0.25">
      <c r="D20307" s="6">
        <v>929</v>
      </c>
      <c r="E20307" s="6">
        <v>499.40769999999998</v>
      </c>
    </row>
    <row r="20308" spans="4:5" x14ac:dyDescent="0.25">
      <c r="D20308" s="6">
        <v>2177.4279999999999</v>
      </c>
      <c r="E20308" s="6">
        <v>2107.087</v>
      </c>
    </row>
    <row r="20309" spans="4:5" x14ac:dyDescent="0.25">
      <c r="D20309" s="6">
        <v>329.8843</v>
      </c>
      <c r="E20309" s="6">
        <v>1574</v>
      </c>
    </row>
    <row r="20310" spans="4:5" x14ac:dyDescent="0.25">
      <c r="D20310" s="6">
        <v>417.46629999999999</v>
      </c>
      <c r="E20310" s="6">
        <v>624.34929999999997</v>
      </c>
    </row>
    <row r="20311" spans="4:5" x14ac:dyDescent="0.25">
      <c r="D20311" s="6">
        <v>176.23849999999999</v>
      </c>
      <c r="E20311" s="6">
        <v>1719.9570000000001</v>
      </c>
    </row>
    <row r="20312" spans="4:5" x14ac:dyDescent="0.25">
      <c r="D20312" s="6">
        <v>472.81470000000002</v>
      </c>
      <c r="E20312" s="6">
        <v>821.25</v>
      </c>
    </row>
    <row r="20313" spans="4:5" x14ac:dyDescent="0.25">
      <c r="D20313" s="6">
        <v>1512.453</v>
      </c>
      <c r="E20313" s="6">
        <v>1323.8409999999999</v>
      </c>
    </row>
    <row r="20314" spans="4:5" x14ac:dyDescent="0.25">
      <c r="D20314" s="6">
        <v>7871.5</v>
      </c>
      <c r="E20314" s="6">
        <v>1161.0930000000001</v>
      </c>
    </row>
    <row r="20315" spans="4:5" x14ac:dyDescent="0.25">
      <c r="D20315" s="6">
        <v>1284.836</v>
      </c>
      <c r="E20315" s="6">
        <v>920.35199999999998</v>
      </c>
    </row>
    <row r="20316" spans="4:5" x14ac:dyDescent="0.25">
      <c r="D20316" s="6">
        <v>350.35759999999999</v>
      </c>
      <c r="E20316" s="6">
        <v>1201.143</v>
      </c>
    </row>
    <row r="20317" spans="4:5" x14ac:dyDescent="0.25">
      <c r="D20317" s="6">
        <v>374.77870000000001</v>
      </c>
      <c r="E20317" s="6">
        <v>996.125</v>
      </c>
    </row>
    <row r="20318" spans="4:5" x14ac:dyDescent="0.25">
      <c r="D20318" s="6">
        <v>1164.3230000000001</v>
      </c>
      <c r="E20318" s="6">
        <v>2480.4830000000002</v>
      </c>
    </row>
    <row r="20319" spans="4:5" x14ac:dyDescent="0.25">
      <c r="D20319" s="6">
        <v>941.43129999999996</v>
      </c>
      <c r="E20319" s="6">
        <v>980.12699999999995</v>
      </c>
    </row>
    <row r="20320" spans="4:5" x14ac:dyDescent="0.25">
      <c r="D20320" s="6">
        <v>4819.4350000000004</v>
      </c>
      <c r="E20320" s="6">
        <v>1158.7149999999999</v>
      </c>
    </row>
    <row r="20321" spans="4:5" x14ac:dyDescent="0.25">
      <c r="D20321" s="6">
        <v>471.35640000000001</v>
      </c>
      <c r="E20321" s="6">
        <v>1468</v>
      </c>
    </row>
    <row r="20322" spans="4:5" x14ac:dyDescent="0.25">
      <c r="D20322" s="6">
        <v>382.51510000000002</v>
      </c>
      <c r="E20322" s="6">
        <v>935.80150000000003</v>
      </c>
    </row>
    <row r="20323" spans="4:5" x14ac:dyDescent="0.25">
      <c r="D20323" s="6">
        <v>6513.0519999999997</v>
      </c>
      <c r="E20323" s="6">
        <v>1341.1469999999999</v>
      </c>
    </row>
    <row r="20324" spans="4:5" x14ac:dyDescent="0.25">
      <c r="D20324" s="6">
        <v>489.18799999999999</v>
      </c>
      <c r="E20324" s="6">
        <v>726.54079999999999</v>
      </c>
    </row>
    <row r="20325" spans="4:5" x14ac:dyDescent="0.25">
      <c r="D20325" s="6">
        <v>628.44749999999999</v>
      </c>
      <c r="E20325" s="6">
        <v>4627.5</v>
      </c>
    </row>
    <row r="20326" spans="4:5" x14ac:dyDescent="0.25">
      <c r="D20326" s="6">
        <v>159.0539</v>
      </c>
      <c r="E20326" s="6">
        <v>553.62800000000004</v>
      </c>
    </row>
    <row r="20327" spans="4:5" x14ac:dyDescent="0.25">
      <c r="D20327" s="6">
        <v>366.63749999999999</v>
      </c>
      <c r="E20327" s="6">
        <v>4900.2</v>
      </c>
    </row>
    <row r="20328" spans="4:5" x14ac:dyDescent="0.25">
      <c r="D20328" s="6">
        <v>591.64269999999999</v>
      </c>
      <c r="E20328" s="6">
        <v>616.97940000000006</v>
      </c>
    </row>
    <row r="20329" spans="4:5" x14ac:dyDescent="0.25">
      <c r="D20329" s="6">
        <v>4051.1039999999998</v>
      </c>
      <c r="E20329" s="6">
        <v>2094.8209999999999</v>
      </c>
    </row>
    <row r="20330" spans="4:5" x14ac:dyDescent="0.25">
      <c r="D20330" s="6">
        <v>1015.748</v>
      </c>
      <c r="E20330" s="6">
        <v>1177.29</v>
      </c>
    </row>
    <row r="20331" spans="4:5" x14ac:dyDescent="0.25">
      <c r="D20331" s="6">
        <v>2859</v>
      </c>
      <c r="E20331" s="6">
        <v>564.93499999999995</v>
      </c>
    </row>
    <row r="20332" spans="4:5" x14ac:dyDescent="0.25">
      <c r="D20332" s="6">
        <v>285.24990000000003</v>
      </c>
      <c r="E20332" s="6">
        <v>1225.5350000000001</v>
      </c>
    </row>
    <row r="20333" spans="4:5" x14ac:dyDescent="0.25">
      <c r="D20333" s="6">
        <v>776.82719999999995</v>
      </c>
      <c r="E20333" s="6">
        <v>517.93939999999998</v>
      </c>
    </row>
    <row r="20334" spans="4:5" x14ac:dyDescent="0.25">
      <c r="D20334" s="6">
        <v>967.96579999999994</v>
      </c>
      <c r="E20334" s="6">
        <v>826.74090000000001</v>
      </c>
    </row>
    <row r="20335" spans="4:5" x14ac:dyDescent="0.25">
      <c r="D20335" s="6">
        <v>662.47950000000003</v>
      </c>
      <c r="E20335" s="6">
        <v>1793.5</v>
      </c>
    </row>
    <row r="20336" spans="4:5" x14ac:dyDescent="0.25">
      <c r="D20336" s="6">
        <v>1350.7070000000001</v>
      </c>
      <c r="E20336" s="6">
        <v>597.88160000000005</v>
      </c>
    </row>
    <row r="20337" spans="4:5" x14ac:dyDescent="0.25">
      <c r="D20337" s="6">
        <v>381.1189</v>
      </c>
      <c r="E20337" s="6">
        <v>3178.4290000000001</v>
      </c>
    </row>
    <row r="20338" spans="4:5" x14ac:dyDescent="0.25">
      <c r="D20338" s="6">
        <v>420.13470000000001</v>
      </c>
      <c r="E20338" s="6">
        <v>1471.2629999999999</v>
      </c>
    </row>
    <row r="20339" spans="4:5" x14ac:dyDescent="0.25">
      <c r="D20339" s="6">
        <v>7828</v>
      </c>
      <c r="E20339" s="6">
        <v>1041</v>
      </c>
    </row>
    <row r="20340" spans="4:5" x14ac:dyDescent="0.25">
      <c r="D20340" s="6">
        <v>1194</v>
      </c>
      <c r="E20340" s="6">
        <v>594.02120000000002</v>
      </c>
    </row>
    <row r="20341" spans="4:5" x14ac:dyDescent="0.25">
      <c r="D20341" s="6">
        <v>271.55779999999999</v>
      </c>
      <c r="E20341" s="6">
        <v>559.14290000000005</v>
      </c>
    </row>
    <row r="20342" spans="4:5" x14ac:dyDescent="0.25">
      <c r="D20342" s="6">
        <v>1448.375</v>
      </c>
      <c r="E20342" s="6">
        <v>1031.2370000000001</v>
      </c>
    </row>
    <row r="20343" spans="4:5" x14ac:dyDescent="0.25">
      <c r="D20343" s="6">
        <v>6297.1360000000004</v>
      </c>
      <c r="E20343" s="6">
        <v>983.18520000000001</v>
      </c>
    </row>
    <row r="20344" spans="4:5" x14ac:dyDescent="0.25">
      <c r="D20344" s="6">
        <v>5079.5839999999998</v>
      </c>
      <c r="E20344" s="6">
        <v>1101.5239999999999</v>
      </c>
    </row>
    <row r="20345" spans="4:5" x14ac:dyDescent="0.25">
      <c r="D20345" s="6">
        <v>424.29300000000001</v>
      </c>
      <c r="E20345" s="6">
        <v>772.06889999999999</v>
      </c>
    </row>
    <row r="20346" spans="4:5" x14ac:dyDescent="0.25">
      <c r="D20346" s="6">
        <v>771.85730000000001</v>
      </c>
      <c r="E20346" s="6">
        <v>715.9117</v>
      </c>
    </row>
    <row r="20347" spans="4:5" x14ac:dyDescent="0.25">
      <c r="D20347" s="6">
        <v>2519.7919999999999</v>
      </c>
      <c r="E20347" s="6">
        <v>1129.8989999999999</v>
      </c>
    </row>
    <row r="20348" spans="4:5" x14ac:dyDescent="0.25">
      <c r="D20348" s="6">
        <v>401.84899999999999</v>
      </c>
      <c r="E20348" s="6">
        <v>502.14699999999999</v>
      </c>
    </row>
    <row r="20349" spans="4:5" x14ac:dyDescent="0.25">
      <c r="D20349" s="6">
        <v>387.6345</v>
      </c>
      <c r="E20349" s="6">
        <v>1822.681</v>
      </c>
    </row>
    <row r="20350" spans="4:5" x14ac:dyDescent="0.25">
      <c r="D20350" s="6">
        <v>170.1379</v>
      </c>
      <c r="E20350" s="6">
        <v>8524</v>
      </c>
    </row>
    <row r="20351" spans="4:5" x14ac:dyDescent="0.25">
      <c r="D20351" s="6">
        <v>784.11379999999997</v>
      </c>
      <c r="E20351" s="6">
        <v>749.56740000000002</v>
      </c>
    </row>
    <row r="20352" spans="4:5" x14ac:dyDescent="0.25">
      <c r="D20352" s="6">
        <v>4283.09</v>
      </c>
      <c r="E20352" s="6">
        <v>876.20190000000002</v>
      </c>
    </row>
    <row r="20353" spans="4:5" x14ac:dyDescent="0.25">
      <c r="D20353" s="6">
        <v>177.33330000000001</v>
      </c>
      <c r="E20353" s="6">
        <v>1447.3330000000001</v>
      </c>
    </row>
    <row r="20354" spans="4:5" x14ac:dyDescent="0.25">
      <c r="D20354" s="6">
        <v>479.23939999999999</v>
      </c>
      <c r="E20354" s="6">
        <v>1222</v>
      </c>
    </row>
    <row r="20355" spans="4:5" x14ac:dyDescent="0.25">
      <c r="D20355" s="6">
        <v>1151.6669999999999</v>
      </c>
      <c r="E20355" s="6">
        <v>1114.3119999999999</v>
      </c>
    </row>
    <row r="20356" spans="4:5" x14ac:dyDescent="0.25">
      <c r="D20356" s="6">
        <v>323.52609999999999</v>
      </c>
      <c r="E20356" s="6">
        <v>916.69</v>
      </c>
    </row>
    <row r="20357" spans="4:5" x14ac:dyDescent="0.25">
      <c r="D20357" s="6">
        <v>438.7638</v>
      </c>
      <c r="E20357" s="6">
        <v>861.19619999999998</v>
      </c>
    </row>
    <row r="20358" spans="4:5" x14ac:dyDescent="0.25">
      <c r="D20358" s="6">
        <v>15195.36</v>
      </c>
      <c r="E20358" s="6">
        <v>626.3845</v>
      </c>
    </row>
    <row r="20359" spans="4:5" x14ac:dyDescent="0.25">
      <c r="D20359" s="6">
        <v>6310.3329999999996</v>
      </c>
      <c r="E20359" s="6">
        <v>600.20209999999997</v>
      </c>
    </row>
    <row r="20360" spans="4:5" x14ac:dyDescent="0.25">
      <c r="D20360" s="6">
        <v>636.36130000000003</v>
      </c>
      <c r="E20360" s="6">
        <v>706.63400000000001</v>
      </c>
    </row>
    <row r="20361" spans="4:5" x14ac:dyDescent="0.25">
      <c r="D20361" s="6">
        <v>436.21499999999997</v>
      </c>
      <c r="E20361" s="6">
        <v>559.63639999999998</v>
      </c>
    </row>
    <row r="20362" spans="4:5" x14ac:dyDescent="0.25">
      <c r="D20362" s="6">
        <v>7057.4290000000001</v>
      </c>
      <c r="E20362" s="6">
        <v>5952.1589999999997</v>
      </c>
    </row>
    <row r="20363" spans="4:5" x14ac:dyDescent="0.25">
      <c r="D20363" s="6">
        <v>500.66669999999999</v>
      </c>
      <c r="E20363" s="6">
        <v>864.19629999999995</v>
      </c>
    </row>
    <row r="20364" spans="4:5" x14ac:dyDescent="0.25">
      <c r="D20364" s="6">
        <v>220.33760000000001</v>
      </c>
      <c r="E20364" s="6">
        <v>2331.857</v>
      </c>
    </row>
    <row r="20365" spans="4:5" x14ac:dyDescent="0.25">
      <c r="D20365" s="6">
        <v>2612.643</v>
      </c>
      <c r="E20365" s="6">
        <v>1300.5709999999999</v>
      </c>
    </row>
    <row r="20366" spans="4:5" x14ac:dyDescent="0.25">
      <c r="D20366" s="6">
        <v>1154.395</v>
      </c>
      <c r="E20366" s="6">
        <v>2156.415</v>
      </c>
    </row>
    <row r="20367" spans="4:5" x14ac:dyDescent="0.25">
      <c r="D20367" s="6">
        <v>327.3261</v>
      </c>
      <c r="E20367" s="6">
        <v>1058.5709999999999</v>
      </c>
    </row>
    <row r="20368" spans="4:5" x14ac:dyDescent="0.25">
      <c r="D20368" s="6">
        <v>333.7998</v>
      </c>
      <c r="E20368" s="6">
        <v>470.17149999999998</v>
      </c>
    </row>
    <row r="20369" spans="4:5" x14ac:dyDescent="0.25">
      <c r="D20369" s="6">
        <v>844.21600000000001</v>
      </c>
      <c r="E20369" s="6">
        <v>561.69629999999995</v>
      </c>
    </row>
    <row r="20370" spans="4:5" x14ac:dyDescent="0.25">
      <c r="D20370" s="6">
        <v>1771.684</v>
      </c>
      <c r="E20370" s="6">
        <v>1212.0429999999999</v>
      </c>
    </row>
    <row r="20371" spans="4:5" x14ac:dyDescent="0.25">
      <c r="D20371" s="6">
        <v>659.2002</v>
      </c>
      <c r="E20371" s="6">
        <v>639.87810000000002</v>
      </c>
    </row>
    <row r="20372" spans="4:5" x14ac:dyDescent="0.25">
      <c r="D20372" s="6">
        <v>2918.645</v>
      </c>
      <c r="E20372" s="6">
        <v>529.60609999999997</v>
      </c>
    </row>
    <row r="20373" spans="4:5" x14ac:dyDescent="0.25">
      <c r="D20373" s="6">
        <v>370.625</v>
      </c>
      <c r="E20373" s="6">
        <v>6065.2</v>
      </c>
    </row>
    <row r="20374" spans="4:5" x14ac:dyDescent="0.25">
      <c r="D20374" s="6">
        <v>9547.0789999999997</v>
      </c>
      <c r="E20374" s="6">
        <v>1262.3340000000001</v>
      </c>
    </row>
    <row r="20375" spans="4:5" x14ac:dyDescent="0.25">
      <c r="D20375" s="6">
        <v>1830.39</v>
      </c>
      <c r="E20375" s="6">
        <v>867</v>
      </c>
    </row>
    <row r="20376" spans="4:5" x14ac:dyDescent="0.25">
      <c r="D20376" s="6">
        <v>891</v>
      </c>
      <c r="E20376" s="6">
        <v>635.29459999999995</v>
      </c>
    </row>
    <row r="20377" spans="4:5" x14ac:dyDescent="0.25">
      <c r="D20377" s="6">
        <v>169.42699999999999</v>
      </c>
      <c r="E20377" s="6">
        <v>879.41150000000005</v>
      </c>
    </row>
    <row r="20378" spans="4:5" x14ac:dyDescent="0.25">
      <c r="D20378" s="6">
        <v>164.46270000000001</v>
      </c>
      <c r="E20378" s="6">
        <v>2351.317</v>
      </c>
    </row>
    <row r="20379" spans="4:5" x14ac:dyDescent="0.25">
      <c r="D20379" s="6">
        <v>5587.9759999999997</v>
      </c>
      <c r="E20379" s="6">
        <v>512.59540000000004</v>
      </c>
    </row>
    <row r="20380" spans="4:5" x14ac:dyDescent="0.25">
      <c r="D20380" s="6">
        <v>3788.9180000000001</v>
      </c>
      <c r="E20380" s="6">
        <v>896.35900000000004</v>
      </c>
    </row>
    <row r="20381" spans="4:5" x14ac:dyDescent="0.25">
      <c r="D20381" s="6">
        <v>460.42570000000001</v>
      </c>
      <c r="E20381" s="6">
        <v>949.83330000000001</v>
      </c>
    </row>
    <row r="20382" spans="4:5" x14ac:dyDescent="0.25">
      <c r="D20382" s="6">
        <v>473.08890000000002</v>
      </c>
      <c r="E20382" s="6">
        <v>2221.027</v>
      </c>
    </row>
    <row r="20383" spans="4:5" x14ac:dyDescent="0.25">
      <c r="D20383" s="6">
        <v>2353.7890000000002</v>
      </c>
      <c r="E20383" s="6">
        <v>621.10180000000003</v>
      </c>
    </row>
    <row r="20384" spans="4:5" x14ac:dyDescent="0.25">
      <c r="D20384" s="6">
        <v>6521.4250000000002</v>
      </c>
      <c r="E20384" s="6">
        <v>1268.6590000000001</v>
      </c>
    </row>
    <row r="20385" spans="4:5" x14ac:dyDescent="0.25">
      <c r="D20385" s="6">
        <v>1059.1859999999999</v>
      </c>
      <c r="E20385" s="6">
        <v>1309.2329999999999</v>
      </c>
    </row>
    <row r="20386" spans="4:5" x14ac:dyDescent="0.25">
      <c r="D20386" s="6">
        <v>8042</v>
      </c>
      <c r="E20386" s="6">
        <v>878.93060000000003</v>
      </c>
    </row>
    <row r="20387" spans="4:5" x14ac:dyDescent="0.25">
      <c r="D20387" s="6">
        <v>366</v>
      </c>
      <c r="E20387" s="6">
        <v>580.50450000000001</v>
      </c>
    </row>
    <row r="20388" spans="4:5" x14ac:dyDescent="0.25">
      <c r="D20388" s="6">
        <v>215.94880000000001</v>
      </c>
      <c r="E20388" s="6">
        <v>827.82</v>
      </c>
    </row>
    <row r="20389" spans="4:5" x14ac:dyDescent="0.25">
      <c r="D20389" s="6">
        <v>1773.568</v>
      </c>
      <c r="E20389" s="6">
        <v>1171.25</v>
      </c>
    </row>
    <row r="20390" spans="4:5" x14ac:dyDescent="0.25">
      <c r="D20390" s="6">
        <v>5518.2749999999996</v>
      </c>
      <c r="E20390" s="6">
        <v>8611.3330000000005</v>
      </c>
    </row>
    <row r="20391" spans="4:5" x14ac:dyDescent="0.25">
      <c r="D20391" s="6">
        <v>3788.2979999999998</v>
      </c>
      <c r="E20391" s="6">
        <v>796.47529999999995</v>
      </c>
    </row>
    <row r="20392" spans="4:5" x14ac:dyDescent="0.25">
      <c r="D20392" s="6">
        <v>553.91049999999996</v>
      </c>
      <c r="E20392" s="6">
        <v>681.97400000000005</v>
      </c>
    </row>
    <row r="20393" spans="4:5" x14ac:dyDescent="0.25">
      <c r="D20393" s="6">
        <v>4571.4849999999997</v>
      </c>
      <c r="E20393" s="6">
        <v>2883.2860000000001</v>
      </c>
    </row>
    <row r="20394" spans="4:5" x14ac:dyDescent="0.25">
      <c r="D20394" s="6">
        <v>158.5556</v>
      </c>
      <c r="E20394" s="6">
        <v>2906.9349999999999</v>
      </c>
    </row>
    <row r="20395" spans="4:5" x14ac:dyDescent="0.25">
      <c r="D20395" s="6">
        <v>6426.125</v>
      </c>
      <c r="E20395" s="6">
        <v>1982.2539999999999</v>
      </c>
    </row>
    <row r="20396" spans="4:5" x14ac:dyDescent="0.25">
      <c r="D20396" s="6">
        <v>334.66879999999998</v>
      </c>
      <c r="E20396" s="6">
        <v>1240.2449999999999</v>
      </c>
    </row>
    <row r="20397" spans="4:5" x14ac:dyDescent="0.25">
      <c r="D20397" s="6">
        <v>467.12880000000001</v>
      </c>
      <c r="E20397" s="6">
        <v>1902.0219999999999</v>
      </c>
    </row>
    <row r="20398" spans="4:5" x14ac:dyDescent="0.25">
      <c r="D20398" s="6">
        <v>2021.7159999999999</v>
      </c>
      <c r="E20398" s="6">
        <v>542</v>
      </c>
    </row>
    <row r="20399" spans="4:5" x14ac:dyDescent="0.25">
      <c r="D20399" s="6">
        <v>3468.665</v>
      </c>
      <c r="E20399" s="6">
        <v>1314.8520000000001</v>
      </c>
    </row>
    <row r="20400" spans="4:5" x14ac:dyDescent="0.25">
      <c r="D20400" s="6">
        <v>4001.25</v>
      </c>
      <c r="E20400" s="6">
        <v>711.1644</v>
      </c>
    </row>
    <row r="20401" spans="4:5" x14ac:dyDescent="0.25">
      <c r="D20401" s="6">
        <v>1620.3030000000001</v>
      </c>
      <c r="E20401" s="6">
        <v>1128.1759999999999</v>
      </c>
    </row>
    <row r="20402" spans="4:5" x14ac:dyDescent="0.25">
      <c r="D20402" s="6">
        <v>2777.9140000000002</v>
      </c>
      <c r="E20402" s="6">
        <v>1514.742</v>
      </c>
    </row>
    <row r="20403" spans="4:5" x14ac:dyDescent="0.25">
      <c r="D20403" s="6">
        <v>556.84900000000005</v>
      </c>
      <c r="E20403" s="6">
        <v>1065.7380000000001</v>
      </c>
    </row>
    <row r="20404" spans="4:5" x14ac:dyDescent="0.25">
      <c r="D20404" s="6">
        <v>3831.4279999999999</v>
      </c>
      <c r="E20404" s="6">
        <v>571.66489999999999</v>
      </c>
    </row>
    <row r="20405" spans="4:5" x14ac:dyDescent="0.25">
      <c r="D20405" s="6">
        <v>630.69230000000005</v>
      </c>
      <c r="E20405" s="6">
        <v>1068.777</v>
      </c>
    </row>
    <row r="20406" spans="4:5" x14ac:dyDescent="0.25">
      <c r="D20406" s="6">
        <v>5795.6819999999998</v>
      </c>
      <c r="E20406" s="6">
        <v>597.31629999999996</v>
      </c>
    </row>
    <row r="20407" spans="4:5" x14ac:dyDescent="0.25">
      <c r="D20407" s="6">
        <v>733.41610000000003</v>
      </c>
      <c r="E20407" s="6">
        <v>3048.9229999999998</v>
      </c>
    </row>
    <row r="20408" spans="4:5" x14ac:dyDescent="0.25">
      <c r="D20408" s="6">
        <v>8042.69</v>
      </c>
      <c r="E20408" s="6">
        <v>689.13720000000001</v>
      </c>
    </row>
    <row r="20409" spans="4:5" x14ac:dyDescent="0.25">
      <c r="D20409" s="6">
        <v>340.72570000000002</v>
      </c>
      <c r="E20409" s="6">
        <v>568.24680000000001</v>
      </c>
    </row>
    <row r="20410" spans="4:5" x14ac:dyDescent="0.25">
      <c r="D20410" s="6">
        <v>171.13589999999999</v>
      </c>
      <c r="E20410" s="6">
        <v>566.23159999999996</v>
      </c>
    </row>
    <row r="20411" spans="4:5" x14ac:dyDescent="0.25">
      <c r="D20411" s="6">
        <v>3663.9009999999998</v>
      </c>
      <c r="E20411" s="6">
        <v>1182.136</v>
      </c>
    </row>
    <row r="20412" spans="4:5" x14ac:dyDescent="0.25">
      <c r="D20412" s="6">
        <v>671.447</v>
      </c>
      <c r="E20412" s="6">
        <v>1142.202</v>
      </c>
    </row>
    <row r="20413" spans="4:5" x14ac:dyDescent="0.25">
      <c r="D20413" s="6">
        <v>10486.25</v>
      </c>
      <c r="E20413" s="6">
        <v>2474.9569999999999</v>
      </c>
    </row>
    <row r="20414" spans="4:5" x14ac:dyDescent="0.25">
      <c r="D20414" s="6">
        <v>340.72050000000002</v>
      </c>
      <c r="E20414" s="6">
        <v>841.5145</v>
      </c>
    </row>
    <row r="20415" spans="4:5" x14ac:dyDescent="0.25">
      <c r="D20415" s="6">
        <v>331.66669999999999</v>
      </c>
      <c r="E20415" s="6">
        <v>6069.2640000000001</v>
      </c>
    </row>
    <row r="20416" spans="4:5" x14ac:dyDescent="0.25">
      <c r="D20416" s="6">
        <v>3236.268</v>
      </c>
      <c r="E20416" s="6">
        <v>1490.8869999999999</v>
      </c>
    </row>
    <row r="20417" spans="4:5" x14ac:dyDescent="0.25">
      <c r="D20417" s="6">
        <v>7562.0630000000001</v>
      </c>
      <c r="E20417" s="6">
        <v>1051.588</v>
      </c>
    </row>
    <row r="20418" spans="4:5" x14ac:dyDescent="0.25">
      <c r="D20418" s="6">
        <v>354.53429999999997</v>
      </c>
      <c r="E20418" s="6">
        <v>770.5444</v>
      </c>
    </row>
    <row r="20419" spans="4:5" x14ac:dyDescent="0.25">
      <c r="D20419" s="6">
        <v>2193.7460000000001</v>
      </c>
      <c r="E20419" s="6">
        <v>545.94359999999995</v>
      </c>
    </row>
    <row r="20420" spans="4:5" x14ac:dyDescent="0.25">
      <c r="D20420" s="6">
        <v>380.21660000000003</v>
      </c>
      <c r="E20420" s="6">
        <v>446.80680000000001</v>
      </c>
    </row>
    <row r="20421" spans="4:5" x14ac:dyDescent="0.25">
      <c r="D20421" s="6">
        <v>2474.5889999999999</v>
      </c>
      <c r="E20421" s="6">
        <v>4246.3130000000001</v>
      </c>
    </row>
    <row r="20422" spans="4:5" x14ac:dyDescent="0.25">
      <c r="D20422" s="6">
        <v>289.41000000000003</v>
      </c>
      <c r="E20422" s="6">
        <v>1717.0319999999999</v>
      </c>
    </row>
    <row r="20423" spans="4:5" x14ac:dyDescent="0.25">
      <c r="D20423" s="6">
        <v>639.14760000000001</v>
      </c>
      <c r="E20423" s="6">
        <v>565.47979999999995</v>
      </c>
    </row>
    <row r="20424" spans="4:5" x14ac:dyDescent="0.25">
      <c r="D20424" s="6">
        <v>574.20619999999997</v>
      </c>
      <c r="E20424" s="6">
        <v>832.75</v>
      </c>
    </row>
    <row r="20425" spans="4:5" x14ac:dyDescent="0.25">
      <c r="D20425" s="6">
        <v>651.84939999999995</v>
      </c>
      <c r="E20425" s="6">
        <v>1230.2360000000001</v>
      </c>
    </row>
    <row r="20426" spans="4:5" x14ac:dyDescent="0.25">
      <c r="D20426" s="6">
        <v>1184.23</v>
      </c>
      <c r="E20426" s="6">
        <v>6765.3329999999996</v>
      </c>
    </row>
    <row r="20427" spans="4:5" x14ac:dyDescent="0.25">
      <c r="D20427" s="6">
        <v>4543.8959999999997</v>
      </c>
      <c r="E20427" s="6">
        <v>1754.5070000000001</v>
      </c>
    </row>
    <row r="20428" spans="4:5" x14ac:dyDescent="0.25">
      <c r="D20428" s="6">
        <v>370.95240000000001</v>
      </c>
      <c r="E20428" s="6">
        <v>936.26769999999999</v>
      </c>
    </row>
    <row r="20429" spans="4:5" x14ac:dyDescent="0.25">
      <c r="D20429" s="6">
        <v>3055.0349999999999</v>
      </c>
      <c r="E20429" s="6">
        <v>869.75409999999999</v>
      </c>
    </row>
    <row r="20430" spans="4:5" x14ac:dyDescent="0.25">
      <c r="D20430" s="6">
        <v>413.67649999999998</v>
      </c>
      <c r="E20430" s="6">
        <v>1177.135</v>
      </c>
    </row>
    <row r="20431" spans="4:5" x14ac:dyDescent="0.25">
      <c r="D20431" s="6">
        <v>161.4485</v>
      </c>
      <c r="E20431" s="6">
        <v>4913.4399999999996</v>
      </c>
    </row>
    <row r="20432" spans="4:5" x14ac:dyDescent="0.25">
      <c r="D20432" s="6">
        <v>637.52520000000004</v>
      </c>
      <c r="E20432" s="6">
        <v>1720.5</v>
      </c>
    </row>
    <row r="20433" spans="4:5" x14ac:dyDescent="0.25">
      <c r="D20433" s="6">
        <v>3662.933</v>
      </c>
      <c r="E20433" s="6">
        <v>6524.259</v>
      </c>
    </row>
    <row r="20434" spans="4:5" x14ac:dyDescent="0.25">
      <c r="D20434" s="6">
        <v>5688.7089999999998</v>
      </c>
      <c r="E20434" s="6">
        <v>652.66669999999999</v>
      </c>
    </row>
    <row r="20435" spans="4:5" x14ac:dyDescent="0.25">
      <c r="D20435" s="6">
        <v>1661.22</v>
      </c>
      <c r="E20435" s="6">
        <v>451.71629999999999</v>
      </c>
    </row>
    <row r="20436" spans="4:5" x14ac:dyDescent="0.25">
      <c r="D20436" s="6">
        <v>2592.2159999999999</v>
      </c>
      <c r="E20436" s="6">
        <v>728.85709999999995</v>
      </c>
    </row>
    <row r="20437" spans="4:5" x14ac:dyDescent="0.25">
      <c r="D20437" s="6">
        <v>155.6386</v>
      </c>
      <c r="E20437" s="6">
        <v>8038</v>
      </c>
    </row>
    <row r="20438" spans="4:5" x14ac:dyDescent="0.25">
      <c r="D20438" s="6">
        <v>363.13159999999999</v>
      </c>
      <c r="E20438" s="6">
        <v>2901.8910000000001</v>
      </c>
    </row>
    <row r="20439" spans="4:5" x14ac:dyDescent="0.25">
      <c r="D20439" s="6">
        <v>569.73239999999998</v>
      </c>
      <c r="E20439" s="6">
        <v>1111.566</v>
      </c>
    </row>
    <row r="20440" spans="4:5" x14ac:dyDescent="0.25">
      <c r="D20440" s="6">
        <v>628.65869999999995</v>
      </c>
      <c r="E20440" s="6">
        <v>931.84109999999998</v>
      </c>
    </row>
    <row r="20441" spans="4:5" x14ac:dyDescent="0.25">
      <c r="D20441" s="6">
        <v>404.16070000000002</v>
      </c>
      <c r="E20441" s="6">
        <v>681.58720000000005</v>
      </c>
    </row>
    <row r="20442" spans="4:5" x14ac:dyDescent="0.25">
      <c r="D20442" s="6">
        <v>724.01310000000001</v>
      </c>
      <c r="E20442" s="6">
        <v>905.36829999999998</v>
      </c>
    </row>
    <row r="20443" spans="4:5" x14ac:dyDescent="0.25">
      <c r="D20443" s="6">
        <v>283.53160000000003</v>
      </c>
      <c r="E20443" s="6">
        <v>1523.8869999999999</v>
      </c>
    </row>
    <row r="20444" spans="4:5" x14ac:dyDescent="0.25">
      <c r="D20444" s="6">
        <v>2701.377</v>
      </c>
      <c r="E20444" s="6">
        <v>1983.664</v>
      </c>
    </row>
    <row r="20445" spans="4:5" x14ac:dyDescent="0.25">
      <c r="D20445" s="6">
        <v>505.21429999999998</v>
      </c>
      <c r="E20445" s="6">
        <v>831.53070000000002</v>
      </c>
    </row>
    <row r="20446" spans="4:5" x14ac:dyDescent="0.25">
      <c r="D20446" s="6">
        <v>2407.7370000000001</v>
      </c>
      <c r="E20446" s="6">
        <v>1190.395</v>
      </c>
    </row>
    <row r="20447" spans="4:5" x14ac:dyDescent="0.25">
      <c r="D20447" s="6">
        <v>1368.077</v>
      </c>
      <c r="E20447" s="6">
        <v>520.57579999999996</v>
      </c>
    </row>
    <row r="20448" spans="4:5" x14ac:dyDescent="0.25">
      <c r="D20448" s="6">
        <v>155.7286</v>
      </c>
      <c r="E20448" s="6">
        <v>1059.0609999999999</v>
      </c>
    </row>
    <row r="20449" spans="4:5" x14ac:dyDescent="0.25">
      <c r="D20449" s="6">
        <v>3511.125</v>
      </c>
      <c r="E20449" s="6">
        <v>1141.0550000000001</v>
      </c>
    </row>
    <row r="20450" spans="4:5" x14ac:dyDescent="0.25">
      <c r="D20450" s="6">
        <v>363.71319999999997</v>
      </c>
      <c r="E20450" s="6">
        <v>582.69060000000002</v>
      </c>
    </row>
    <row r="20451" spans="4:5" x14ac:dyDescent="0.25">
      <c r="D20451" s="6">
        <v>377</v>
      </c>
      <c r="E20451" s="6">
        <v>501.02839999999998</v>
      </c>
    </row>
    <row r="20452" spans="4:5" x14ac:dyDescent="0.25">
      <c r="D20452" s="6">
        <v>461.79930000000002</v>
      </c>
      <c r="E20452" s="6">
        <v>870.84190000000001</v>
      </c>
    </row>
    <row r="20453" spans="4:5" x14ac:dyDescent="0.25">
      <c r="D20453" s="6">
        <v>293.89229999999998</v>
      </c>
      <c r="E20453" s="6">
        <v>705.21450000000004</v>
      </c>
    </row>
    <row r="20454" spans="4:5" x14ac:dyDescent="0.25">
      <c r="D20454" s="6">
        <v>1449.461</v>
      </c>
      <c r="E20454" s="6">
        <v>1121.7239999999999</v>
      </c>
    </row>
    <row r="20455" spans="4:5" x14ac:dyDescent="0.25">
      <c r="D20455" s="6">
        <v>3382.4690000000001</v>
      </c>
      <c r="E20455" s="6">
        <v>813.95860000000005</v>
      </c>
    </row>
    <row r="20456" spans="4:5" x14ac:dyDescent="0.25">
      <c r="D20456" s="6">
        <v>335.03339999999997</v>
      </c>
      <c r="E20456" s="6">
        <v>647.84990000000005</v>
      </c>
    </row>
    <row r="20457" spans="4:5" x14ac:dyDescent="0.25">
      <c r="D20457" s="6">
        <v>1271.009</v>
      </c>
      <c r="E20457" s="6">
        <v>670.94370000000004</v>
      </c>
    </row>
    <row r="20458" spans="4:5" x14ac:dyDescent="0.25">
      <c r="D20458" s="6">
        <v>2523.752</v>
      </c>
      <c r="E20458" s="6">
        <v>605.91300000000001</v>
      </c>
    </row>
    <row r="20459" spans="4:5" x14ac:dyDescent="0.25">
      <c r="D20459" s="6">
        <v>308.52629999999999</v>
      </c>
      <c r="E20459" s="6">
        <v>927.69910000000004</v>
      </c>
    </row>
    <row r="20460" spans="4:5" x14ac:dyDescent="0.25">
      <c r="D20460" s="6">
        <v>4991.5060000000003</v>
      </c>
      <c r="E20460" s="6">
        <v>1549.769</v>
      </c>
    </row>
    <row r="20461" spans="4:5" x14ac:dyDescent="0.25">
      <c r="D20461" s="6">
        <v>307.79489999999998</v>
      </c>
      <c r="E20461" s="6">
        <v>1199.1590000000001</v>
      </c>
    </row>
    <row r="20462" spans="4:5" x14ac:dyDescent="0.25">
      <c r="D20462" s="6">
        <v>3908.6619999999998</v>
      </c>
      <c r="E20462" s="6">
        <v>867.798</v>
      </c>
    </row>
    <row r="20463" spans="4:5" x14ac:dyDescent="0.25">
      <c r="D20463" s="6">
        <v>374.17509999999999</v>
      </c>
      <c r="E20463" s="6">
        <v>1208.441</v>
      </c>
    </row>
    <row r="20464" spans="4:5" x14ac:dyDescent="0.25">
      <c r="D20464" s="6">
        <v>335.76949999999999</v>
      </c>
      <c r="E20464" s="6">
        <v>1057.7170000000001</v>
      </c>
    </row>
    <row r="20465" spans="4:5" x14ac:dyDescent="0.25">
      <c r="D20465" s="6">
        <v>296.4171</v>
      </c>
      <c r="E20465" s="6">
        <v>492.01049999999998</v>
      </c>
    </row>
    <row r="20466" spans="4:5" x14ac:dyDescent="0.25">
      <c r="D20466" s="6">
        <v>256.5</v>
      </c>
      <c r="E20466" s="6">
        <v>574.48080000000004</v>
      </c>
    </row>
    <row r="20467" spans="4:5" x14ac:dyDescent="0.25">
      <c r="D20467" s="6">
        <v>3694.4279999999999</v>
      </c>
      <c r="E20467" s="6">
        <v>7645.6009999999997</v>
      </c>
    </row>
    <row r="20468" spans="4:5" x14ac:dyDescent="0.25">
      <c r="D20468" s="6">
        <v>11145</v>
      </c>
      <c r="E20468" s="6">
        <v>1005.024</v>
      </c>
    </row>
    <row r="20469" spans="4:5" x14ac:dyDescent="0.25">
      <c r="D20469" s="6">
        <v>2070.2539999999999</v>
      </c>
      <c r="E20469" s="6">
        <v>625.32860000000005</v>
      </c>
    </row>
    <row r="20470" spans="4:5" x14ac:dyDescent="0.25">
      <c r="D20470" s="6">
        <v>2650.2759999999998</v>
      </c>
      <c r="E20470" s="6">
        <v>532.28110000000004</v>
      </c>
    </row>
    <row r="20471" spans="4:5" x14ac:dyDescent="0.25">
      <c r="D20471" s="6">
        <v>570.24300000000005</v>
      </c>
      <c r="E20471" s="6">
        <v>536.04629999999997</v>
      </c>
    </row>
    <row r="20472" spans="4:5" x14ac:dyDescent="0.25">
      <c r="D20472" s="6">
        <v>366.5</v>
      </c>
      <c r="E20472" s="6">
        <v>1085.5350000000001</v>
      </c>
    </row>
    <row r="20473" spans="4:5" x14ac:dyDescent="0.25">
      <c r="D20473" s="6">
        <v>444.74799999999999</v>
      </c>
      <c r="E20473" s="6">
        <v>769.32979999999998</v>
      </c>
    </row>
    <row r="20474" spans="4:5" x14ac:dyDescent="0.25">
      <c r="D20474" s="6">
        <v>311.041</v>
      </c>
      <c r="E20474" s="6">
        <v>805.85260000000005</v>
      </c>
    </row>
    <row r="20475" spans="4:5" x14ac:dyDescent="0.25">
      <c r="D20475" s="6">
        <v>456.73200000000003</v>
      </c>
      <c r="E20475" s="6">
        <v>1002.774</v>
      </c>
    </row>
    <row r="20476" spans="4:5" x14ac:dyDescent="0.25">
      <c r="D20476" s="6">
        <v>342.08190000000002</v>
      </c>
      <c r="E20476" s="6">
        <v>759.39490000000001</v>
      </c>
    </row>
    <row r="20477" spans="4:5" x14ac:dyDescent="0.25">
      <c r="D20477" s="6">
        <v>344.38959999999997</v>
      </c>
      <c r="E20477" s="6">
        <v>777.76869999999997</v>
      </c>
    </row>
    <row r="20478" spans="4:5" x14ac:dyDescent="0.25">
      <c r="D20478" s="6">
        <v>862.15509999999995</v>
      </c>
      <c r="E20478" s="6">
        <v>525.27840000000003</v>
      </c>
    </row>
    <row r="20479" spans="4:5" x14ac:dyDescent="0.25">
      <c r="D20479" s="6">
        <v>806.28049999999996</v>
      </c>
      <c r="E20479" s="6">
        <v>2673.9160000000002</v>
      </c>
    </row>
    <row r="20480" spans="4:5" x14ac:dyDescent="0.25">
      <c r="D20480" s="6">
        <v>160.28319999999999</v>
      </c>
      <c r="E20480" s="6">
        <v>1005.192</v>
      </c>
    </row>
    <row r="20481" spans="4:5" x14ac:dyDescent="0.25">
      <c r="D20481" s="6">
        <v>302.1884</v>
      </c>
      <c r="E20481" s="6">
        <v>441.46019999999999</v>
      </c>
    </row>
    <row r="20482" spans="4:5" x14ac:dyDescent="0.25">
      <c r="D20482" s="6">
        <v>391.03680000000003</v>
      </c>
      <c r="E20482" s="6">
        <v>5217</v>
      </c>
    </row>
    <row r="20483" spans="4:5" x14ac:dyDescent="0.25">
      <c r="D20483" s="6">
        <v>1814.4860000000001</v>
      </c>
      <c r="E20483" s="6">
        <v>5935.7420000000002</v>
      </c>
    </row>
    <row r="20484" spans="4:5" x14ac:dyDescent="0.25">
      <c r="D20484" s="6">
        <v>328.86919999999998</v>
      </c>
      <c r="E20484" s="6">
        <v>949.94439999999997</v>
      </c>
    </row>
    <row r="20485" spans="4:5" x14ac:dyDescent="0.25">
      <c r="D20485" s="6">
        <v>154.5429</v>
      </c>
      <c r="E20485" s="6">
        <v>817.82910000000004</v>
      </c>
    </row>
    <row r="20486" spans="4:5" x14ac:dyDescent="0.25">
      <c r="D20486" s="6">
        <v>310.79450000000003</v>
      </c>
      <c r="E20486" s="6">
        <v>635.97260000000006</v>
      </c>
    </row>
    <row r="20487" spans="4:5" x14ac:dyDescent="0.25">
      <c r="D20487" s="6">
        <v>2955.6239999999998</v>
      </c>
      <c r="E20487" s="6">
        <v>857.88710000000003</v>
      </c>
    </row>
    <row r="20488" spans="4:5" x14ac:dyDescent="0.25">
      <c r="D20488" s="6">
        <v>499.66669999999999</v>
      </c>
      <c r="E20488" s="6">
        <v>7549.3329999999996</v>
      </c>
    </row>
    <row r="20489" spans="4:5" x14ac:dyDescent="0.25">
      <c r="D20489" s="6">
        <v>1193.6590000000001</v>
      </c>
      <c r="E20489" s="6">
        <v>1038.8889999999999</v>
      </c>
    </row>
    <row r="20490" spans="4:5" x14ac:dyDescent="0.25">
      <c r="D20490" s="6">
        <v>549.79939999999999</v>
      </c>
      <c r="E20490" s="6">
        <v>1095.519</v>
      </c>
    </row>
    <row r="20491" spans="4:5" x14ac:dyDescent="0.25">
      <c r="D20491" s="6">
        <v>2775.683</v>
      </c>
      <c r="E20491" s="6">
        <v>867.23320000000001</v>
      </c>
    </row>
    <row r="20492" spans="4:5" x14ac:dyDescent="0.25">
      <c r="D20492" s="6">
        <v>325.53919999999999</v>
      </c>
      <c r="E20492" s="6">
        <v>925.94119999999998</v>
      </c>
    </row>
    <row r="20493" spans="4:5" x14ac:dyDescent="0.25">
      <c r="D20493" s="6">
        <v>803.26919999999996</v>
      </c>
      <c r="E20493" s="6">
        <v>1107.2850000000001</v>
      </c>
    </row>
    <row r="20494" spans="4:5" x14ac:dyDescent="0.25">
      <c r="D20494" s="6">
        <v>154.11959999999999</v>
      </c>
      <c r="E20494" s="6">
        <v>502.75900000000001</v>
      </c>
    </row>
    <row r="20495" spans="4:5" x14ac:dyDescent="0.25">
      <c r="D20495" s="6">
        <v>1800.5</v>
      </c>
      <c r="E20495" s="6">
        <v>791.6952</v>
      </c>
    </row>
    <row r="20496" spans="4:5" x14ac:dyDescent="0.25">
      <c r="D20496" s="6">
        <v>3482.2550000000001</v>
      </c>
      <c r="E20496" s="6">
        <v>1040.7629999999999</v>
      </c>
    </row>
    <row r="20497" spans="4:5" x14ac:dyDescent="0.25">
      <c r="D20497" s="6">
        <v>1514.9259999999999</v>
      </c>
      <c r="E20497" s="6">
        <v>15254</v>
      </c>
    </row>
    <row r="20498" spans="4:5" x14ac:dyDescent="0.25">
      <c r="D20498" s="6">
        <v>326.41109999999998</v>
      </c>
      <c r="E20498" s="6">
        <v>687.61220000000003</v>
      </c>
    </row>
    <row r="20499" spans="4:5" x14ac:dyDescent="0.25">
      <c r="D20499" s="6">
        <v>4623.5</v>
      </c>
      <c r="E20499" s="6">
        <v>613.36770000000001</v>
      </c>
    </row>
    <row r="20500" spans="4:5" x14ac:dyDescent="0.25">
      <c r="D20500" s="6">
        <v>577.20209999999997</v>
      </c>
      <c r="E20500" s="6">
        <v>1355.809</v>
      </c>
    </row>
    <row r="20501" spans="4:5" x14ac:dyDescent="0.25">
      <c r="D20501" s="6">
        <v>322.16070000000002</v>
      </c>
      <c r="E20501" s="6">
        <v>2390</v>
      </c>
    </row>
    <row r="20502" spans="4:5" x14ac:dyDescent="0.25">
      <c r="D20502" s="6">
        <v>5430.0730000000003</v>
      </c>
      <c r="E20502" s="6">
        <v>6714.9660000000003</v>
      </c>
    </row>
    <row r="20503" spans="4:5" x14ac:dyDescent="0.25">
      <c r="D20503" s="6">
        <v>290.60379999999998</v>
      </c>
      <c r="E20503" s="6">
        <v>8311.9210000000003</v>
      </c>
    </row>
    <row r="20504" spans="4:5" x14ac:dyDescent="0.25">
      <c r="D20504" s="6">
        <v>708.76099999999997</v>
      </c>
      <c r="E20504" s="6">
        <v>535.18230000000005</v>
      </c>
    </row>
    <row r="20505" spans="4:5" x14ac:dyDescent="0.25">
      <c r="D20505" s="6">
        <v>6972.1229999999996</v>
      </c>
      <c r="E20505" s="6">
        <v>2092.87</v>
      </c>
    </row>
    <row r="20506" spans="4:5" x14ac:dyDescent="0.25">
      <c r="D20506" s="6">
        <v>1991</v>
      </c>
      <c r="E20506" s="6">
        <v>1025.5229999999999</v>
      </c>
    </row>
    <row r="20507" spans="4:5" x14ac:dyDescent="0.25">
      <c r="D20507" s="6">
        <v>311.1223</v>
      </c>
      <c r="E20507" s="6">
        <v>513.27329999999995</v>
      </c>
    </row>
    <row r="20508" spans="4:5" x14ac:dyDescent="0.25">
      <c r="D20508" s="6">
        <v>401.10750000000002</v>
      </c>
      <c r="E20508" s="6">
        <v>722.72439999999995</v>
      </c>
    </row>
    <row r="20509" spans="4:5" x14ac:dyDescent="0.25">
      <c r="D20509" s="6">
        <v>1071.5709999999999</v>
      </c>
      <c r="E20509" s="6">
        <v>544.72329999999999</v>
      </c>
    </row>
    <row r="20510" spans="4:5" x14ac:dyDescent="0.25">
      <c r="D20510" s="6">
        <v>4336.2730000000001</v>
      </c>
      <c r="E20510" s="6">
        <v>704.71199999999999</v>
      </c>
    </row>
    <row r="20511" spans="4:5" x14ac:dyDescent="0.25">
      <c r="D20511" s="6">
        <v>592.56029999999998</v>
      </c>
      <c r="E20511" s="6">
        <v>853.61670000000004</v>
      </c>
    </row>
    <row r="20512" spans="4:5" x14ac:dyDescent="0.25">
      <c r="D20512" s="6">
        <v>337.5</v>
      </c>
      <c r="E20512" s="6">
        <v>424.13119999999998</v>
      </c>
    </row>
    <row r="20513" spans="4:5" x14ac:dyDescent="0.25">
      <c r="D20513" s="6">
        <v>3574.384</v>
      </c>
      <c r="E20513" s="6">
        <v>6276.2</v>
      </c>
    </row>
    <row r="20514" spans="4:5" x14ac:dyDescent="0.25">
      <c r="D20514" s="6">
        <v>435.5</v>
      </c>
      <c r="E20514" s="6">
        <v>789.39980000000003</v>
      </c>
    </row>
    <row r="20515" spans="4:5" x14ac:dyDescent="0.25">
      <c r="D20515" s="6">
        <v>2115.6149999999998</v>
      </c>
      <c r="E20515" s="6">
        <v>642.12459999999999</v>
      </c>
    </row>
    <row r="20516" spans="4:5" x14ac:dyDescent="0.25">
      <c r="D20516" s="6">
        <v>3169.0720000000001</v>
      </c>
      <c r="E20516" s="6">
        <v>729.31820000000005</v>
      </c>
    </row>
    <row r="20517" spans="4:5" x14ac:dyDescent="0.25">
      <c r="D20517" s="6">
        <v>8773.65</v>
      </c>
      <c r="E20517" s="6">
        <v>984.69399999999996</v>
      </c>
    </row>
    <row r="20518" spans="4:5" x14ac:dyDescent="0.25">
      <c r="D20518" s="6">
        <v>152.4768</v>
      </c>
      <c r="E20518" s="6">
        <v>529.40129999999999</v>
      </c>
    </row>
    <row r="20519" spans="4:5" x14ac:dyDescent="0.25">
      <c r="D20519" s="6">
        <v>170.4658</v>
      </c>
      <c r="E20519" s="6">
        <v>507.22140000000002</v>
      </c>
    </row>
    <row r="20520" spans="4:5" x14ac:dyDescent="0.25">
      <c r="D20520" s="6">
        <v>311.98050000000001</v>
      </c>
      <c r="E20520" s="6">
        <v>571.42219999999998</v>
      </c>
    </row>
    <row r="20521" spans="4:5" x14ac:dyDescent="0.25">
      <c r="D20521" s="6">
        <v>7790.9740000000002</v>
      </c>
      <c r="E20521" s="6">
        <v>971.69349999999997</v>
      </c>
    </row>
    <row r="20522" spans="4:5" x14ac:dyDescent="0.25">
      <c r="D20522" s="6">
        <v>923.6327</v>
      </c>
      <c r="E20522" s="6">
        <v>1135.2139999999999</v>
      </c>
    </row>
    <row r="20523" spans="4:5" x14ac:dyDescent="0.25">
      <c r="D20523" s="6">
        <v>5226.2860000000001</v>
      </c>
      <c r="E20523" s="6">
        <v>521.38049999999998</v>
      </c>
    </row>
    <row r="20524" spans="4:5" x14ac:dyDescent="0.25">
      <c r="D20524" s="6">
        <v>3543.183</v>
      </c>
      <c r="E20524" s="6">
        <v>653.5865</v>
      </c>
    </row>
    <row r="20525" spans="4:5" x14ac:dyDescent="0.25">
      <c r="D20525" s="6">
        <v>347.38589999999999</v>
      </c>
      <c r="E20525" s="6">
        <v>466.77699999999999</v>
      </c>
    </row>
    <row r="20526" spans="4:5" x14ac:dyDescent="0.25">
      <c r="D20526" s="6">
        <v>1743.4079999999999</v>
      </c>
      <c r="E20526" s="6">
        <v>1048.4359999999999</v>
      </c>
    </row>
    <row r="20527" spans="4:5" x14ac:dyDescent="0.25">
      <c r="D20527" s="6">
        <v>413.64870000000002</v>
      </c>
      <c r="E20527" s="6">
        <v>559.42470000000003</v>
      </c>
    </row>
    <row r="20528" spans="4:5" x14ac:dyDescent="0.25">
      <c r="D20528" s="6">
        <v>7579.9960000000001</v>
      </c>
      <c r="E20528" s="6">
        <v>928.7636</v>
      </c>
    </row>
    <row r="20529" spans="4:5" x14ac:dyDescent="0.25">
      <c r="D20529" s="6">
        <v>526.19989999999996</v>
      </c>
      <c r="E20529" s="6">
        <v>837.63</v>
      </c>
    </row>
    <row r="20530" spans="4:5" x14ac:dyDescent="0.25">
      <c r="D20530" s="6">
        <v>320.2756</v>
      </c>
      <c r="E20530" s="6">
        <v>1224.173</v>
      </c>
    </row>
    <row r="20531" spans="4:5" x14ac:dyDescent="0.25">
      <c r="D20531" s="6">
        <v>3253.7779999999998</v>
      </c>
      <c r="E20531" s="6">
        <v>922.5</v>
      </c>
    </row>
    <row r="20532" spans="4:5" x14ac:dyDescent="0.25">
      <c r="D20532" s="6">
        <v>9184.0740000000005</v>
      </c>
      <c r="E20532" s="6">
        <v>834.49580000000003</v>
      </c>
    </row>
    <row r="20533" spans="4:5" x14ac:dyDescent="0.25">
      <c r="D20533" s="6">
        <v>318.00940000000003</v>
      </c>
      <c r="E20533" s="6">
        <v>791.10159999999996</v>
      </c>
    </row>
    <row r="20534" spans="4:5" x14ac:dyDescent="0.25">
      <c r="D20534" s="6">
        <v>8666.8850000000002</v>
      </c>
      <c r="E20534" s="6">
        <v>689.25480000000005</v>
      </c>
    </row>
    <row r="20535" spans="4:5" x14ac:dyDescent="0.25">
      <c r="D20535" s="6">
        <v>346.46809999999999</v>
      </c>
      <c r="E20535" s="6">
        <v>1140.7729999999999</v>
      </c>
    </row>
    <row r="20536" spans="4:5" x14ac:dyDescent="0.25">
      <c r="D20536" s="6">
        <v>2140.5509999999999</v>
      </c>
      <c r="E20536" s="6">
        <v>786.25609999999995</v>
      </c>
    </row>
    <row r="20537" spans="4:5" x14ac:dyDescent="0.25">
      <c r="D20537" s="6">
        <v>419.4821</v>
      </c>
      <c r="E20537" s="6">
        <v>692.24260000000004</v>
      </c>
    </row>
    <row r="20538" spans="4:5" x14ac:dyDescent="0.25">
      <c r="D20538" s="6">
        <v>164.58199999999999</v>
      </c>
      <c r="E20538" s="6">
        <v>786.50400000000002</v>
      </c>
    </row>
    <row r="20539" spans="4:5" x14ac:dyDescent="0.25">
      <c r="D20539" s="6">
        <v>1950</v>
      </c>
      <c r="E20539" s="6">
        <v>1003.5</v>
      </c>
    </row>
    <row r="20540" spans="4:5" x14ac:dyDescent="0.25">
      <c r="D20540" s="6">
        <v>359.791</v>
      </c>
      <c r="E20540" s="6">
        <v>1107.461</v>
      </c>
    </row>
    <row r="20541" spans="4:5" x14ac:dyDescent="0.25">
      <c r="D20541" s="6">
        <v>904.1961</v>
      </c>
      <c r="E20541" s="6">
        <v>1146.9559999999999</v>
      </c>
    </row>
    <row r="20542" spans="4:5" x14ac:dyDescent="0.25">
      <c r="D20542" s="6">
        <v>478.31229999999999</v>
      </c>
      <c r="E20542" s="6">
        <v>1236.4469999999999</v>
      </c>
    </row>
    <row r="20543" spans="4:5" x14ac:dyDescent="0.25">
      <c r="D20543" s="6">
        <v>1414</v>
      </c>
      <c r="E20543" s="6">
        <v>889.6078</v>
      </c>
    </row>
    <row r="20544" spans="4:5" x14ac:dyDescent="0.25">
      <c r="D20544" s="6">
        <v>314.21230000000003</v>
      </c>
      <c r="E20544" s="6">
        <v>849.95140000000004</v>
      </c>
    </row>
    <row r="20545" spans="4:5" x14ac:dyDescent="0.25">
      <c r="D20545" s="6">
        <v>1144.604</v>
      </c>
      <c r="E20545" s="6">
        <v>1122.527</v>
      </c>
    </row>
    <row r="20546" spans="4:5" x14ac:dyDescent="0.25">
      <c r="D20546" s="6">
        <v>297.31049999999999</v>
      </c>
      <c r="E20546" s="6">
        <v>942.08669999999995</v>
      </c>
    </row>
    <row r="20547" spans="4:5" x14ac:dyDescent="0.25">
      <c r="D20547" s="6">
        <v>163.21010000000001</v>
      </c>
      <c r="E20547" s="6">
        <v>930.73270000000002</v>
      </c>
    </row>
    <row r="20548" spans="4:5" x14ac:dyDescent="0.25">
      <c r="D20548" s="6">
        <v>308.84350000000001</v>
      </c>
      <c r="E20548" s="6">
        <v>1101.6320000000001</v>
      </c>
    </row>
    <row r="20549" spans="4:5" x14ac:dyDescent="0.25">
      <c r="D20549" s="6">
        <v>544.5</v>
      </c>
      <c r="E20549" s="6">
        <v>927.47820000000002</v>
      </c>
    </row>
    <row r="20550" spans="4:5" x14ac:dyDescent="0.25">
      <c r="D20550" s="6">
        <v>304.6155</v>
      </c>
      <c r="E20550" s="6">
        <v>829.78229999999996</v>
      </c>
    </row>
    <row r="20551" spans="4:5" x14ac:dyDescent="0.25">
      <c r="D20551" s="6">
        <v>5358.3329999999996</v>
      </c>
      <c r="E20551" s="6">
        <v>496.30990000000003</v>
      </c>
    </row>
    <row r="20552" spans="4:5" x14ac:dyDescent="0.25">
      <c r="D20552" s="6">
        <v>153.5035</v>
      </c>
      <c r="E20552" s="6">
        <v>6891.6090000000004</v>
      </c>
    </row>
    <row r="20553" spans="4:5" x14ac:dyDescent="0.25">
      <c r="D20553" s="6">
        <v>273</v>
      </c>
      <c r="E20553" s="6">
        <v>725.15319999999997</v>
      </c>
    </row>
    <row r="20554" spans="4:5" x14ac:dyDescent="0.25">
      <c r="D20554" s="6">
        <v>301.57319999999999</v>
      </c>
      <c r="E20554" s="6">
        <v>1174.165</v>
      </c>
    </row>
    <row r="20555" spans="4:5" x14ac:dyDescent="0.25">
      <c r="D20555" s="6">
        <v>2548.944</v>
      </c>
      <c r="E20555" s="6">
        <v>4624.6670000000004</v>
      </c>
    </row>
    <row r="20556" spans="4:5" x14ac:dyDescent="0.25">
      <c r="D20556" s="6">
        <v>161.73330000000001</v>
      </c>
      <c r="E20556" s="6">
        <v>714.42859999999996</v>
      </c>
    </row>
    <row r="20557" spans="4:5" x14ac:dyDescent="0.25">
      <c r="D20557" s="6">
        <v>387.50850000000003</v>
      </c>
      <c r="E20557" s="6">
        <v>1194.2370000000001</v>
      </c>
    </row>
    <row r="20558" spans="4:5" x14ac:dyDescent="0.25">
      <c r="D20558" s="6">
        <v>586.4597</v>
      </c>
      <c r="E20558" s="6">
        <v>833.53060000000005</v>
      </c>
    </row>
    <row r="20559" spans="4:5" x14ac:dyDescent="0.25">
      <c r="D20559" s="6">
        <v>2577.6329999999998</v>
      </c>
      <c r="E20559" s="6">
        <v>555.16909999999996</v>
      </c>
    </row>
    <row r="20560" spans="4:5" x14ac:dyDescent="0.25">
      <c r="D20560" s="6">
        <v>450.53449999999998</v>
      </c>
      <c r="E20560" s="6">
        <v>892.93550000000005</v>
      </c>
    </row>
    <row r="20561" spans="4:5" x14ac:dyDescent="0.25">
      <c r="D20561" s="6">
        <v>378.33330000000001</v>
      </c>
      <c r="E20561" s="6">
        <v>993.10109999999997</v>
      </c>
    </row>
    <row r="20562" spans="4:5" x14ac:dyDescent="0.25">
      <c r="D20562" s="6">
        <v>4209.3329999999996</v>
      </c>
      <c r="E20562" s="6">
        <v>1126.2429999999999</v>
      </c>
    </row>
    <row r="20563" spans="4:5" x14ac:dyDescent="0.25">
      <c r="D20563" s="6">
        <v>586.57140000000004</v>
      </c>
      <c r="E20563" s="6">
        <v>4792.6480000000001</v>
      </c>
    </row>
    <row r="20564" spans="4:5" x14ac:dyDescent="0.25">
      <c r="D20564" s="6">
        <v>381.81670000000003</v>
      </c>
      <c r="E20564" s="6">
        <v>520.14750000000004</v>
      </c>
    </row>
    <row r="20565" spans="4:5" x14ac:dyDescent="0.25">
      <c r="D20565" s="6">
        <v>5188.9669999999996</v>
      </c>
      <c r="E20565" s="6">
        <v>1511.579</v>
      </c>
    </row>
    <row r="20566" spans="4:5" x14ac:dyDescent="0.25">
      <c r="D20566" s="6">
        <v>408.19439999999997</v>
      </c>
      <c r="E20566" s="6">
        <v>1144.338</v>
      </c>
    </row>
    <row r="20567" spans="4:5" x14ac:dyDescent="0.25">
      <c r="D20567" s="6">
        <v>774.56870000000004</v>
      </c>
      <c r="E20567" s="6">
        <v>1263.729</v>
      </c>
    </row>
    <row r="20568" spans="4:5" x14ac:dyDescent="0.25">
      <c r="D20568" s="6">
        <v>405.75</v>
      </c>
      <c r="E20568" s="6">
        <v>733.86440000000005</v>
      </c>
    </row>
    <row r="20569" spans="4:5" x14ac:dyDescent="0.25">
      <c r="D20569" s="6">
        <v>339.2867</v>
      </c>
      <c r="E20569" s="6">
        <v>1046.8520000000001</v>
      </c>
    </row>
    <row r="20570" spans="4:5" x14ac:dyDescent="0.25">
      <c r="D20570" s="6">
        <v>2169.5120000000002</v>
      </c>
      <c r="E20570" s="6">
        <v>538.79859999999996</v>
      </c>
    </row>
    <row r="20571" spans="4:5" x14ac:dyDescent="0.25">
      <c r="D20571" s="6">
        <v>325.81819999999999</v>
      </c>
      <c r="E20571" s="6">
        <v>893.30010000000004</v>
      </c>
    </row>
    <row r="20572" spans="4:5" x14ac:dyDescent="0.25">
      <c r="D20572" s="6">
        <v>391.48070000000001</v>
      </c>
      <c r="E20572" s="6">
        <v>873.37599999999998</v>
      </c>
    </row>
    <row r="20573" spans="4:5" x14ac:dyDescent="0.25">
      <c r="D20573" s="6">
        <v>287.81619999999998</v>
      </c>
      <c r="E20573" s="6">
        <v>624.88300000000004</v>
      </c>
    </row>
    <row r="20574" spans="4:5" x14ac:dyDescent="0.25">
      <c r="D20574" s="6">
        <v>731.6</v>
      </c>
      <c r="E20574" s="6">
        <v>512.0136</v>
      </c>
    </row>
    <row r="20575" spans="4:5" x14ac:dyDescent="0.25">
      <c r="D20575" s="6">
        <v>2217.2139999999999</v>
      </c>
      <c r="E20575" s="6">
        <v>629.75</v>
      </c>
    </row>
    <row r="20576" spans="4:5" x14ac:dyDescent="0.25">
      <c r="D20576" s="6">
        <v>158.9744</v>
      </c>
      <c r="E20576" s="6">
        <v>668.3175</v>
      </c>
    </row>
    <row r="20577" spans="4:5" x14ac:dyDescent="0.25">
      <c r="D20577" s="6">
        <v>1675.0830000000001</v>
      </c>
      <c r="E20577" s="6">
        <v>759.55700000000002</v>
      </c>
    </row>
    <row r="20578" spans="4:5" x14ac:dyDescent="0.25">
      <c r="D20578" s="6">
        <v>388.22210000000001</v>
      </c>
      <c r="E20578" s="6">
        <v>1016.2190000000001</v>
      </c>
    </row>
    <row r="20579" spans="4:5" x14ac:dyDescent="0.25">
      <c r="D20579" s="6">
        <v>1471.3820000000001</v>
      </c>
      <c r="E20579" s="6">
        <v>1087</v>
      </c>
    </row>
    <row r="20580" spans="4:5" x14ac:dyDescent="0.25">
      <c r="D20580" s="6">
        <v>6307.1689999999999</v>
      </c>
      <c r="E20580" s="6">
        <v>970.30640000000005</v>
      </c>
    </row>
    <row r="20581" spans="4:5" x14ac:dyDescent="0.25">
      <c r="D20581" s="6">
        <v>166.0882</v>
      </c>
      <c r="E20581" s="6">
        <v>860.39459999999997</v>
      </c>
    </row>
    <row r="20582" spans="4:5" x14ac:dyDescent="0.25">
      <c r="D20582" s="6">
        <v>660</v>
      </c>
      <c r="E20582" s="6">
        <v>7972.326</v>
      </c>
    </row>
    <row r="20583" spans="4:5" x14ac:dyDescent="0.25">
      <c r="D20583" s="6">
        <v>4872.5</v>
      </c>
      <c r="E20583" s="6">
        <v>820.1155</v>
      </c>
    </row>
    <row r="20584" spans="4:5" x14ac:dyDescent="0.25">
      <c r="D20584" s="6">
        <v>4995.2610000000004</v>
      </c>
      <c r="E20584" s="6">
        <v>2475.2220000000002</v>
      </c>
    </row>
    <row r="20585" spans="4:5" x14ac:dyDescent="0.25">
      <c r="D20585" s="6">
        <v>321.27199999999999</v>
      </c>
      <c r="E20585" s="6">
        <v>2681.0079999999998</v>
      </c>
    </row>
    <row r="20586" spans="4:5" x14ac:dyDescent="0.25">
      <c r="D20586" s="6">
        <v>599.32090000000005</v>
      </c>
      <c r="E20586" s="6">
        <v>506.69709999999998</v>
      </c>
    </row>
    <row r="20587" spans="4:5" x14ac:dyDescent="0.25">
      <c r="D20587" s="6">
        <v>1799.2919999999999</v>
      </c>
      <c r="E20587" s="6">
        <v>1262.9079999999999</v>
      </c>
    </row>
    <row r="20588" spans="4:5" x14ac:dyDescent="0.25">
      <c r="D20588" s="6">
        <v>13388.83</v>
      </c>
      <c r="E20588" s="6">
        <v>1029.7249999999999</v>
      </c>
    </row>
    <row r="20589" spans="4:5" x14ac:dyDescent="0.25">
      <c r="D20589" s="6">
        <v>1664.3130000000001</v>
      </c>
      <c r="E20589" s="6">
        <v>515.76350000000002</v>
      </c>
    </row>
    <row r="20590" spans="4:5" x14ac:dyDescent="0.25">
      <c r="D20590" s="6">
        <v>267.23680000000002</v>
      </c>
      <c r="E20590" s="6">
        <v>1093.989</v>
      </c>
    </row>
    <row r="20591" spans="4:5" x14ac:dyDescent="0.25">
      <c r="D20591" s="6">
        <v>757.1001</v>
      </c>
      <c r="E20591" s="6">
        <v>739.78520000000003</v>
      </c>
    </row>
    <row r="20592" spans="4:5" x14ac:dyDescent="0.25">
      <c r="D20592" s="6">
        <v>4168.8909999999996</v>
      </c>
      <c r="E20592" s="6">
        <v>5357</v>
      </c>
    </row>
    <row r="20593" spans="4:5" x14ac:dyDescent="0.25">
      <c r="D20593" s="6">
        <v>6574.8239999999996</v>
      </c>
      <c r="E20593" s="6">
        <v>712.61419999999998</v>
      </c>
    </row>
    <row r="20594" spans="4:5" x14ac:dyDescent="0.25">
      <c r="D20594" s="6">
        <v>1940.75</v>
      </c>
      <c r="E20594" s="6">
        <v>583.46939999999995</v>
      </c>
    </row>
    <row r="20595" spans="4:5" x14ac:dyDescent="0.25">
      <c r="D20595" s="6">
        <v>345.5772</v>
      </c>
      <c r="E20595" s="6">
        <v>942.28700000000003</v>
      </c>
    </row>
    <row r="20596" spans="4:5" x14ac:dyDescent="0.25">
      <c r="D20596" s="6">
        <v>3714.3150000000001</v>
      </c>
      <c r="E20596" s="6">
        <v>7073.09</v>
      </c>
    </row>
    <row r="20597" spans="4:5" x14ac:dyDescent="0.25">
      <c r="D20597" s="6">
        <v>170.72900000000001</v>
      </c>
      <c r="E20597" s="6">
        <v>10050.33</v>
      </c>
    </row>
    <row r="20598" spans="4:5" x14ac:dyDescent="0.25">
      <c r="D20598" s="6">
        <v>5842.4570000000003</v>
      </c>
      <c r="E20598" s="6">
        <v>691.81200000000001</v>
      </c>
    </row>
    <row r="20599" spans="4:5" x14ac:dyDescent="0.25">
      <c r="D20599" s="6">
        <v>4327.1310000000003</v>
      </c>
      <c r="E20599" s="6">
        <v>643.03930000000003</v>
      </c>
    </row>
    <row r="20600" spans="4:5" x14ac:dyDescent="0.25">
      <c r="D20600" s="6">
        <v>7607.6149999999998</v>
      </c>
      <c r="E20600" s="6">
        <v>778.34609999999998</v>
      </c>
    </row>
    <row r="20601" spans="4:5" x14ac:dyDescent="0.25">
      <c r="D20601" s="6">
        <v>1245</v>
      </c>
      <c r="E20601" s="6">
        <v>1584.548</v>
      </c>
    </row>
    <row r="20602" spans="4:5" x14ac:dyDescent="0.25">
      <c r="D20602" s="6">
        <v>2006.143</v>
      </c>
      <c r="E20602" s="6">
        <v>728</v>
      </c>
    </row>
    <row r="20603" spans="4:5" x14ac:dyDescent="0.25">
      <c r="D20603" s="6">
        <v>2318.2629999999999</v>
      </c>
      <c r="E20603" s="6">
        <v>1461.2670000000001</v>
      </c>
    </row>
    <row r="20604" spans="4:5" x14ac:dyDescent="0.25">
      <c r="D20604" s="6">
        <v>2962.2</v>
      </c>
      <c r="E20604" s="6">
        <v>522.21310000000005</v>
      </c>
    </row>
    <row r="20605" spans="4:5" x14ac:dyDescent="0.25">
      <c r="D20605" s="6">
        <v>1159.6890000000001</v>
      </c>
      <c r="E20605" s="6">
        <v>801.57190000000003</v>
      </c>
    </row>
    <row r="20606" spans="4:5" x14ac:dyDescent="0.25">
      <c r="D20606" s="6">
        <v>154.4392</v>
      </c>
      <c r="E20606" s="6">
        <v>1281.5239999999999</v>
      </c>
    </row>
    <row r="20607" spans="4:5" x14ac:dyDescent="0.25">
      <c r="D20607" s="6">
        <v>297.90550000000002</v>
      </c>
      <c r="E20607" s="6">
        <v>818.53769999999997</v>
      </c>
    </row>
    <row r="20608" spans="4:5" x14ac:dyDescent="0.25">
      <c r="D20608" s="6">
        <v>159.971</v>
      </c>
      <c r="E20608" s="6">
        <v>801.48810000000003</v>
      </c>
    </row>
    <row r="20609" spans="4:5" x14ac:dyDescent="0.25">
      <c r="D20609" s="6">
        <v>271.53969999999998</v>
      </c>
      <c r="E20609" s="6">
        <v>808.99990000000003</v>
      </c>
    </row>
    <row r="20610" spans="4:5" x14ac:dyDescent="0.25">
      <c r="D20610" s="6">
        <v>506.56990000000002</v>
      </c>
      <c r="E20610" s="6">
        <v>1043.2159999999999</v>
      </c>
    </row>
    <row r="20611" spans="4:5" x14ac:dyDescent="0.25">
      <c r="D20611" s="6">
        <v>480.50420000000003</v>
      </c>
      <c r="E20611" s="6">
        <v>3671.3229999999999</v>
      </c>
    </row>
    <row r="20612" spans="4:5" x14ac:dyDescent="0.25">
      <c r="D20612" s="6">
        <v>416.78949999999998</v>
      </c>
      <c r="E20612" s="6">
        <v>965.33460000000002</v>
      </c>
    </row>
    <row r="20613" spans="4:5" x14ac:dyDescent="0.25">
      <c r="D20613" s="6">
        <v>530.82809999999995</v>
      </c>
      <c r="E20613" s="6">
        <v>600.14099999999996</v>
      </c>
    </row>
    <row r="20614" spans="4:5" x14ac:dyDescent="0.25">
      <c r="D20614" s="6">
        <v>1980.376</v>
      </c>
      <c r="E20614" s="6">
        <v>1404.6790000000001</v>
      </c>
    </row>
    <row r="20615" spans="4:5" x14ac:dyDescent="0.25">
      <c r="D20615" s="6">
        <v>3307.5</v>
      </c>
      <c r="E20615" s="6">
        <v>916.38030000000003</v>
      </c>
    </row>
    <row r="20616" spans="4:5" x14ac:dyDescent="0.25">
      <c r="D20616" s="6">
        <v>508.24439999999998</v>
      </c>
      <c r="E20616" s="6">
        <v>1035.0150000000001</v>
      </c>
    </row>
    <row r="20617" spans="4:5" x14ac:dyDescent="0.25">
      <c r="D20617" s="6">
        <v>7882.0129999999999</v>
      </c>
      <c r="E20617" s="6">
        <v>607.79880000000003</v>
      </c>
    </row>
    <row r="20618" spans="4:5" x14ac:dyDescent="0.25">
      <c r="D20618" s="6">
        <v>3646.5740000000001</v>
      </c>
      <c r="E20618" s="6">
        <v>741.68039999999996</v>
      </c>
    </row>
    <row r="20619" spans="4:5" x14ac:dyDescent="0.25">
      <c r="D20619" s="6">
        <v>415.45749999999998</v>
      </c>
      <c r="E20619" s="6">
        <v>964.33720000000005</v>
      </c>
    </row>
    <row r="20620" spans="4:5" x14ac:dyDescent="0.25">
      <c r="D20620" s="6">
        <v>1982.5250000000001</v>
      </c>
      <c r="E20620" s="6">
        <v>3145.5</v>
      </c>
    </row>
    <row r="20621" spans="4:5" x14ac:dyDescent="0.25">
      <c r="D20621" s="6">
        <v>1887.9680000000001</v>
      </c>
      <c r="E20621" s="6">
        <v>866.48509999999999</v>
      </c>
    </row>
    <row r="20622" spans="4:5" x14ac:dyDescent="0.25">
      <c r="D20622" s="6">
        <v>1652</v>
      </c>
      <c r="E20622" s="6">
        <v>520.18389999999999</v>
      </c>
    </row>
    <row r="20623" spans="4:5" x14ac:dyDescent="0.25">
      <c r="D20623" s="6">
        <v>294.4323</v>
      </c>
      <c r="E20623" s="6">
        <v>938.40890000000002</v>
      </c>
    </row>
    <row r="20624" spans="4:5" x14ac:dyDescent="0.25">
      <c r="D20624" s="6">
        <v>1501.462</v>
      </c>
      <c r="E20624" s="6">
        <v>1280.047</v>
      </c>
    </row>
    <row r="20625" spans="4:5" x14ac:dyDescent="0.25">
      <c r="D20625" s="6">
        <v>628.78009999999995</v>
      </c>
      <c r="E20625" s="6">
        <v>508.42919999999998</v>
      </c>
    </row>
    <row r="20626" spans="4:5" x14ac:dyDescent="0.25">
      <c r="D20626" s="6">
        <v>4343.5929999999998</v>
      </c>
      <c r="E20626" s="6">
        <v>651.20169999999996</v>
      </c>
    </row>
    <row r="20627" spans="4:5" x14ac:dyDescent="0.25">
      <c r="D20627" s="6">
        <v>920.33489999999995</v>
      </c>
      <c r="E20627" s="6">
        <v>587.25</v>
      </c>
    </row>
    <row r="20628" spans="4:5" x14ac:dyDescent="0.25">
      <c r="D20628" s="6">
        <v>694.14499999999998</v>
      </c>
      <c r="E20628" s="6">
        <v>647.22979999999995</v>
      </c>
    </row>
    <row r="20629" spans="4:5" x14ac:dyDescent="0.25">
      <c r="D20629" s="6">
        <v>3028.25</v>
      </c>
      <c r="E20629" s="6">
        <v>9017.3169999999991</v>
      </c>
    </row>
    <row r="20630" spans="4:5" x14ac:dyDescent="0.25">
      <c r="D20630" s="6">
        <v>497.32260000000002</v>
      </c>
      <c r="E20630" s="6">
        <v>478.46879999999999</v>
      </c>
    </row>
    <row r="20631" spans="4:5" x14ac:dyDescent="0.25">
      <c r="D20631" s="6">
        <v>170.4162</v>
      </c>
      <c r="E20631" s="6">
        <v>594.89030000000002</v>
      </c>
    </row>
    <row r="20632" spans="4:5" x14ac:dyDescent="0.25">
      <c r="D20632" s="6">
        <v>1391</v>
      </c>
      <c r="E20632" s="6">
        <v>1145.723</v>
      </c>
    </row>
    <row r="20633" spans="4:5" x14ac:dyDescent="0.25">
      <c r="D20633" s="6">
        <v>408.19139999999999</v>
      </c>
      <c r="E20633" s="6">
        <v>807.35789999999997</v>
      </c>
    </row>
    <row r="20634" spans="4:5" x14ac:dyDescent="0.25">
      <c r="D20634" s="6">
        <v>430.4821</v>
      </c>
      <c r="E20634" s="6">
        <v>527.27350000000001</v>
      </c>
    </row>
    <row r="20635" spans="4:5" x14ac:dyDescent="0.25">
      <c r="D20635" s="6">
        <v>285.92349999999999</v>
      </c>
      <c r="E20635" s="6">
        <v>10633.5</v>
      </c>
    </row>
    <row r="20636" spans="4:5" x14ac:dyDescent="0.25">
      <c r="D20636" s="6">
        <v>329.71609999999998</v>
      </c>
      <c r="E20636" s="6">
        <v>488.5</v>
      </c>
    </row>
    <row r="20637" spans="4:5" x14ac:dyDescent="0.25">
      <c r="D20637" s="6">
        <v>157.86600000000001</v>
      </c>
      <c r="E20637" s="6">
        <v>609.20669999999996</v>
      </c>
    </row>
    <row r="20638" spans="4:5" x14ac:dyDescent="0.25">
      <c r="D20638" s="6">
        <v>731.40499999999997</v>
      </c>
      <c r="E20638" s="6">
        <v>1059.1759999999999</v>
      </c>
    </row>
    <row r="20639" spans="4:5" x14ac:dyDescent="0.25">
      <c r="D20639" s="6">
        <v>1181.845</v>
      </c>
      <c r="E20639" s="6">
        <v>980.61829999999998</v>
      </c>
    </row>
    <row r="20640" spans="4:5" x14ac:dyDescent="0.25">
      <c r="D20640" s="6">
        <v>452.03629999999998</v>
      </c>
      <c r="E20640" s="6">
        <v>1687.4010000000001</v>
      </c>
    </row>
    <row r="20641" spans="4:5" x14ac:dyDescent="0.25">
      <c r="D20641" s="6">
        <v>1896.135</v>
      </c>
      <c r="E20641" s="6">
        <v>1391</v>
      </c>
    </row>
    <row r="20642" spans="4:5" x14ac:dyDescent="0.25">
      <c r="D20642" s="6">
        <v>280.21789999999999</v>
      </c>
      <c r="E20642" s="6">
        <v>871.64959999999996</v>
      </c>
    </row>
    <row r="20643" spans="4:5" x14ac:dyDescent="0.25">
      <c r="D20643" s="6">
        <v>178.53899999999999</v>
      </c>
      <c r="E20643" s="6">
        <v>858.2088</v>
      </c>
    </row>
    <row r="20644" spans="4:5" x14ac:dyDescent="0.25">
      <c r="D20644" s="6">
        <v>2530.7139999999999</v>
      </c>
      <c r="E20644" s="6">
        <v>567.33330000000001</v>
      </c>
    </row>
    <row r="20645" spans="4:5" x14ac:dyDescent="0.25">
      <c r="D20645" s="6">
        <v>452.45929999999998</v>
      </c>
      <c r="E20645" s="6">
        <v>527.2817</v>
      </c>
    </row>
    <row r="20646" spans="4:5" x14ac:dyDescent="0.25">
      <c r="D20646" s="6">
        <v>246.38640000000001</v>
      </c>
      <c r="E20646" s="6">
        <v>582.89660000000003</v>
      </c>
    </row>
    <row r="20647" spans="4:5" x14ac:dyDescent="0.25">
      <c r="D20647" s="6">
        <v>641.44949999999994</v>
      </c>
      <c r="E20647" s="6">
        <v>716.54769999999996</v>
      </c>
    </row>
    <row r="20648" spans="4:5" x14ac:dyDescent="0.25">
      <c r="D20648" s="6">
        <v>273.97430000000003</v>
      </c>
      <c r="E20648" s="6">
        <v>546.65830000000005</v>
      </c>
    </row>
    <row r="20649" spans="4:5" x14ac:dyDescent="0.25">
      <c r="D20649" s="6">
        <v>4998.6809999999996</v>
      </c>
      <c r="E20649" s="6">
        <v>3406</v>
      </c>
    </row>
    <row r="20650" spans="4:5" x14ac:dyDescent="0.25">
      <c r="D20650" s="6">
        <v>746.09559999999999</v>
      </c>
      <c r="E20650" s="6">
        <v>9685.7309999999998</v>
      </c>
    </row>
    <row r="20651" spans="4:5" x14ac:dyDescent="0.25">
      <c r="D20651" s="6">
        <v>3771.444</v>
      </c>
      <c r="E20651" s="6">
        <v>1017.288</v>
      </c>
    </row>
    <row r="20652" spans="4:5" x14ac:dyDescent="0.25">
      <c r="D20652" s="6">
        <v>565.89559999999994</v>
      </c>
      <c r="E20652" s="6">
        <v>1303.5999999999999</v>
      </c>
    </row>
    <row r="20653" spans="4:5" x14ac:dyDescent="0.25">
      <c r="D20653" s="6">
        <v>1553.537</v>
      </c>
      <c r="E20653" s="6">
        <v>861.40089999999998</v>
      </c>
    </row>
    <row r="20654" spans="4:5" x14ac:dyDescent="0.25">
      <c r="D20654" s="6">
        <v>232.8699</v>
      </c>
      <c r="E20654" s="6">
        <v>592.18320000000006</v>
      </c>
    </row>
    <row r="20655" spans="4:5" x14ac:dyDescent="0.25">
      <c r="D20655" s="6">
        <v>455.3519</v>
      </c>
      <c r="E20655" s="6">
        <v>1084.5329999999999</v>
      </c>
    </row>
    <row r="20656" spans="4:5" x14ac:dyDescent="0.25">
      <c r="D20656" s="6">
        <v>1603.319</v>
      </c>
      <c r="E20656" s="6">
        <v>940.92330000000004</v>
      </c>
    </row>
    <row r="20657" spans="4:5" x14ac:dyDescent="0.25">
      <c r="D20657" s="6">
        <v>278.49079999999998</v>
      </c>
      <c r="E20657" s="6">
        <v>4241.6670000000004</v>
      </c>
    </row>
    <row r="20658" spans="4:5" x14ac:dyDescent="0.25">
      <c r="D20658" s="6">
        <v>546.9973</v>
      </c>
      <c r="E20658" s="6">
        <v>445.745</v>
      </c>
    </row>
    <row r="20659" spans="4:5" x14ac:dyDescent="0.25">
      <c r="D20659" s="6">
        <v>275.38589999999999</v>
      </c>
      <c r="E20659" s="6">
        <v>1451.943</v>
      </c>
    </row>
    <row r="20660" spans="4:5" x14ac:dyDescent="0.25">
      <c r="D20660" s="6">
        <v>270.0378</v>
      </c>
      <c r="E20660" s="6">
        <v>3234.761</v>
      </c>
    </row>
    <row r="20661" spans="4:5" x14ac:dyDescent="0.25">
      <c r="D20661" s="6">
        <v>260.55799999999999</v>
      </c>
      <c r="E20661" s="6">
        <v>1012.918</v>
      </c>
    </row>
    <row r="20662" spans="4:5" x14ac:dyDescent="0.25">
      <c r="D20662" s="6">
        <v>306.71120000000002</v>
      </c>
      <c r="E20662" s="6">
        <v>874.44439999999997</v>
      </c>
    </row>
    <row r="20663" spans="4:5" x14ac:dyDescent="0.25">
      <c r="D20663" s="6">
        <v>4755.8900000000003</v>
      </c>
      <c r="E20663" s="6">
        <v>734.2</v>
      </c>
    </row>
    <row r="20664" spans="4:5" x14ac:dyDescent="0.25">
      <c r="D20664" s="6">
        <v>1561.0450000000001</v>
      </c>
      <c r="E20664" s="6">
        <v>443.31240000000003</v>
      </c>
    </row>
    <row r="20665" spans="4:5" x14ac:dyDescent="0.25">
      <c r="D20665" s="6">
        <v>366.25</v>
      </c>
      <c r="E20665" s="6">
        <v>414.39879999999999</v>
      </c>
    </row>
    <row r="20666" spans="4:5" x14ac:dyDescent="0.25">
      <c r="D20666" s="6">
        <v>592.32680000000005</v>
      </c>
      <c r="E20666" s="6">
        <v>550.65909999999997</v>
      </c>
    </row>
    <row r="20667" spans="4:5" x14ac:dyDescent="0.25">
      <c r="D20667" s="6">
        <v>260.2287</v>
      </c>
      <c r="E20667" s="6">
        <v>866.05640000000005</v>
      </c>
    </row>
    <row r="20668" spans="4:5" x14ac:dyDescent="0.25">
      <c r="D20668" s="6">
        <v>2264.819</v>
      </c>
      <c r="E20668" s="6">
        <v>1729.748</v>
      </c>
    </row>
    <row r="20669" spans="4:5" x14ac:dyDescent="0.25">
      <c r="D20669" s="6">
        <v>319.28480000000002</v>
      </c>
      <c r="E20669" s="6">
        <v>1413.9290000000001</v>
      </c>
    </row>
    <row r="20670" spans="4:5" x14ac:dyDescent="0.25">
      <c r="D20670" s="6">
        <v>326.5</v>
      </c>
      <c r="E20670" s="6">
        <v>997.08240000000001</v>
      </c>
    </row>
    <row r="20671" spans="4:5" x14ac:dyDescent="0.25">
      <c r="D20671" s="6">
        <v>2697.239</v>
      </c>
      <c r="E20671" s="6">
        <v>542.08960000000002</v>
      </c>
    </row>
    <row r="20672" spans="4:5" x14ac:dyDescent="0.25">
      <c r="D20672" s="6">
        <v>220</v>
      </c>
      <c r="E20672" s="6">
        <v>897</v>
      </c>
    </row>
    <row r="20673" spans="4:5" x14ac:dyDescent="0.25">
      <c r="D20673" s="6">
        <v>408.89120000000003</v>
      </c>
      <c r="E20673" s="6">
        <v>2058.288</v>
      </c>
    </row>
    <row r="20674" spans="4:5" x14ac:dyDescent="0.25">
      <c r="D20674" s="6">
        <v>262.25700000000001</v>
      </c>
      <c r="E20674" s="6">
        <v>1158.182</v>
      </c>
    </row>
    <row r="20675" spans="4:5" x14ac:dyDescent="0.25">
      <c r="D20675" s="6">
        <v>292.68020000000001</v>
      </c>
      <c r="E20675" s="6">
        <v>955.23879999999997</v>
      </c>
    </row>
    <row r="20676" spans="4:5" x14ac:dyDescent="0.25">
      <c r="D20676" s="6">
        <v>3583.422</v>
      </c>
      <c r="E20676" s="6">
        <v>3177.2910000000002</v>
      </c>
    </row>
    <row r="20677" spans="4:5" x14ac:dyDescent="0.25">
      <c r="D20677" s="6">
        <v>632.47879999999998</v>
      </c>
      <c r="E20677" s="6">
        <v>809.96259999999995</v>
      </c>
    </row>
    <row r="20678" spans="4:5" x14ac:dyDescent="0.25">
      <c r="D20678" s="6">
        <v>515.77430000000004</v>
      </c>
      <c r="E20678" s="6">
        <v>878.28470000000004</v>
      </c>
    </row>
    <row r="20679" spans="4:5" x14ac:dyDescent="0.25">
      <c r="D20679" s="6">
        <v>450.38299999999998</v>
      </c>
      <c r="E20679" s="6">
        <v>5792</v>
      </c>
    </row>
    <row r="20680" spans="4:5" x14ac:dyDescent="0.25">
      <c r="D20680" s="6">
        <v>1760.53</v>
      </c>
      <c r="E20680" s="6">
        <v>821.74779999999998</v>
      </c>
    </row>
    <row r="20681" spans="4:5" x14ac:dyDescent="0.25">
      <c r="D20681" s="6">
        <v>1621.5</v>
      </c>
      <c r="E20681" s="6">
        <v>851.7</v>
      </c>
    </row>
    <row r="20682" spans="4:5" x14ac:dyDescent="0.25">
      <c r="D20682" s="6">
        <v>324.27409999999998</v>
      </c>
      <c r="E20682" s="6">
        <v>488.4699</v>
      </c>
    </row>
    <row r="20683" spans="4:5" x14ac:dyDescent="0.25">
      <c r="D20683" s="6">
        <v>3779.6709999999998</v>
      </c>
      <c r="E20683" s="6">
        <v>1010.418</v>
      </c>
    </row>
    <row r="20684" spans="4:5" x14ac:dyDescent="0.25">
      <c r="D20684" s="6">
        <v>327.79349999999999</v>
      </c>
      <c r="E20684" s="6">
        <v>803.22119999999995</v>
      </c>
    </row>
    <row r="20685" spans="4:5" x14ac:dyDescent="0.25">
      <c r="D20685" s="6">
        <v>466.43220000000002</v>
      </c>
      <c r="E20685" s="6">
        <v>758.72180000000003</v>
      </c>
    </row>
    <row r="20686" spans="4:5" x14ac:dyDescent="0.25">
      <c r="D20686" s="6">
        <v>6994.826</v>
      </c>
      <c r="E20686" s="6">
        <v>996.7509</v>
      </c>
    </row>
    <row r="20687" spans="4:5" x14ac:dyDescent="0.25">
      <c r="D20687" s="6">
        <v>328.93540000000002</v>
      </c>
      <c r="E20687" s="6">
        <v>680.26319999999998</v>
      </c>
    </row>
    <row r="20688" spans="4:5" x14ac:dyDescent="0.25">
      <c r="D20688" s="6">
        <v>276.28649999999999</v>
      </c>
      <c r="E20688" s="6">
        <v>929.25440000000003</v>
      </c>
    </row>
    <row r="20689" spans="4:5" x14ac:dyDescent="0.25">
      <c r="D20689" s="6">
        <v>256.94799999999998</v>
      </c>
      <c r="E20689" s="6">
        <v>619.23260000000005</v>
      </c>
    </row>
    <row r="20690" spans="4:5" x14ac:dyDescent="0.25">
      <c r="D20690" s="6">
        <v>7507.3180000000002</v>
      </c>
      <c r="E20690" s="6">
        <v>1983</v>
      </c>
    </row>
    <row r="20691" spans="4:5" x14ac:dyDescent="0.25">
      <c r="D20691" s="6">
        <v>287.2047</v>
      </c>
      <c r="E20691" s="6">
        <v>889.84</v>
      </c>
    </row>
    <row r="20692" spans="4:5" x14ac:dyDescent="0.25">
      <c r="D20692" s="6">
        <v>360.5711</v>
      </c>
      <c r="E20692" s="6">
        <v>3131.567</v>
      </c>
    </row>
    <row r="20693" spans="4:5" x14ac:dyDescent="0.25">
      <c r="D20693" s="6">
        <v>609</v>
      </c>
      <c r="E20693" s="6">
        <v>4343.5</v>
      </c>
    </row>
    <row r="20694" spans="4:5" x14ac:dyDescent="0.25">
      <c r="D20694" s="6">
        <v>270.08600000000001</v>
      </c>
      <c r="E20694" s="6">
        <v>1114.0999999999999</v>
      </c>
    </row>
    <row r="20695" spans="4:5" x14ac:dyDescent="0.25">
      <c r="D20695" s="6">
        <v>420.30739999999997</v>
      </c>
      <c r="E20695" s="6">
        <v>768.5</v>
      </c>
    </row>
    <row r="20696" spans="4:5" x14ac:dyDescent="0.25">
      <c r="D20696" s="6">
        <v>1404.114</v>
      </c>
      <c r="E20696" s="6">
        <v>420.37740000000002</v>
      </c>
    </row>
    <row r="20697" spans="4:5" x14ac:dyDescent="0.25">
      <c r="D20697" s="6">
        <v>6192.018</v>
      </c>
      <c r="E20697" s="6">
        <v>2224.902</v>
      </c>
    </row>
    <row r="20698" spans="4:5" x14ac:dyDescent="0.25">
      <c r="D20698" s="6">
        <v>292.61759999999998</v>
      </c>
      <c r="E20698" s="6">
        <v>1164.654</v>
      </c>
    </row>
    <row r="20699" spans="4:5" x14ac:dyDescent="0.25">
      <c r="D20699" s="6">
        <v>148.07749999999999</v>
      </c>
      <c r="E20699" s="6">
        <v>2083.3519999999999</v>
      </c>
    </row>
    <row r="20700" spans="4:5" x14ac:dyDescent="0.25">
      <c r="D20700" s="6">
        <v>249.21889999999999</v>
      </c>
      <c r="E20700" s="6">
        <v>640.28710000000001</v>
      </c>
    </row>
    <row r="20701" spans="4:5" x14ac:dyDescent="0.25">
      <c r="D20701" s="6">
        <v>853.37879999999996</v>
      </c>
      <c r="E20701" s="6">
        <v>792.3</v>
      </c>
    </row>
    <row r="20702" spans="4:5" x14ac:dyDescent="0.25">
      <c r="D20702" s="6">
        <v>234.66720000000001</v>
      </c>
      <c r="E20702" s="6">
        <v>1960.9190000000001</v>
      </c>
    </row>
    <row r="20703" spans="4:5" x14ac:dyDescent="0.25">
      <c r="D20703" s="6">
        <v>698.95460000000003</v>
      </c>
      <c r="E20703" s="6">
        <v>513.89890000000003</v>
      </c>
    </row>
    <row r="20704" spans="4:5" x14ac:dyDescent="0.25">
      <c r="D20704" s="6">
        <v>2689</v>
      </c>
      <c r="E20704" s="6">
        <v>936.71780000000001</v>
      </c>
    </row>
    <row r="20705" spans="4:5" x14ac:dyDescent="0.25">
      <c r="D20705" s="6">
        <v>1936</v>
      </c>
      <c r="E20705" s="6">
        <v>4625.8860000000004</v>
      </c>
    </row>
    <row r="20706" spans="4:5" x14ac:dyDescent="0.25">
      <c r="D20706" s="6">
        <v>8239.2289999999994</v>
      </c>
      <c r="E20706" s="6">
        <v>556.76279999999997</v>
      </c>
    </row>
    <row r="20707" spans="4:5" x14ac:dyDescent="0.25">
      <c r="D20707" s="6">
        <v>2719.8939999999998</v>
      </c>
      <c r="E20707" s="6">
        <v>6584.1130000000003</v>
      </c>
    </row>
    <row r="20708" spans="4:5" x14ac:dyDescent="0.25">
      <c r="D20708" s="6">
        <v>2567.6669999999999</v>
      </c>
      <c r="E20708" s="6">
        <v>990.11670000000004</v>
      </c>
    </row>
    <row r="20709" spans="4:5" x14ac:dyDescent="0.25">
      <c r="D20709" s="6">
        <v>533.63220000000001</v>
      </c>
      <c r="E20709" s="6">
        <v>1192.2729999999999</v>
      </c>
    </row>
    <row r="20710" spans="4:5" x14ac:dyDescent="0.25">
      <c r="D20710" s="6">
        <v>291.61040000000003</v>
      </c>
      <c r="E20710" s="6">
        <v>757.20399999999995</v>
      </c>
    </row>
    <row r="20711" spans="4:5" x14ac:dyDescent="0.25">
      <c r="D20711" s="6">
        <v>1408.655</v>
      </c>
      <c r="E20711" s="6">
        <v>886.62090000000001</v>
      </c>
    </row>
    <row r="20712" spans="4:5" x14ac:dyDescent="0.25">
      <c r="D20712" s="6">
        <v>290.24470000000002</v>
      </c>
      <c r="E20712" s="6">
        <v>1107.443</v>
      </c>
    </row>
    <row r="20713" spans="4:5" x14ac:dyDescent="0.25">
      <c r="D20713" s="6">
        <v>8213</v>
      </c>
      <c r="E20713" s="6">
        <v>1764.9939999999999</v>
      </c>
    </row>
    <row r="20714" spans="4:5" x14ac:dyDescent="0.25">
      <c r="D20714" s="6">
        <v>425.5951</v>
      </c>
      <c r="E20714" s="6">
        <v>560.3723</v>
      </c>
    </row>
    <row r="20715" spans="4:5" x14ac:dyDescent="0.25">
      <c r="D20715" s="6">
        <v>425.60669999999999</v>
      </c>
      <c r="E20715" s="6">
        <v>1099.8030000000001</v>
      </c>
    </row>
    <row r="20716" spans="4:5" x14ac:dyDescent="0.25">
      <c r="D20716" s="6">
        <v>263.26170000000002</v>
      </c>
      <c r="E20716" s="6">
        <v>481.81529999999998</v>
      </c>
    </row>
    <row r="20717" spans="4:5" x14ac:dyDescent="0.25">
      <c r="D20717" s="6">
        <v>783.81989999999996</v>
      </c>
      <c r="E20717" s="6">
        <v>1510.0070000000001</v>
      </c>
    </row>
    <row r="20718" spans="4:5" x14ac:dyDescent="0.25">
      <c r="D20718" s="6">
        <v>1279.9580000000001</v>
      </c>
      <c r="E20718" s="6">
        <v>720.38490000000002</v>
      </c>
    </row>
    <row r="20719" spans="4:5" x14ac:dyDescent="0.25">
      <c r="D20719" s="6">
        <v>3847.913</v>
      </c>
      <c r="E20719" s="6">
        <v>893.8125</v>
      </c>
    </row>
    <row r="20720" spans="4:5" x14ac:dyDescent="0.25">
      <c r="D20720" s="6">
        <v>160.00149999999999</v>
      </c>
      <c r="E20720" s="6">
        <v>868.08399999999995</v>
      </c>
    </row>
    <row r="20721" spans="4:5" x14ac:dyDescent="0.25">
      <c r="D20721" s="6">
        <v>169.10300000000001</v>
      </c>
      <c r="E20721" s="6">
        <v>837.20749999999998</v>
      </c>
    </row>
    <row r="20722" spans="4:5" x14ac:dyDescent="0.25">
      <c r="D20722" s="6">
        <v>519.64469999999994</v>
      </c>
      <c r="E20722" s="6">
        <v>452.29599999999999</v>
      </c>
    </row>
    <row r="20723" spans="4:5" x14ac:dyDescent="0.25">
      <c r="D20723" s="6">
        <v>392.2826</v>
      </c>
      <c r="E20723" s="6">
        <v>577.57079999999996</v>
      </c>
    </row>
    <row r="20724" spans="4:5" x14ac:dyDescent="0.25">
      <c r="D20724" s="6">
        <v>3696.4290000000001</v>
      </c>
      <c r="E20724" s="6">
        <v>551.44719999999995</v>
      </c>
    </row>
    <row r="20725" spans="4:5" x14ac:dyDescent="0.25">
      <c r="D20725" s="6">
        <v>290.22980000000001</v>
      </c>
      <c r="E20725" s="6">
        <v>515.46559999999999</v>
      </c>
    </row>
    <row r="20726" spans="4:5" x14ac:dyDescent="0.25">
      <c r="D20726" s="6">
        <v>311</v>
      </c>
      <c r="E20726" s="6">
        <v>821.52380000000005</v>
      </c>
    </row>
    <row r="20727" spans="4:5" x14ac:dyDescent="0.25">
      <c r="D20727" s="6">
        <v>170.27699999999999</v>
      </c>
      <c r="E20727" s="6">
        <v>3234.3780000000002</v>
      </c>
    </row>
    <row r="20728" spans="4:5" x14ac:dyDescent="0.25">
      <c r="D20728" s="6">
        <v>172.50479999999999</v>
      </c>
      <c r="E20728" s="6">
        <v>906.03570000000002</v>
      </c>
    </row>
    <row r="20729" spans="4:5" x14ac:dyDescent="0.25">
      <c r="D20729" s="6">
        <v>496.72980000000001</v>
      </c>
      <c r="E20729" s="6">
        <v>1022.86</v>
      </c>
    </row>
    <row r="20730" spans="4:5" x14ac:dyDescent="0.25">
      <c r="D20730" s="6">
        <v>304.53870000000001</v>
      </c>
      <c r="E20730" s="6">
        <v>817.52589999999998</v>
      </c>
    </row>
    <row r="20731" spans="4:5" x14ac:dyDescent="0.25">
      <c r="D20731" s="6">
        <v>741.66489999999999</v>
      </c>
      <c r="E20731" s="6">
        <v>4389.6360000000004</v>
      </c>
    </row>
    <row r="20732" spans="4:5" x14ac:dyDescent="0.25">
      <c r="D20732" s="6">
        <v>251.8699</v>
      </c>
      <c r="E20732" s="6">
        <v>858.22159999999997</v>
      </c>
    </row>
    <row r="20733" spans="4:5" x14ac:dyDescent="0.25">
      <c r="D20733" s="6">
        <v>789.54160000000002</v>
      </c>
      <c r="E20733" s="6">
        <v>779.69659999999999</v>
      </c>
    </row>
    <row r="20734" spans="4:5" x14ac:dyDescent="0.25">
      <c r="D20734" s="6">
        <v>252.7826</v>
      </c>
      <c r="E20734" s="6">
        <v>717.34280000000001</v>
      </c>
    </row>
    <row r="20735" spans="4:5" x14ac:dyDescent="0.25">
      <c r="D20735" s="6">
        <v>468.92899999999997</v>
      </c>
      <c r="E20735" s="6">
        <v>670.67619999999999</v>
      </c>
    </row>
    <row r="20736" spans="4:5" x14ac:dyDescent="0.25">
      <c r="D20736" s="6">
        <v>1115.027</v>
      </c>
      <c r="E20736" s="6">
        <v>7930.7569999999996</v>
      </c>
    </row>
    <row r="20737" spans="4:5" x14ac:dyDescent="0.25">
      <c r="D20737" s="6">
        <v>232.0823</v>
      </c>
      <c r="E20737" s="6">
        <v>539.48749999999995</v>
      </c>
    </row>
    <row r="20738" spans="4:5" x14ac:dyDescent="0.25">
      <c r="D20738" s="6">
        <v>3899.962</v>
      </c>
      <c r="E20738" s="6">
        <v>897.00099999999998</v>
      </c>
    </row>
    <row r="20739" spans="4:5" x14ac:dyDescent="0.25">
      <c r="D20739" s="6">
        <v>146.34780000000001</v>
      </c>
      <c r="E20739" s="6">
        <v>6796.4920000000002</v>
      </c>
    </row>
    <row r="20740" spans="4:5" x14ac:dyDescent="0.25">
      <c r="D20740" s="6">
        <v>159.59030000000001</v>
      </c>
      <c r="E20740" s="6">
        <v>3959.5430000000001</v>
      </c>
    </row>
    <row r="20741" spans="4:5" x14ac:dyDescent="0.25">
      <c r="D20741" s="6">
        <v>2057.9470000000001</v>
      </c>
      <c r="E20741" s="6">
        <v>825.34310000000005</v>
      </c>
    </row>
    <row r="20742" spans="4:5" x14ac:dyDescent="0.25">
      <c r="D20742" s="6">
        <v>1535.9659999999999</v>
      </c>
      <c r="E20742" s="6">
        <v>842.15599999999995</v>
      </c>
    </row>
    <row r="20743" spans="4:5" x14ac:dyDescent="0.25">
      <c r="D20743" s="6">
        <v>861.06790000000001</v>
      </c>
      <c r="E20743" s="6">
        <v>4555.75</v>
      </c>
    </row>
    <row r="20744" spans="4:5" x14ac:dyDescent="0.25">
      <c r="D20744" s="6">
        <v>220.85669999999999</v>
      </c>
      <c r="E20744" s="6">
        <v>532.99</v>
      </c>
    </row>
    <row r="20745" spans="4:5" x14ac:dyDescent="0.25">
      <c r="D20745" s="6">
        <v>484.68869999999998</v>
      </c>
      <c r="E20745" s="6">
        <v>975.02089999999998</v>
      </c>
    </row>
    <row r="20746" spans="4:5" x14ac:dyDescent="0.25">
      <c r="D20746" s="6">
        <v>283.2242</v>
      </c>
      <c r="E20746" s="6">
        <v>1062.556</v>
      </c>
    </row>
    <row r="20747" spans="4:5" x14ac:dyDescent="0.25">
      <c r="D20747" s="6">
        <v>1066.79</v>
      </c>
      <c r="E20747" s="6">
        <v>757.46609999999998</v>
      </c>
    </row>
    <row r="20748" spans="4:5" x14ac:dyDescent="0.25">
      <c r="D20748" s="6">
        <v>231.93879999999999</v>
      </c>
      <c r="E20748" s="6">
        <v>444.76440000000002</v>
      </c>
    </row>
    <row r="20749" spans="4:5" x14ac:dyDescent="0.25">
      <c r="D20749" s="6">
        <v>632.60670000000005</v>
      </c>
      <c r="E20749" s="6">
        <v>971.1377</v>
      </c>
    </row>
    <row r="20750" spans="4:5" x14ac:dyDescent="0.25">
      <c r="D20750" s="6">
        <v>211.73820000000001</v>
      </c>
      <c r="E20750" s="6">
        <v>10754.15</v>
      </c>
    </row>
    <row r="20751" spans="4:5" x14ac:dyDescent="0.25">
      <c r="D20751" s="6">
        <v>3154</v>
      </c>
      <c r="E20751" s="6">
        <v>699.12210000000005</v>
      </c>
    </row>
    <row r="20752" spans="4:5" x14ac:dyDescent="0.25">
      <c r="D20752" s="6">
        <v>2575.721</v>
      </c>
      <c r="E20752" s="6">
        <v>757.8</v>
      </c>
    </row>
    <row r="20753" spans="4:5" x14ac:dyDescent="0.25">
      <c r="D20753" s="6">
        <v>283.88810000000001</v>
      </c>
      <c r="E20753" s="6">
        <v>809.60230000000001</v>
      </c>
    </row>
    <row r="20754" spans="4:5" x14ac:dyDescent="0.25">
      <c r="D20754" s="6">
        <v>380.68310000000002</v>
      </c>
      <c r="E20754" s="6">
        <v>1159.7360000000001</v>
      </c>
    </row>
    <row r="20755" spans="4:5" x14ac:dyDescent="0.25">
      <c r="D20755" s="6">
        <v>563.05029999999999</v>
      </c>
      <c r="E20755" s="6">
        <v>770.14620000000002</v>
      </c>
    </row>
    <row r="20756" spans="4:5" x14ac:dyDescent="0.25">
      <c r="D20756" s="6">
        <v>419.07530000000003</v>
      </c>
      <c r="E20756" s="6">
        <v>553.81290000000001</v>
      </c>
    </row>
    <row r="20757" spans="4:5" x14ac:dyDescent="0.25">
      <c r="D20757" s="6">
        <v>544.21559999999999</v>
      </c>
      <c r="E20757" s="6">
        <v>907.17250000000001</v>
      </c>
    </row>
    <row r="20758" spans="4:5" x14ac:dyDescent="0.25">
      <c r="D20758" s="6">
        <v>268.69450000000001</v>
      </c>
      <c r="E20758" s="6">
        <v>2171.4549999999999</v>
      </c>
    </row>
    <row r="20759" spans="4:5" x14ac:dyDescent="0.25">
      <c r="D20759" s="6">
        <v>164.2704</v>
      </c>
      <c r="E20759" s="6">
        <v>1082.912</v>
      </c>
    </row>
    <row r="20760" spans="4:5" x14ac:dyDescent="0.25">
      <c r="D20760" s="6">
        <v>464.5</v>
      </c>
      <c r="E20760" s="6">
        <v>487.57</v>
      </c>
    </row>
    <row r="20761" spans="4:5" x14ac:dyDescent="0.25">
      <c r="D20761" s="6">
        <v>285.1875</v>
      </c>
      <c r="E20761" s="6">
        <v>924.0942</v>
      </c>
    </row>
    <row r="20762" spans="4:5" x14ac:dyDescent="0.25">
      <c r="D20762" s="6">
        <v>247.80770000000001</v>
      </c>
      <c r="E20762" s="6">
        <v>858.48919999999998</v>
      </c>
    </row>
    <row r="20763" spans="4:5" x14ac:dyDescent="0.25">
      <c r="D20763" s="6">
        <v>430.78809999999999</v>
      </c>
      <c r="E20763" s="6">
        <v>837.3125</v>
      </c>
    </row>
    <row r="20764" spans="4:5" x14ac:dyDescent="0.25">
      <c r="D20764" s="6">
        <v>252.0488</v>
      </c>
      <c r="E20764" s="6">
        <v>1061.595</v>
      </c>
    </row>
    <row r="20765" spans="4:5" x14ac:dyDescent="0.25">
      <c r="D20765" s="6">
        <v>255.18729999999999</v>
      </c>
      <c r="E20765" s="6">
        <v>668.82569999999998</v>
      </c>
    </row>
    <row r="20766" spans="4:5" x14ac:dyDescent="0.25">
      <c r="D20766" s="6">
        <v>261.63639999999998</v>
      </c>
      <c r="E20766" s="6">
        <v>851.11839999999995</v>
      </c>
    </row>
    <row r="20767" spans="4:5" x14ac:dyDescent="0.25">
      <c r="D20767" s="6">
        <v>253.1054</v>
      </c>
      <c r="E20767" s="6">
        <v>1140.143</v>
      </c>
    </row>
    <row r="20768" spans="4:5" x14ac:dyDescent="0.25">
      <c r="D20768" s="6">
        <v>250.16149999999999</v>
      </c>
      <c r="E20768" s="6">
        <v>911.5625</v>
      </c>
    </row>
    <row r="20769" spans="4:5" x14ac:dyDescent="0.25">
      <c r="D20769" s="6">
        <v>259.6875</v>
      </c>
      <c r="E20769" s="6">
        <v>905</v>
      </c>
    </row>
    <row r="20770" spans="4:5" x14ac:dyDescent="0.25">
      <c r="D20770" s="6">
        <v>149.69540000000001</v>
      </c>
      <c r="E20770" s="6">
        <v>1343.1790000000001</v>
      </c>
    </row>
    <row r="20771" spans="4:5" x14ac:dyDescent="0.25">
      <c r="D20771" s="6">
        <v>269.34699999999998</v>
      </c>
      <c r="E20771" s="6">
        <v>738.9425</v>
      </c>
    </row>
    <row r="20772" spans="4:5" x14ac:dyDescent="0.25">
      <c r="D20772" s="6">
        <v>266.45800000000003</v>
      </c>
      <c r="E20772" s="6">
        <v>1316.15</v>
      </c>
    </row>
    <row r="20773" spans="4:5" x14ac:dyDescent="0.25">
      <c r="D20773" s="6">
        <v>361.56990000000002</v>
      </c>
      <c r="E20773" s="6">
        <v>8287.1730000000007</v>
      </c>
    </row>
    <row r="20774" spans="4:5" x14ac:dyDescent="0.25">
      <c r="D20774" s="6">
        <v>680.82259999999997</v>
      </c>
      <c r="E20774" s="6">
        <v>1701.5709999999999</v>
      </c>
    </row>
    <row r="20775" spans="4:5" x14ac:dyDescent="0.25">
      <c r="D20775" s="6">
        <v>440.33049999999997</v>
      </c>
      <c r="E20775" s="6">
        <v>1124.925</v>
      </c>
    </row>
    <row r="20776" spans="4:5" x14ac:dyDescent="0.25">
      <c r="D20776" s="6">
        <v>545.6</v>
      </c>
      <c r="E20776" s="6">
        <v>914.3184</v>
      </c>
    </row>
    <row r="20777" spans="4:5" x14ac:dyDescent="0.25">
      <c r="D20777" s="6">
        <v>5952</v>
      </c>
      <c r="E20777" s="6">
        <v>907.29399999999998</v>
      </c>
    </row>
    <row r="20778" spans="4:5" x14ac:dyDescent="0.25">
      <c r="D20778" s="6">
        <v>381.97660000000002</v>
      </c>
      <c r="E20778" s="6">
        <v>658.31470000000002</v>
      </c>
    </row>
    <row r="20779" spans="4:5" x14ac:dyDescent="0.25">
      <c r="D20779" s="6">
        <v>2240.6669999999999</v>
      </c>
      <c r="E20779" s="6">
        <v>6826.2790000000005</v>
      </c>
    </row>
    <row r="20780" spans="4:5" x14ac:dyDescent="0.25">
      <c r="D20780" s="6">
        <v>262.71440000000001</v>
      </c>
      <c r="E20780" s="6">
        <v>640.8356</v>
      </c>
    </row>
    <row r="20781" spans="4:5" x14ac:dyDescent="0.25">
      <c r="D20781" s="6">
        <v>264.25020000000001</v>
      </c>
      <c r="E20781" s="6">
        <v>1159.778</v>
      </c>
    </row>
    <row r="20782" spans="4:5" x14ac:dyDescent="0.25">
      <c r="D20782" s="6">
        <v>272.18740000000003</v>
      </c>
      <c r="E20782" s="6">
        <v>481.67919999999998</v>
      </c>
    </row>
    <row r="20783" spans="4:5" x14ac:dyDescent="0.25">
      <c r="D20783" s="6">
        <v>159.8466</v>
      </c>
      <c r="E20783" s="6">
        <v>1157.5820000000001</v>
      </c>
    </row>
    <row r="20784" spans="4:5" x14ac:dyDescent="0.25">
      <c r="D20784" s="6">
        <v>144.1935</v>
      </c>
      <c r="E20784" s="6">
        <v>998.6481</v>
      </c>
    </row>
    <row r="20785" spans="4:5" x14ac:dyDescent="0.25">
      <c r="D20785" s="6">
        <v>309.75220000000002</v>
      </c>
      <c r="E20785" s="6">
        <v>883.43719999999996</v>
      </c>
    </row>
    <row r="20786" spans="4:5" x14ac:dyDescent="0.25">
      <c r="D20786" s="6">
        <v>404.77330000000001</v>
      </c>
      <c r="E20786" s="6">
        <v>1057</v>
      </c>
    </row>
    <row r="20787" spans="4:5" x14ac:dyDescent="0.25">
      <c r="D20787" s="6">
        <v>246.78100000000001</v>
      </c>
      <c r="E20787" s="6">
        <v>2462.1039999999998</v>
      </c>
    </row>
    <row r="20788" spans="4:5" x14ac:dyDescent="0.25">
      <c r="D20788" s="6">
        <v>261.43310000000002</v>
      </c>
      <c r="E20788" s="6">
        <v>546.12860000000001</v>
      </c>
    </row>
    <row r="20789" spans="4:5" x14ac:dyDescent="0.25">
      <c r="D20789" s="6">
        <v>3014.5819999999999</v>
      </c>
      <c r="E20789" s="6">
        <v>828.36189999999999</v>
      </c>
    </row>
    <row r="20790" spans="4:5" x14ac:dyDescent="0.25">
      <c r="D20790" s="6">
        <v>259.94119999999998</v>
      </c>
      <c r="E20790" s="6">
        <v>687.94169999999997</v>
      </c>
    </row>
    <row r="20791" spans="4:5" x14ac:dyDescent="0.25">
      <c r="D20791" s="6">
        <v>345.92930000000001</v>
      </c>
      <c r="E20791" s="6">
        <v>2249.0100000000002</v>
      </c>
    </row>
    <row r="20792" spans="4:5" x14ac:dyDescent="0.25">
      <c r="D20792" s="6">
        <v>181.25</v>
      </c>
      <c r="E20792" s="6">
        <v>553.40610000000004</v>
      </c>
    </row>
    <row r="20793" spans="4:5" x14ac:dyDescent="0.25">
      <c r="D20793" s="6">
        <v>273.44619999999998</v>
      </c>
      <c r="E20793" s="6">
        <v>743.63729999999998</v>
      </c>
    </row>
    <row r="20794" spans="4:5" x14ac:dyDescent="0.25">
      <c r="D20794" s="6">
        <v>518</v>
      </c>
      <c r="E20794" s="6">
        <v>603.83330000000001</v>
      </c>
    </row>
    <row r="20795" spans="4:5" x14ac:dyDescent="0.25">
      <c r="D20795" s="6">
        <v>146.7244</v>
      </c>
      <c r="E20795" s="6">
        <v>1066.4770000000001</v>
      </c>
    </row>
    <row r="20796" spans="4:5" x14ac:dyDescent="0.25">
      <c r="D20796" s="6">
        <v>897.95259999999996</v>
      </c>
      <c r="E20796" s="6">
        <v>1216.3979999999999</v>
      </c>
    </row>
    <row r="20797" spans="4:5" x14ac:dyDescent="0.25">
      <c r="D20797" s="6">
        <v>965.56290000000001</v>
      </c>
      <c r="E20797" s="6">
        <v>1318.63</v>
      </c>
    </row>
    <row r="20798" spans="4:5" x14ac:dyDescent="0.25">
      <c r="D20798" s="6">
        <v>270.18959999999998</v>
      </c>
      <c r="E20798" s="6">
        <v>12333</v>
      </c>
    </row>
    <row r="20799" spans="4:5" x14ac:dyDescent="0.25">
      <c r="D20799" s="6">
        <v>252.6728</v>
      </c>
      <c r="E20799" s="6">
        <v>512.17470000000003</v>
      </c>
    </row>
    <row r="20800" spans="4:5" x14ac:dyDescent="0.25">
      <c r="D20800" s="6">
        <v>6751</v>
      </c>
      <c r="E20800" s="6">
        <v>13046.25</v>
      </c>
    </row>
    <row r="20801" spans="4:5" x14ac:dyDescent="0.25">
      <c r="D20801" s="6">
        <v>1297.364</v>
      </c>
      <c r="E20801" s="6">
        <v>835.44809999999995</v>
      </c>
    </row>
    <row r="20802" spans="4:5" x14ac:dyDescent="0.25">
      <c r="D20802" s="6">
        <v>271.4375</v>
      </c>
      <c r="E20802" s="6">
        <v>970.82650000000001</v>
      </c>
    </row>
    <row r="20803" spans="4:5" x14ac:dyDescent="0.25">
      <c r="D20803" s="6">
        <v>222.43450000000001</v>
      </c>
      <c r="E20803" s="6">
        <v>621.53819999999996</v>
      </c>
    </row>
    <row r="20804" spans="4:5" x14ac:dyDescent="0.25">
      <c r="D20804" s="6">
        <v>1253.692</v>
      </c>
      <c r="E20804" s="6">
        <v>1004.586</v>
      </c>
    </row>
    <row r="20805" spans="4:5" x14ac:dyDescent="0.25">
      <c r="D20805" s="6">
        <v>2364</v>
      </c>
      <c r="E20805" s="6">
        <v>1066.6079999999999</v>
      </c>
    </row>
    <row r="20806" spans="4:5" x14ac:dyDescent="0.25">
      <c r="D20806" s="6">
        <v>1605.5170000000001</v>
      </c>
      <c r="E20806" s="6">
        <v>583.32230000000004</v>
      </c>
    </row>
    <row r="20807" spans="4:5" x14ac:dyDescent="0.25">
      <c r="D20807" s="6">
        <v>590.76049999999998</v>
      </c>
      <c r="E20807" s="6">
        <v>828.97789999999998</v>
      </c>
    </row>
    <row r="20808" spans="4:5" x14ac:dyDescent="0.25">
      <c r="D20808" s="6">
        <v>1795.3440000000001</v>
      </c>
      <c r="E20808" s="6">
        <v>640.34339999999997</v>
      </c>
    </row>
    <row r="20809" spans="4:5" x14ac:dyDescent="0.25">
      <c r="D20809" s="6">
        <v>246.34450000000001</v>
      </c>
      <c r="E20809" s="6">
        <v>1546.2280000000001</v>
      </c>
    </row>
    <row r="20810" spans="4:5" x14ac:dyDescent="0.25">
      <c r="D20810" s="6">
        <v>358.45920000000001</v>
      </c>
      <c r="E20810" s="6">
        <v>8444.6859999999997</v>
      </c>
    </row>
    <row r="20811" spans="4:5" x14ac:dyDescent="0.25">
      <c r="D20811" s="6">
        <v>712.2088</v>
      </c>
      <c r="E20811" s="6">
        <v>738.36419999999998</v>
      </c>
    </row>
    <row r="20812" spans="4:5" x14ac:dyDescent="0.25">
      <c r="D20812" s="6">
        <v>245.32069999999999</v>
      </c>
      <c r="E20812" s="6">
        <v>579.30290000000002</v>
      </c>
    </row>
    <row r="20813" spans="4:5" x14ac:dyDescent="0.25">
      <c r="D20813" s="6">
        <v>651.29790000000003</v>
      </c>
      <c r="E20813" s="6">
        <v>461.50279999999998</v>
      </c>
    </row>
    <row r="20814" spans="4:5" x14ac:dyDescent="0.25">
      <c r="D20814" s="6">
        <v>291.92110000000002</v>
      </c>
      <c r="E20814" s="6">
        <v>807.41629999999998</v>
      </c>
    </row>
    <row r="20815" spans="4:5" x14ac:dyDescent="0.25">
      <c r="D20815" s="6">
        <v>249.0334</v>
      </c>
      <c r="E20815" s="6">
        <v>785.9085</v>
      </c>
    </row>
    <row r="20816" spans="4:5" x14ac:dyDescent="0.25">
      <c r="D20816" s="6">
        <v>325.95609999999999</v>
      </c>
      <c r="E20816" s="6">
        <v>8508.9519999999993</v>
      </c>
    </row>
    <row r="20817" spans="4:5" x14ac:dyDescent="0.25">
      <c r="D20817" s="6">
        <v>1145.454</v>
      </c>
      <c r="E20817" s="6">
        <v>501.52550000000002</v>
      </c>
    </row>
    <row r="20818" spans="4:5" x14ac:dyDescent="0.25">
      <c r="D20818" s="6">
        <v>247.71789999999999</v>
      </c>
      <c r="E20818" s="6">
        <v>900.76189999999997</v>
      </c>
    </row>
    <row r="20819" spans="4:5" x14ac:dyDescent="0.25">
      <c r="D20819" s="6">
        <v>1172.973</v>
      </c>
      <c r="E20819" s="6">
        <v>541.06989999999996</v>
      </c>
    </row>
    <row r="20820" spans="4:5" x14ac:dyDescent="0.25">
      <c r="D20820" s="6">
        <v>249.3039</v>
      </c>
      <c r="E20820" s="6">
        <v>1066.7170000000001</v>
      </c>
    </row>
    <row r="20821" spans="4:5" x14ac:dyDescent="0.25">
      <c r="D20821" s="6">
        <v>253.8972</v>
      </c>
      <c r="E20821" s="6">
        <v>724.00450000000001</v>
      </c>
    </row>
    <row r="20822" spans="4:5" x14ac:dyDescent="0.25">
      <c r="D20822" s="6">
        <v>588.73910000000001</v>
      </c>
      <c r="E20822" s="6">
        <v>1421.462</v>
      </c>
    </row>
    <row r="20823" spans="4:5" x14ac:dyDescent="0.25">
      <c r="D20823" s="6">
        <v>754.59820000000002</v>
      </c>
      <c r="E20823" s="6">
        <v>907.12059999999997</v>
      </c>
    </row>
    <row r="20824" spans="4:5" x14ac:dyDescent="0.25">
      <c r="D20824" s="6">
        <v>254.15289999999999</v>
      </c>
      <c r="E20824" s="6">
        <v>735.37390000000005</v>
      </c>
    </row>
    <row r="20825" spans="4:5" x14ac:dyDescent="0.25">
      <c r="D20825" s="6">
        <v>2378.2220000000002</v>
      </c>
      <c r="E20825" s="6">
        <v>585.47569999999996</v>
      </c>
    </row>
    <row r="20826" spans="4:5" x14ac:dyDescent="0.25">
      <c r="D20826" s="6">
        <v>276.27179999999998</v>
      </c>
      <c r="E20826" s="6">
        <v>1048.857</v>
      </c>
    </row>
    <row r="20827" spans="4:5" x14ac:dyDescent="0.25">
      <c r="D20827" s="6">
        <v>349.04230000000001</v>
      </c>
      <c r="E20827" s="6">
        <v>433.96050000000002</v>
      </c>
    </row>
    <row r="20828" spans="4:5" x14ac:dyDescent="0.25">
      <c r="D20828" s="6">
        <v>243.9374</v>
      </c>
      <c r="E20828" s="6">
        <v>604.74189999999999</v>
      </c>
    </row>
    <row r="20829" spans="4:5" x14ac:dyDescent="0.25">
      <c r="D20829" s="6">
        <v>4949.1000000000004</v>
      </c>
      <c r="E20829" s="6">
        <v>657.02949999999998</v>
      </c>
    </row>
    <row r="20830" spans="4:5" x14ac:dyDescent="0.25">
      <c r="D20830" s="6">
        <v>1051.856</v>
      </c>
      <c r="E20830" s="6">
        <v>682.13890000000004</v>
      </c>
    </row>
    <row r="20831" spans="4:5" x14ac:dyDescent="0.25">
      <c r="D20831" s="6">
        <v>133.91489999999999</v>
      </c>
      <c r="E20831" s="6">
        <v>413.69</v>
      </c>
    </row>
    <row r="20832" spans="4:5" x14ac:dyDescent="0.25">
      <c r="D20832" s="6">
        <v>157.07169999999999</v>
      </c>
      <c r="E20832" s="6">
        <v>971.63220000000001</v>
      </c>
    </row>
    <row r="20833" spans="4:5" x14ac:dyDescent="0.25">
      <c r="D20833" s="6">
        <v>373.28469999999999</v>
      </c>
      <c r="E20833" s="6">
        <v>593.80589999999995</v>
      </c>
    </row>
    <row r="20834" spans="4:5" x14ac:dyDescent="0.25">
      <c r="D20834" s="6">
        <v>305.10000000000002</v>
      </c>
      <c r="E20834" s="6">
        <v>973.26750000000004</v>
      </c>
    </row>
    <row r="20835" spans="4:5" x14ac:dyDescent="0.25">
      <c r="D20835" s="6">
        <v>259.78530000000001</v>
      </c>
      <c r="E20835" s="6">
        <v>614.577</v>
      </c>
    </row>
    <row r="20836" spans="4:5" x14ac:dyDescent="0.25">
      <c r="D20836" s="6">
        <v>148.0857</v>
      </c>
      <c r="E20836" s="6">
        <v>1011.61</v>
      </c>
    </row>
    <row r="20837" spans="4:5" x14ac:dyDescent="0.25">
      <c r="D20837" s="6">
        <v>1566.828</v>
      </c>
      <c r="E20837" s="6">
        <v>725.72550000000001</v>
      </c>
    </row>
    <row r="20838" spans="4:5" x14ac:dyDescent="0.25">
      <c r="D20838" s="6">
        <v>347.86829999999998</v>
      </c>
      <c r="E20838" s="6">
        <v>730.8</v>
      </c>
    </row>
    <row r="20839" spans="4:5" x14ac:dyDescent="0.25">
      <c r="D20839" s="6">
        <v>403.5711</v>
      </c>
      <c r="E20839" s="6">
        <v>938.79690000000005</v>
      </c>
    </row>
    <row r="20840" spans="4:5" x14ac:dyDescent="0.25">
      <c r="D20840" s="6">
        <v>211.3047</v>
      </c>
      <c r="E20840" s="6">
        <v>6732.4009999999998</v>
      </c>
    </row>
    <row r="20841" spans="4:5" x14ac:dyDescent="0.25">
      <c r="D20841" s="6">
        <v>1674.3330000000001</v>
      </c>
      <c r="E20841" s="6">
        <v>848.59720000000004</v>
      </c>
    </row>
    <row r="20842" spans="4:5" x14ac:dyDescent="0.25">
      <c r="D20842" s="6">
        <v>147.88759999999999</v>
      </c>
      <c r="E20842" s="6">
        <v>534.36210000000005</v>
      </c>
    </row>
    <row r="20843" spans="4:5" x14ac:dyDescent="0.25">
      <c r="D20843" s="6">
        <v>234.87299999999999</v>
      </c>
      <c r="E20843" s="6">
        <v>835.20349999999996</v>
      </c>
    </row>
    <row r="20844" spans="4:5" x14ac:dyDescent="0.25">
      <c r="D20844" s="6">
        <v>603.0095</v>
      </c>
      <c r="E20844" s="6">
        <v>425.1979</v>
      </c>
    </row>
    <row r="20845" spans="4:5" x14ac:dyDescent="0.25">
      <c r="D20845" s="6">
        <v>242.3809</v>
      </c>
      <c r="E20845" s="6">
        <v>786.26819999999998</v>
      </c>
    </row>
    <row r="20846" spans="4:5" x14ac:dyDescent="0.25">
      <c r="D20846" s="6">
        <v>244.3227</v>
      </c>
      <c r="E20846" s="6">
        <v>770.85580000000004</v>
      </c>
    </row>
    <row r="20847" spans="4:5" x14ac:dyDescent="0.25">
      <c r="D20847" s="6">
        <v>473.78879999999998</v>
      </c>
      <c r="E20847" s="6">
        <v>921.10320000000002</v>
      </c>
    </row>
    <row r="20848" spans="4:5" x14ac:dyDescent="0.25">
      <c r="D20848" s="6">
        <v>531.61279999999999</v>
      </c>
      <c r="E20848" s="6">
        <v>847.68880000000001</v>
      </c>
    </row>
    <row r="20849" spans="4:5" x14ac:dyDescent="0.25">
      <c r="D20849" s="6">
        <v>2386.326</v>
      </c>
      <c r="E20849" s="6">
        <v>534.38980000000004</v>
      </c>
    </row>
    <row r="20850" spans="4:5" x14ac:dyDescent="0.25">
      <c r="D20850" s="6">
        <v>358.22969999999998</v>
      </c>
      <c r="E20850" s="6">
        <v>3193.25</v>
      </c>
    </row>
    <row r="20851" spans="4:5" x14ac:dyDescent="0.25">
      <c r="D20851" s="6">
        <v>907.01189999999997</v>
      </c>
      <c r="E20851" s="6">
        <v>3940.88</v>
      </c>
    </row>
    <row r="20852" spans="4:5" x14ac:dyDescent="0.25">
      <c r="D20852" s="6">
        <v>143.72139999999999</v>
      </c>
      <c r="E20852" s="6">
        <v>618</v>
      </c>
    </row>
    <row r="20853" spans="4:5" x14ac:dyDescent="0.25">
      <c r="D20853" s="6">
        <v>1772.4</v>
      </c>
      <c r="E20853" s="6">
        <v>977.80870000000004</v>
      </c>
    </row>
    <row r="20854" spans="4:5" x14ac:dyDescent="0.25">
      <c r="D20854" s="6">
        <v>284.92419999999998</v>
      </c>
      <c r="E20854" s="6">
        <v>759.77959999999996</v>
      </c>
    </row>
    <row r="20855" spans="4:5" x14ac:dyDescent="0.25">
      <c r="D20855" s="6">
        <v>473.9828</v>
      </c>
      <c r="E20855" s="6">
        <v>622.83699999999999</v>
      </c>
    </row>
    <row r="20856" spans="4:5" x14ac:dyDescent="0.25">
      <c r="D20856" s="6">
        <v>354.68799999999999</v>
      </c>
      <c r="E20856" s="6">
        <v>1055.1959999999999</v>
      </c>
    </row>
    <row r="20857" spans="4:5" x14ac:dyDescent="0.25">
      <c r="D20857" s="6">
        <v>232.43389999999999</v>
      </c>
      <c r="E20857" s="6">
        <v>1719.6980000000001</v>
      </c>
    </row>
    <row r="20858" spans="4:5" x14ac:dyDescent="0.25">
      <c r="D20858" s="6">
        <v>396.3304</v>
      </c>
      <c r="E20858" s="6">
        <v>543.74040000000002</v>
      </c>
    </row>
    <row r="20859" spans="4:5" x14ac:dyDescent="0.25">
      <c r="D20859" s="6">
        <v>525.12339999999995</v>
      </c>
      <c r="E20859" s="6">
        <v>781.46310000000005</v>
      </c>
    </row>
    <row r="20860" spans="4:5" x14ac:dyDescent="0.25">
      <c r="D20860" s="6">
        <v>151.38630000000001</v>
      </c>
      <c r="E20860" s="6">
        <v>972.43470000000002</v>
      </c>
    </row>
    <row r="20861" spans="4:5" x14ac:dyDescent="0.25">
      <c r="D20861" s="6">
        <v>226.4896</v>
      </c>
      <c r="E20861" s="6">
        <v>780.54970000000003</v>
      </c>
    </row>
    <row r="20862" spans="4:5" x14ac:dyDescent="0.25">
      <c r="D20862" s="6">
        <v>251.66669999999999</v>
      </c>
      <c r="E20862" s="6">
        <v>1045</v>
      </c>
    </row>
    <row r="20863" spans="4:5" x14ac:dyDescent="0.25">
      <c r="D20863" s="6">
        <v>155.185</v>
      </c>
      <c r="E20863" s="6">
        <v>8344.8919999999998</v>
      </c>
    </row>
    <row r="20864" spans="4:5" x14ac:dyDescent="0.25">
      <c r="D20864" s="6">
        <v>2146.0659999999998</v>
      </c>
      <c r="E20864" s="6">
        <v>1240.432</v>
      </c>
    </row>
    <row r="20865" spans="4:5" x14ac:dyDescent="0.25">
      <c r="D20865" s="6">
        <v>356.85989999999998</v>
      </c>
      <c r="E20865" s="6">
        <v>8604.5259999999998</v>
      </c>
    </row>
    <row r="20866" spans="4:5" x14ac:dyDescent="0.25">
      <c r="D20866" s="6">
        <v>626.11469999999997</v>
      </c>
      <c r="E20866" s="6">
        <v>1050.354</v>
      </c>
    </row>
    <row r="20867" spans="4:5" x14ac:dyDescent="0.25">
      <c r="D20867" s="6">
        <v>239.5711</v>
      </c>
      <c r="E20867" s="6">
        <v>1283.3030000000001</v>
      </c>
    </row>
    <row r="20868" spans="4:5" x14ac:dyDescent="0.25">
      <c r="D20868" s="6">
        <v>225.35849999999999</v>
      </c>
      <c r="E20868" s="6">
        <v>828</v>
      </c>
    </row>
    <row r="20869" spans="4:5" x14ac:dyDescent="0.25">
      <c r="D20869" s="6">
        <v>740.25009999999997</v>
      </c>
      <c r="E20869" s="6">
        <v>774.98940000000005</v>
      </c>
    </row>
    <row r="20870" spans="4:5" x14ac:dyDescent="0.25">
      <c r="D20870" s="6">
        <v>199</v>
      </c>
      <c r="E20870" s="6">
        <v>951.08309999999994</v>
      </c>
    </row>
    <row r="20871" spans="4:5" x14ac:dyDescent="0.25">
      <c r="D20871" s="6">
        <v>1634.402</v>
      </c>
      <c r="E20871" s="6">
        <v>1153.9190000000001</v>
      </c>
    </row>
    <row r="20872" spans="4:5" x14ac:dyDescent="0.25">
      <c r="D20872" s="6">
        <v>854.33590000000004</v>
      </c>
      <c r="E20872" s="6">
        <v>1186.1780000000001</v>
      </c>
    </row>
    <row r="20873" spans="4:5" x14ac:dyDescent="0.25">
      <c r="D20873" s="6">
        <v>155.90360000000001</v>
      </c>
      <c r="E20873" s="6">
        <v>569.0652</v>
      </c>
    </row>
    <row r="20874" spans="4:5" x14ac:dyDescent="0.25">
      <c r="D20874" s="6">
        <v>348.85379999999998</v>
      </c>
      <c r="E20874" s="6">
        <v>767.20519999999999</v>
      </c>
    </row>
    <row r="20875" spans="4:5" x14ac:dyDescent="0.25">
      <c r="D20875" s="6">
        <v>253.13159999999999</v>
      </c>
      <c r="E20875" s="6">
        <v>724.07240000000002</v>
      </c>
    </row>
    <row r="20876" spans="4:5" x14ac:dyDescent="0.25">
      <c r="D20876" s="6">
        <v>338.72500000000002</v>
      </c>
      <c r="E20876" s="6">
        <v>804.46889999999996</v>
      </c>
    </row>
    <row r="20877" spans="4:5" x14ac:dyDescent="0.25">
      <c r="D20877" s="6">
        <v>602.91269999999997</v>
      </c>
      <c r="E20877" s="6">
        <v>646.92520000000002</v>
      </c>
    </row>
    <row r="20878" spans="4:5" x14ac:dyDescent="0.25">
      <c r="D20878" s="6">
        <v>1659.5719999999999</v>
      </c>
      <c r="E20878" s="6">
        <v>11683.53</v>
      </c>
    </row>
    <row r="20879" spans="4:5" x14ac:dyDescent="0.25">
      <c r="D20879" s="6">
        <v>539.197</v>
      </c>
      <c r="E20879" s="6">
        <v>1064.328</v>
      </c>
    </row>
    <row r="20880" spans="4:5" x14ac:dyDescent="0.25">
      <c r="D20880" s="6">
        <v>148.49549999999999</v>
      </c>
      <c r="E20880" s="6">
        <v>1080.556</v>
      </c>
    </row>
    <row r="20881" spans="4:5" x14ac:dyDescent="0.25">
      <c r="D20881" s="6">
        <v>303.43639999999999</v>
      </c>
      <c r="E20881" s="6">
        <v>809.61120000000005</v>
      </c>
    </row>
    <row r="20882" spans="4:5" x14ac:dyDescent="0.25">
      <c r="D20882" s="6">
        <v>221.44489999999999</v>
      </c>
      <c r="E20882" s="6">
        <v>1629.758</v>
      </c>
    </row>
    <row r="20883" spans="4:5" x14ac:dyDescent="0.25">
      <c r="D20883" s="6">
        <v>469.58780000000002</v>
      </c>
      <c r="E20883" s="6">
        <v>667.38660000000004</v>
      </c>
    </row>
    <row r="20884" spans="4:5" x14ac:dyDescent="0.25">
      <c r="D20884" s="6">
        <v>2241.7860000000001</v>
      </c>
      <c r="E20884" s="6">
        <v>845.33789999999999</v>
      </c>
    </row>
    <row r="20885" spans="4:5" x14ac:dyDescent="0.25">
      <c r="D20885" s="6">
        <v>244.7396</v>
      </c>
      <c r="E20885" s="6">
        <v>10232.969999999999</v>
      </c>
    </row>
    <row r="20886" spans="4:5" x14ac:dyDescent="0.25">
      <c r="D20886" s="6">
        <v>256.59960000000001</v>
      </c>
      <c r="E20886" s="6">
        <v>810.99329999999998</v>
      </c>
    </row>
    <row r="20887" spans="4:5" x14ac:dyDescent="0.25">
      <c r="D20887" s="6">
        <v>247.78309999999999</v>
      </c>
      <c r="E20887" s="6">
        <v>976.8075</v>
      </c>
    </row>
    <row r="20888" spans="4:5" x14ac:dyDescent="0.25">
      <c r="D20888" s="6">
        <v>2575</v>
      </c>
      <c r="E20888" s="6">
        <v>2297</v>
      </c>
    </row>
    <row r="20889" spans="4:5" x14ac:dyDescent="0.25">
      <c r="D20889" s="6">
        <v>234.77959999999999</v>
      </c>
      <c r="E20889" s="6">
        <v>991.0489</v>
      </c>
    </row>
    <row r="20890" spans="4:5" x14ac:dyDescent="0.25">
      <c r="D20890" s="6">
        <v>226.92490000000001</v>
      </c>
      <c r="E20890" s="6">
        <v>1101.694</v>
      </c>
    </row>
    <row r="20891" spans="4:5" x14ac:dyDescent="0.25">
      <c r="D20891" s="6">
        <v>492.00450000000001</v>
      </c>
      <c r="E20891" s="6">
        <v>897.11620000000005</v>
      </c>
    </row>
    <row r="20892" spans="4:5" x14ac:dyDescent="0.25">
      <c r="D20892" s="6">
        <v>344.3476</v>
      </c>
      <c r="E20892" s="6">
        <v>902.14200000000005</v>
      </c>
    </row>
    <row r="20893" spans="4:5" x14ac:dyDescent="0.25">
      <c r="D20893" s="6">
        <v>262.53500000000003</v>
      </c>
      <c r="E20893" s="6">
        <v>947.41759999999999</v>
      </c>
    </row>
    <row r="20894" spans="4:5" x14ac:dyDescent="0.25">
      <c r="D20894" s="6">
        <v>363.7253</v>
      </c>
      <c r="E20894" s="6">
        <v>1260.059</v>
      </c>
    </row>
    <row r="20895" spans="4:5" x14ac:dyDescent="0.25">
      <c r="D20895" s="6">
        <v>222.75020000000001</v>
      </c>
      <c r="E20895" s="6">
        <v>1075.681</v>
      </c>
    </row>
    <row r="20896" spans="4:5" x14ac:dyDescent="0.25">
      <c r="D20896" s="6">
        <v>355.15219999999999</v>
      </c>
      <c r="E20896" s="6">
        <v>812.47829999999999</v>
      </c>
    </row>
    <row r="20897" spans="4:5" x14ac:dyDescent="0.25">
      <c r="D20897" s="6">
        <v>1017.285</v>
      </c>
      <c r="E20897" s="6">
        <v>1145.2850000000001</v>
      </c>
    </row>
    <row r="20898" spans="4:5" x14ac:dyDescent="0.25">
      <c r="D20898" s="6">
        <v>396.73050000000001</v>
      </c>
      <c r="E20898" s="6">
        <v>1741.4110000000001</v>
      </c>
    </row>
    <row r="20899" spans="4:5" x14ac:dyDescent="0.25">
      <c r="D20899" s="6">
        <v>260.09820000000002</v>
      </c>
      <c r="E20899" s="6">
        <v>884.0711</v>
      </c>
    </row>
    <row r="20900" spans="4:5" x14ac:dyDescent="0.25">
      <c r="D20900" s="6">
        <v>211.6353</v>
      </c>
      <c r="E20900" s="6">
        <v>3038.1379999999999</v>
      </c>
    </row>
    <row r="20901" spans="4:5" x14ac:dyDescent="0.25">
      <c r="D20901" s="6">
        <v>438.25839999999999</v>
      </c>
      <c r="E20901" s="6">
        <v>694.05489999999998</v>
      </c>
    </row>
    <row r="20902" spans="4:5" x14ac:dyDescent="0.25">
      <c r="D20902" s="6">
        <v>243.928</v>
      </c>
      <c r="E20902" s="6">
        <v>812.96860000000004</v>
      </c>
    </row>
    <row r="20903" spans="4:5" x14ac:dyDescent="0.25">
      <c r="D20903" s="6">
        <v>385.4187</v>
      </c>
      <c r="E20903" s="6">
        <v>920.76769999999999</v>
      </c>
    </row>
    <row r="20904" spans="4:5" x14ac:dyDescent="0.25">
      <c r="D20904" s="6">
        <v>262.87139999999999</v>
      </c>
      <c r="E20904" s="6">
        <v>528.37720000000002</v>
      </c>
    </row>
    <row r="20905" spans="4:5" x14ac:dyDescent="0.25">
      <c r="D20905" s="6">
        <v>253.375</v>
      </c>
      <c r="E20905" s="6">
        <v>2844.415</v>
      </c>
    </row>
    <row r="20906" spans="4:5" x14ac:dyDescent="0.25">
      <c r="D20906" s="6">
        <v>289.8999</v>
      </c>
      <c r="E20906" s="6">
        <v>851.43820000000005</v>
      </c>
    </row>
    <row r="20907" spans="4:5" x14ac:dyDescent="0.25">
      <c r="D20907" s="6">
        <v>140.67439999999999</v>
      </c>
      <c r="E20907" s="6">
        <v>957.58799999999997</v>
      </c>
    </row>
    <row r="20908" spans="4:5" x14ac:dyDescent="0.25">
      <c r="D20908" s="6">
        <v>255.38640000000001</v>
      </c>
      <c r="E20908" s="6">
        <v>742.51239999999996</v>
      </c>
    </row>
    <row r="20909" spans="4:5" x14ac:dyDescent="0.25">
      <c r="D20909" s="6">
        <v>904.86569999999995</v>
      </c>
      <c r="E20909" s="6">
        <v>646.67769999999996</v>
      </c>
    </row>
    <row r="20910" spans="4:5" x14ac:dyDescent="0.25">
      <c r="D20910" s="6">
        <v>459.75470000000001</v>
      </c>
      <c r="E20910" s="6">
        <v>1766.239</v>
      </c>
    </row>
    <row r="20911" spans="4:5" x14ac:dyDescent="0.25">
      <c r="D20911" s="6">
        <v>211.52449999999999</v>
      </c>
      <c r="E20911" s="6">
        <v>479.06389999999999</v>
      </c>
    </row>
    <row r="20912" spans="4:5" x14ac:dyDescent="0.25">
      <c r="D20912" s="6">
        <v>690.6549</v>
      </c>
      <c r="E20912" s="6">
        <v>653.07780000000002</v>
      </c>
    </row>
    <row r="20913" spans="4:5" x14ac:dyDescent="0.25">
      <c r="D20913" s="6">
        <v>430.9126</v>
      </c>
      <c r="E20913" s="6">
        <v>768.09990000000005</v>
      </c>
    </row>
    <row r="20914" spans="4:5" x14ac:dyDescent="0.25">
      <c r="D20914" s="6">
        <v>229.2843</v>
      </c>
      <c r="E20914" s="6">
        <v>1086.451</v>
      </c>
    </row>
    <row r="20915" spans="4:5" x14ac:dyDescent="0.25">
      <c r="D20915" s="6">
        <v>2456.683</v>
      </c>
      <c r="E20915" s="6">
        <v>1186.99</v>
      </c>
    </row>
    <row r="20916" spans="4:5" x14ac:dyDescent="0.25">
      <c r="D20916" s="6">
        <v>242.52809999999999</v>
      </c>
      <c r="E20916" s="6">
        <v>1041.944</v>
      </c>
    </row>
    <row r="20917" spans="4:5" x14ac:dyDescent="0.25">
      <c r="D20917" s="6">
        <v>206.1052</v>
      </c>
      <c r="E20917" s="6">
        <v>742.45479999999998</v>
      </c>
    </row>
    <row r="20918" spans="4:5" x14ac:dyDescent="0.25">
      <c r="D20918" s="6">
        <v>203.80779999999999</v>
      </c>
      <c r="E20918" s="6">
        <v>571.08489999999995</v>
      </c>
    </row>
    <row r="20919" spans="4:5" x14ac:dyDescent="0.25">
      <c r="D20919" s="6">
        <v>357.23970000000003</v>
      </c>
      <c r="E20919" s="6">
        <v>1027.9880000000001</v>
      </c>
    </row>
    <row r="20920" spans="4:5" x14ac:dyDescent="0.25">
      <c r="D20920" s="6">
        <v>249.97810000000001</v>
      </c>
      <c r="E20920" s="6">
        <v>1205.6990000000001</v>
      </c>
    </row>
    <row r="20921" spans="4:5" x14ac:dyDescent="0.25">
      <c r="D20921" s="6">
        <v>1384.4939999999999</v>
      </c>
      <c r="E20921" s="6">
        <v>910.61540000000002</v>
      </c>
    </row>
    <row r="20922" spans="4:5" x14ac:dyDescent="0.25">
      <c r="D20922" s="6">
        <v>219.04159999999999</v>
      </c>
      <c r="E20922" s="6">
        <v>6514.6220000000003</v>
      </c>
    </row>
    <row r="20923" spans="4:5" x14ac:dyDescent="0.25">
      <c r="D20923" s="6">
        <v>1691.8209999999999</v>
      </c>
      <c r="E20923" s="6">
        <v>6365.0129999999999</v>
      </c>
    </row>
    <row r="20924" spans="4:5" x14ac:dyDescent="0.25">
      <c r="D20924" s="6">
        <v>233.29839999999999</v>
      </c>
      <c r="E20924" s="6">
        <v>767.26729999999998</v>
      </c>
    </row>
    <row r="20925" spans="4:5" x14ac:dyDescent="0.25">
      <c r="D20925" s="6">
        <v>580.625</v>
      </c>
      <c r="E20925" s="6">
        <v>848.22280000000001</v>
      </c>
    </row>
    <row r="20926" spans="4:5" x14ac:dyDescent="0.25">
      <c r="D20926" s="6">
        <v>138.17959999999999</v>
      </c>
      <c r="E20926" s="6">
        <v>521.79660000000001</v>
      </c>
    </row>
    <row r="20927" spans="4:5" x14ac:dyDescent="0.25">
      <c r="D20927" s="6">
        <v>343.53649999999999</v>
      </c>
      <c r="E20927" s="6">
        <v>4136.098</v>
      </c>
    </row>
    <row r="20928" spans="4:5" x14ac:dyDescent="0.25">
      <c r="D20928" s="6">
        <v>224.73580000000001</v>
      </c>
      <c r="E20928" s="6">
        <v>900.62239999999997</v>
      </c>
    </row>
    <row r="20929" spans="4:5" x14ac:dyDescent="0.25">
      <c r="D20929" s="6">
        <v>360.70920000000001</v>
      </c>
      <c r="E20929" s="6">
        <v>6326.6120000000001</v>
      </c>
    </row>
    <row r="20930" spans="4:5" x14ac:dyDescent="0.25">
      <c r="D20930" s="6">
        <v>664.33330000000001</v>
      </c>
      <c r="E20930" s="6">
        <v>977</v>
      </c>
    </row>
    <row r="20931" spans="4:5" x14ac:dyDescent="0.25">
      <c r="D20931" s="6">
        <v>224.762</v>
      </c>
      <c r="E20931" s="6">
        <v>910.15359999999998</v>
      </c>
    </row>
    <row r="20932" spans="4:5" x14ac:dyDescent="0.25">
      <c r="D20932" s="6">
        <v>301.47329999999999</v>
      </c>
      <c r="E20932" s="6">
        <v>659.70330000000001</v>
      </c>
    </row>
    <row r="20933" spans="4:5" x14ac:dyDescent="0.25">
      <c r="D20933" s="6">
        <v>216.6919</v>
      </c>
      <c r="E20933" s="6">
        <v>806.54349999999999</v>
      </c>
    </row>
    <row r="20934" spans="4:5" x14ac:dyDescent="0.25">
      <c r="D20934" s="6">
        <v>222.72329999999999</v>
      </c>
      <c r="E20934" s="6">
        <v>451.94119999999998</v>
      </c>
    </row>
    <row r="20935" spans="4:5" x14ac:dyDescent="0.25">
      <c r="D20935" s="6">
        <v>1694.355</v>
      </c>
      <c r="E20935" s="6">
        <v>779.48159999999996</v>
      </c>
    </row>
    <row r="20936" spans="4:5" x14ac:dyDescent="0.25">
      <c r="D20936" s="6">
        <v>438.48320000000001</v>
      </c>
      <c r="E20936" s="6">
        <v>1082</v>
      </c>
    </row>
    <row r="20937" spans="4:5" x14ac:dyDescent="0.25">
      <c r="D20937" s="6">
        <v>245.2944</v>
      </c>
      <c r="E20937" s="6">
        <v>921.87630000000001</v>
      </c>
    </row>
    <row r="20938" spans="4:5" x14ac:dyDescent="0.25">
      <c r="D20938" s="6">
        <v>180</v>
      </c>
      <c r="E20938" s="6">
        <v>2059.5990000000002</v>
      </c>
    </row>
    <row r="20939" spans="4:5" x14ac:dyDescent="0.25">
      <c r="D20939" s="6">
        <v>377.69600000000003</v>
      </c>
      <c r="E20939" s="6">
        <v>954.56200000000001</v>
      </c>
    </row>
    <row r="20940" spans="4:5" x14ac:dyDescent="0.25">
      <c r="D20940" s="6">
        <v>221.6403</v>
      </c>
      <c r="E20940" s="6">
        <v>2141.1840000000002</v>
      </c>
    </row>
    <row r="20941" spans="4:5" x14ac:dyDescent="0.25">
      <c r="D20941" s="6">
        <v>236.41890000000001</v>
      </c>
      <c r="E20941" s="6">
        <v>1212.2180000000001</v>
      </c>
    </row>
    <row r="20942" spans="4:5" x14ac:dyDescent="0.25">
      <c r="D20942" s="6">
        <v>414.24720000000002</v>
      </c>
      <c r="E20942" s="6">
        <v>627</v>
      </c>
    </row>
    <row r="20943" spans="4:5" x14ac:dyDescent="0.25">
      <c r="D20943" s="6">
        <v>569.80830000000003</v>
      </c>
      <c r="E20943" s="6">
        <v>769.61519999999996</v>
      </c>
    </row>
    <row r="20944" spans="4:5" x14ac:dyDescent="0.25">
      <c r="D20944" s="6">
        <v>4870.75</v>
      </c>
      <c r="E20944" s="6">
        <v>2865.6869999999999</v>
      </c>
    </row>
    <row r="20945" spans="4:5" x14ac:dyDescent="0.25">
      <c r="D20945" s="6">
        <v>290</v>
      </c>
      <c r="E20945" s="6">
        <v>1033.075</v>
      </c>
    </row>
    <row r="20946" spans="4:5" x14ac:dyDescent="0.25">
      <c r="D20946" s="6">
        <v>200.31819999999999</v>
      </c>
      <c r="E20946" s="6">
        <v>674.94690000000003</v>
      </c>
    </row>
    <row r="20947" spans="4:5" x14ac:dyDescent="0.25">
      <c r="D20947" s="6">
        <v>300.48200000000003</v>
      </c>
      <c r="E20947" s="6">
        <v>970.53800000000001</v>
      </c>
    </row>
    <row r="20948" spans="4:5" x14ac:dyDescent="0.25">
      <c r="D20948" s="6">
        <v>203.1249</v>
      </c>
      <c r="E20948" s="6">
        <v>1171.184</v>
      </c>
    </row>
    <row r="20949" spans="4:5" x14ac:dyDescent="0.25">
      <c r="D20949" s="6">
        <v>152.78469999999999</v>
      </c>
      <c r="E20949" s="6">
        <v>1038.1379999999999</v>
      </c>
    </row>
    <row r="20950" spans="4:5" x14ac:dyDescent="0.25">
      <c r="D20950" s="6">
        <v>241.18430000000001</v>
      </c>
      <c r="E20950" s="6">
        <v>1003.77</v>
      </c>
    </row>
    <row r="20951" spans="4:5" x14ac:dyDescent="0.25">
      <c r="D20951" s="6">
        <v>2264.9369999999999</v>
      </c>
      <c r="E20951" s="6">
        <v>4270.5519999999997</v>
      </c>
    </row>
    <row r="20952" spans="4:5" x14ac:dyDescent="0.25">
      <c r="D20952" s="6">
        <v>424.49579999999997</v>
      </c>
      <c r="E20952" s="6">
        <v>770.2</v>
      </c>
    </row>
    <row r="20953" spans="4:5" x14ac:dyDescent="0.25">
      <c r="D20953" s="6">
        <v>199.1926</v>
      </c>
      <c r="E20953" s="6">
        <v>925.41759999999999</v>
      </c>
    </row>
    <row r="20954" spans="4:5" x14ac:dyDescent="0.25">
      <c r="D20954" s="6">
        <v>192.5487</v>
      </c>
      <c r="E20954" s="6">
        <v>517.23119999999994</v>
      </c>
    </row>
    <row r="20955" spans="4:5" x14ac:dyDescent="0.25">
      <c r="D20955" s="6">
        <v>242.7465</v>
      </c>
      <c r="E20955" s="6">
        <v>389.80079999999998</v>
      </c>
    </row>
    <row r="20956" spans="4:5" x14ac:dyDescent="0.25">
      <c r="D20956" s="6">
        <v>201.43450000000001</v>
      </c>
      <c r="E20956" s="6">
        <v>983.03840000000002</v>
      </c>
    </row>
    <row r="20957" spans="4:5" x14ac:dyDescent="0.25">
      <c r="D20957" s="6">
        <v>192.4358</v>
      </c>
      <c r="E20957" s="6">
        <v>907.30139999999994</v>
      </c>
    </row>
    <row r="20958" spans="4:5" x14ac:dyDescent="0.25">
      <c r="D20958" s="6">
        <v>388.67250000000001</v>
      </c>
      <c r="E20958" s="6">
        <v>5481.9070000000002</v>
      </c>
    </row>
    <row r="20959" spans="4:5" x14ac:dyDescent="0.25">
      <c r="D20959" s="6">
        <v>288.0865</v>
      </c>
      <c r="E20959" s="6">
        <v>1289.6179999999999</v>
      </c>
    </row>
    <row r="20960" spans="4:5" x14ac:dyDescent="0.25">
      <c r="D20960" s="6">
        <v>361.99439999999998</v>
      </c>
      <c r="E20960" s="6">
        <v>14929</v>
      </c>
    </row>
    <row r="20961" spans="4:5" x14ac:dyDescent="0.25">
      <c r="D20961" s="6">
        <v>229</v>
      </c>
      <c r="E20961" s="6">
        <v>2230.9639999999999</v>
      </c>
    </row>
    <row r="20962" spans="4:5" x14ac:dyDescent="0.25">
      <c r="D20962" s="6">
        <v>236.71369999999999</v>
      </c>
      <c r="E20962" s="6">
        <v>1119.8140000000001</v>
      </c>
    </row>
    <row r="20963" spans="4:5" x14ac:dyDescent="0.25">
      <c r="D20963" s="6">
        <v>262.91980000000001</v>
      </c>
      <c r="E20963" s="6">
        <v>809.37639999999999</v>
      </c>
    </row>
    <row r="20964" spans="4:5" x14ac:dyDescent="0.25">
      <c r="D20964" s="6">
        <v>191.1549</v>
      </c>
      <c r="E20964" s="6">
        <v>1628.8910000000001</v>
      </c>
    </row>
    <row r="20965" spans="4:5" x14ac:dyDescent="0.25">
      <c r="D20965" s="6">
        <v>983.85709999999995</v>
      </c>
      <c r="E20965" s="6">
        <v>632.70849999999996</v>
      </c>
    </row>
    <row r="20966" spans="4:5" x14ac:dyDescent="0.25">
      <c r="D20966" s="6">
        <v>414.93200000000002</v>
      </c>
      <c r="E20966" s="6">
        <v>747.60109999999997</v>
      </c>
    </row>
    <row r="20967" spans="4:5" x14ac:dyDescent="0.25">
      <c r="D20967" s="6">
        <v>271</v>
      </c>
      <c r="E20967" s="6">
        <v>1123.7840000000001</v>
      </c>
    </row>
    <row r="20968" spans="4:5" x14ac:dyDescent="0.25">
      <c r="D20968" s="6">
        <v>212.98419999999999</v>
      </c>
      <c r="E20968" s="6">
        <v>788.16610000000003</v>
      </c>
    </row>
    <row r="20969" spans="4:5" x14ac:dyDescent="0.25">
      <c r="D20969" s="6">
        <v>209.13929999999999</v>
      </c>
      <c r="E20969" s="6">
        <v>713.31820000000005</v>
      </c>
    </row>
    <row r="20970" spans="4:5" x14ac:dyDescent="0.25">
      <c r="D20970" s="6">
        <v>217.77709999999999</v>
      </c>
      <c r="E20970" s="6">
        <v>597.83330000000001</v>
      </c>
    </row>
    <row r="20971" spans="4:5" x14ac:dyDescent="0.25">
      <c r="D20971" s="6">
        <v>241.87219999999999</v>
      </c>
      <c r="E20971" s="6">
        <v>549.15660000000003</v>
      </c>
    </row>
    <row r="20972" spans="4:5" x14ac:dyDescent="0.25">
      <c r="D20972" s="6">
        <v>220.6831</v>
      </c>
      <c r="E20972" s="6">
        <v>1133.3889999999999</v>
      </c>
    </row>
    <row r="20973" spans="4:5" x14ac:dyDescent="0.25">
      <c r="D20973" s="6">
        <v>377.77640000000002</v>
      </c>
      <c r="E20973" s="6">
        <v>625.16700000000003</v>
      </c>
    </row>
    <row r="20974" spans="4:5" x14ac:dyDescent="0.25">
      <c r="D20974" s="6">
        <v>1057.646</v>
      </c>
      <c r="E20974" s="6">
        <v>490.69049999999999</v>
      </c>
    </row>
    <row r="20975" spans="4:5" x14ac:dyDescent="0.25">
      <c r="D20975" s="6">
        <v>215.77719999999999</v>
      </c>
      <c r="E20975" s="6">
        <v>807.59990000000005</v>
      </c>
    </row>
    <row r="20976" spans="4:5" x14ac:dyDescent="0.25">
      <c r="D20976" s="6">
        <v>212.62370000000001</v>
      </c>
      <c r="E20976" s="6">
        <v>2568.7579999999998</v>
      </c>
    </row>
    <row r="20977" spans="4:5" x14ac:dyDescent="0.25">
      <c r="D20977" s="6">
        <v>305.58199999999999</v>
      </c>
      <c r="E20977" s="6">
        <v>9859.8259999999991</v>
      </c>
    </row>
    <row r="20978" spans="4:5" x14ac:dyDescent="0.25">
      <c r="D20978" s="6">
        <v>181.75729999999999</v>
      </c>
      <c r="E20978" s="6">
        <v>899.76919999999996</v>
      </c>
    </row>
    <row r="20979" spans="4:5" x14ac:dyDescent="0.25">
      <c r="D20979" s="6">
        <v>187.48910000000001</v>
      </c>
      <c r="E20979" s="6">
        <v>874.91099999999994</v>
      </c>
    </row>
    <row r="20980" spans="4:5" x14ac:dyDescent="0.25">
      <c r="D20980" s="6">
        <v>188.49430000000001</v>
      </c>
      <c r="E20980" s="6">
        <v>974.23410000000001</v>
      </c>
    </row>
    <row r="20981" spans="4:5" x14ac:dyDescent="0.25">
      <c r="D20981" s="6">
        <v>202.25739999999999</v>
      </c>
      <c r="E20981" s="6">
        <v>536.61239999999998</v>
      </c>
    </row>
    <row r="20982" spans="4:5" x14ac:dyDescent="0.25">
      <c r="D20982" s="6">
        <v>203.38550000000001</v>
      </c>
      <c r="E20982" s="6">
        <v>913.33849999999995</v>
      </c>
    </row>
    <row r="20983" spans="4:5" x14ac:dyDescent="0.25">
      <c r="D20983" s="6">
        <v>530.11239999999998</v>
      </c>
      <c r="E20983" s="6">
        <v>989.48339999999996</v>
      </c>
    </row>
    <row r="20984" spans="4:5" x14ac:dyDescent="0.25">
      <c r="D20984" s="6">
        <v>220.13339999999999</v>
      </c>
      <c r="E20984" s="6">
        <v>1087.5</v>
      </c>
    </row>
    <row r="20985" spans="4:5" x14ac:dyDescent="0.25">
      <c r="D20985" s="6">
        <v>239.3109</v>
      </c>
      <c r="E20985" s="6">
        <v>7785.4560000000001</v>
      </c>
    </row>
    <row r="20986" spans="4:5" x14ac:dyDescent="0.25">
      <c r="D20986" s="6">
        <v>187.88040000000001</v>
      </c>
      <c r="E20986" s="6">
        <v>824.11860000000001</v>
      </c>
    </row>
    <row r="20987" spans="4:5" x14ac:dyDescent="0.25">
      <c r="D20987" s="6">
        <v>202.67789999999999</v>
      </c>
      <c r="E20987" s="6">
        <v>660.30640000000005</v>
      </c>
    </row>
    <row r="20988" spans="4:5" x14ac:dyDescent="0.25">
      <c r="D20988" s="6">
        <v>214.2704</v>
      </c>
      <c r="E20988" s="6">
        <v>1183.203</v>
      </c>
    </row>
    <row r="20989" spans="4:5" x14ac:dyDescent="0.25">
      <c r="D20989" s="6">
        <v>283.7987</v>
      </c>
      <c r="E20989" s="6">
        <v>1216.498</v>
      </c>
    </row>
    <row r="20990" spans="4:5" x14ac:dyDescent="0.25">
      <c r="D20990" s="6">
        <v>247.41470000000001</v>
      </c>
      <c r="E20990" s="6">
        <v>11365.82</v>
      </c>
    </row>
    <row r="20991" spans="4:5" x14ac:dyDescent="0.25">
      <c r="D20991" s="6">
        <v>200.40799999999999</v>
      </c>
      <c r="E20991" s="6">
        <v>883.72389999999996</v>
      </c>
    </row>
    <row r="20992" spans="4:5" x14ac:dyDescent="0.25">
      <c r="D20992" s="6">
        <v>238.38030000000001</v>
      </c>
      <c r="E20992" s="6">
        <v>557.0652</v>
      </c>
    </row>
    <row r="20993" spans="4:5" x14ac:dyDescent="0.25">
      <c r="D20993" s="6">
        <v>148.60290000000001</v>
      </c>
      <c r="E20993" s="6">
        <v>780.27980000000002</v>
      </c>
    </row>
    <row r="20994" spans="4:5" x14ac:dyDescent="0.25">
      <c r="D20994" s="6">
        <v>231.65790000000001</v>
      </c>
      <c r="E20994" s="6">
        <v>780.0752</v>
      </c>
    </row>
    <row r="20995" spans="4:5" x14ac:dyDescent="0.25">
      <c r="D20995" s="6">
        <v>361.07909999999998</v>
      </c>
      <c r="E20995" s="6">
        <v>810.58270000000005</v>
      </c>
    </row>
    <row r="20996" spans="4:5" x14ac:dyDescent="0.25">
      <c r="D20996" s="6">
        <v>190.51750000000001</v>
      </c>
      <c r="E20996" s="6">
        <v>496.27949999999998</v>
      </c>
    </row>
    <row r="20997" spans="4:5" x14ac:dyDescent="0.25">
      <c r="D20997" s="6">
        <v>206.9871</v>
      </c>
      <c r="E20997" s="6">
        <v>973.66030000000001</v>
      </c>
    </row>
    <row r="20998" spans="4:5" x14ac:dyDescent="0.25">
      <c r="D20998" s="6">
        <v>194.5727</v>
      </c>
      <c r="E20998" s="6">
        <v>3641.7849999999999</v>
      </c>
    </row>
    <row r="20999" spans="4:5" x14ac:dyDescent="0.25">
      <c r="D20999" s="6">
        <v>180.15940000000001</v>
      </c>
      <c r="E20999" s="6">
        <v>840.15150000000006</v>
      </c>
    </row>
    <row r="21000" spans="4:5" x14ac:dyDescent="0.25">
      <c r="D21000" s="6">
        <v>203.75489999999999</v>
      </c>
      <c r="E21000" s="6">
        <v>412.38459999999998</v>
      </c>
    </row>
    <row r="21001" spans="4:5" x14ac:dyDescent="0.25">
      <c r="D21001" s="6">
        <v>6972.8069999999998</v>
      </c>
      <c r="E21001" s="6">
        <v>1516.634</v>
      </c>
    </row>
    <row r="21002" spans="4:5" x14ac:dyDescent="0.25">
      <c r="D21002" s="6">
        <v>176.80289999999999</v>
      </c>
      <c r="E21002" s="6">
        <v>4777.8329999999996</v>
      </c>
    </row>
    <row r="21003" spans="4:5" x14ac:dyDescent="0.25">
      <c r="D21003" s="6">
        <v>193.45949999999999</v>
      </c>
      <c r="E21003" s="6">
        <v>1170.181</v>
      </c>
    </row>
    <row r="21004" spans="4:5" x14ac:dyDescent="0.25">
      <c r="D21004" s="6">
        <v>176.3468</v>
      </c>
      <c r="E21004" s="6">
        <v>875.88639999999998</v>
      </c>
    </row>
    <row r="21005" spans="4:5" x14ac:dyDescent="0.25">
      <c r="D21005" s="6">
        <v>183.95949999999999</v>
      </c>
      <c r="E21005" s="6">
        <v>853.50879999999995</v>
      </c>
    </row>
    <row r="21006" spans="4:5" x14ac:dyDescent="0.25">
      <c r="D21006" s="6">
        <v>184.9657</v>
      </c>
      <c r="E21006" s="6">
        <v>416.35140000000001</v>
      </c>
    </row>
    <row r="21007" spans="4:5" x14ac:dyDescent="0.25">
      <c r="D21007" s="6">
        <v>189.94479999999999</v>
      </c>
      <c r="E21007" s="6">
        <v>959.35569999999996</v>
      </c>
    </row>
    <row r="21008" spans="4:5" x14ac:dyDescent="0.25">
      <c r="D21008" s="6">
        <v>176.64099999999999</v>
      </c>
      <c r="E21008" s="6">
        <v>1541.2139999999999</v>
      </c>
    </row>
    <row r="21009" spans="4:5" x14ac:dyDescent="0.25">
      <c r="D21009" s="6">
        <v>232.4828</v>
      </c>
      <c r="E21009" s="6">
        <v>913.72109999999998</v>
      </c>
    </row>
    <row r="21010" spans="4:5" x14ac:dyDescent="0.25">
      <c r="D21010" s="6">
        <v>181.56950000000001</v>
      </c>
      <c r="E21010" s="6">
        <v>938.05359999999996</v>
      </c>
    </row>
    <row r="21011" spans="4:5" x14ac:dyDescent="0.25">
      <c r="D21011" s="6">
        <v>169.01560000000001</v>
      </c>
      <c r="E21011" s="6">
        <v>678.125</v>
      </c>
    </row>
    <row r="21012" spans="4:5" x14ac:dyDescent="0.25">
      <c r="D21012" s="6">
        <v>199.39840000000001</v>
      </c>
      <c r="E21012" s="6">
        <v>16208</v>
      </c>
    </row>
    <row r="21013" spans="4:5" x14ac:dyDescent="0.25">
      <c r="D21013" s="6">
        <v>181.10579999999999</v>
      </c>
      <c r="E21013" s="6">
        <v>1150.402</v>
      </c>
    </row>
    <row r="21014" spans="4:5" x14ac:dyDescent="0.25">
      <c r="D21014" s="6">
        <v>217.9229</v>
      </c>
      <c r="E21014" s="6">
        <v>1898.595</v>
      </c>
    </row>
    <row r="21015" spans="4:5" x14ac:dyDescent="0.25">
      <c r="D21015" s="6">
        <v>293.24740000000003</v>
      </c>
      <c r="E21015" s="6">
        <v>830.83540000000005</v>
      </c>
    </row>
    <row r="21016" spans="4:5" x14ac:dyDescent="0.25">
      <c r="D21016" s="6">
        <v>182.73009999999999</v>
      </c>
      <c r="E21016" s="6">
        <v>754</v>
      </c>
    </row>
    <row r="21017" spans="4:5" x14ac:dyDescent="0.25">
      <c r="D21017" s="6">
        <v>193.9932</v>
      </c>
      <c r="E21017" s="6">
        <v>4840.0730000000003</v>
      </c>
    </row>
    <row r="21018" spans="4:5" x14ac:dyDescent="0.25">
      <c r="D21018" s="6">
        <v>205.11109999999999</v>
      </c>
      <c r="E21018" s="6">
        <v>936.86919999999998</v>
      </c>
    </row>
    <row r="21019" spans="4:5" x14ac:dyDescent="0.25">
      <c r="D21019" s="6">
        <v>196.9589</v>
      </c>
      <c r="E21019" s="6">
        <v>734.14440000000002</v>
      </c>
    </row>
    <row r="21020" spans="4:5" x14ac:dyDescent="0.25">
      <c r="D21020" s="6">
        <v>208</v>
      </c>
      <c r="E21020" s="6">
        <v>1304.078</v>
      </c>
    </row>
    <row r="21021" spans="4:5" x14ac:dyDescent="0.25">
      <c r="D21021" s="6">
        <v>175.58340000000001</v>
      </c>
      <c r="E21021" s="6">
        <v>1061.6990000000001</v>
      </c>
    </row>
    <row r="21022" spans="4:5" x14ac:dyDescent="0.25">
      <c r="D21022" s="6">
        <v>198.2362</v>
      </c>
      <c r="E21022" s="6">
        <v>2432.549</v>
      </c>
    </row>
    <row r="21023" spans="4:5" x14ac:dyDescent="0.25">
      <c r="D21023" s="6">
        <v>176.10480000000001</v>
      </c>
      <c r="E21023" s="6">
        <v>499.36340000000001</v>
      </c>
    </row>
    <row r="21024" spans="4:5" x14ac:dyDescent="0.25">
      <c r="D21024" s="6">
        <v>163.78819999999999</v>
      </c>
      <c r="E21024" s="6">
        <v>1124.5309999999999</v>
      </c>
    </row>
    <row r="21025" spans="4:5" x14ac:dyDescent="0.25">
      <c r="D21025" s="6">
        <v>173.5401</v>
      </c>
      <c r="E21025" s="6">
        <v>835.38199999999995</v>
      </c>
    </row>
    <row r="21026" spans="4:5" x14ac:dyDescent="0.25">
      <c r="D21026" s="6">
        <v>163.48670000000001</v>
      </c>
      <c r="E21026" s="6">
        <v>1106.0619999999999</v>
      </c>
    </row>
    <row r="21027" spans="4:5" x14ac:dyDescent="0.25">
      <c r="D21027" s="6">
        <v>185.4941</v>
      </c>
      <c r="E21027" s="6">
        <v>9875.25</v>
      </c>
    </row>
    <row r="21028" spans="4:5" x14ac:dyDescent="0.25">
      <c r="D21028" s="6">
        <v>171.715</v>
      </c>
      <c r="E21028" s="6">
        <v>436.178</v>
      </c>
    </row>
    <row r="21029" spans="4:5" x14ac:dyDescent="0.25">
      <c r="D21029" s="6">
        <v>176.6232</v>
      </c>
      <c r="E21029" s="6">
        <v>1037.7139999999999</v>
      </c>
    </row>
    <row r="21030" spans="4:5" x14ac:dyDescent="0.25">
      <c r="D21030" s="6">
        <v>168.21559999999999</v>
      </c>
      <c r="E21030" s="6">
        <v>1021.381</v>
      </c>
    </row>
    <row r="21031" spans="4:5" x14ac:dyDescent="0.25">
      <c r="D21031" s="6">
        <v>165.5753</v>
      </c>
      <c r="E21031" s="6">
        <v>470.01609999999999</v>
      </c>
    </row>
    <row r="21032" spans="4:5" x14ac:dyDescent="0.25">
      <c r="D21032" s="6">
        <v>173.85919999999999</v>
      </c>
      <c r="E21032" s="6">
        <v>1026.6890000000001</v>
      </c>
    </row>
    <row r="21033" spans="4:5" x14ac:dyDescent="0.25">
      <c r="D21033" s="6">
        <v>166.55240000000001</v>
      </c>
      <c r="E21033" s="6">
        <v>924.14469999999994</v>
      </c>
    </row>
    <row r="21034" spans="4:5" x14ac:dyDescent="0.25">
      <c r="D21034" s="6">
        <v>160.2698</v>
      </c>
      <c r="E21034" s="6">
        <v>1700.096</v>
      </c>
    </row>
    <row r="21035" spans="4:5" x14ac:dyDescent="0.25">
      <c r="D21035" s="6">
        <v>150.8306</v>
      </c>
      <c r="E21035" s="6">
        <v>881.38940000000002</v>
      </c>
    </row>
    <row r="21036" spans="4:5" x14ac:dyDescent="0.25">
      <c r="D21036" s="6">
        <v>90.501109999999997</v>
      </c>
      <c r="E21036" s="6">
        <v>2850.404</v>
      </c>
    </row>
    <row r="21037" spans="4:5" x14ac:dyDescent="0.25">
      <c r="D21037" s="6">
        <v>93.902429999999995</v>
      </c>
      <c r="E21037" s="6">
        <v>1119.1469999999999</v>
      </c>
    </row>
    <row r="21038" spans="4:5" x14ac:dyDescent="0.25">
      <c r="D21038" s="6">
        <v>538.3741</v>
      </c>
      <c r="E21038" s="6">
        <v>6990.0420000000004</v>
      </c>
    </row>
    <row r="21039" spans="4:5" x14ac:dyDescent="0.25">
      <c r="D21039" s="6">
        <v>1127.4870000000001</v>
      </c>
      <c r="E21039" s="6">
        <v>1156.6880000000001</v>
      </c>
    </row>
    <row r="21040" spans="4:5" x14ac:dyDescent="0.25">
      <c r="D21040" s="6">
        <v>814.71609999999998</v>
      </c>
      <c r="E21040" s="6">
        <v>430.12939999999998</v>
      </c>
    </row>
    <row r="21041" spans="4:5" x14ac:dyDescent="0.25">
      <c r="D21041" s="6">
        <v>670.25450000000001</v>
      </c>
      <c r="E21041" s="6">
        <v>877.0761</v>
      </c>
    </row>
    <row r="21042" spans="4:5" x14ac:dyDescent="0.25">
      <c r="D21042" s="6">
        <v>2131.1950000000002</v>
      </c>
      <c r="E21042" s="6">
        <v>2190.8789999999999</v>
      </c>
    </row>
    <row r="21043" spans="4:5" x14ac:dyDescent="0.25">
      <c r="D21043" s="6">
        <v>1195.768</v>
      </c>
      <c r="E21043" s="6">
        <v>1512.155</v>
      </c>
    </row>
    <row r="21044" spans="4:5" x14ac:dyDescent="0.25">
      <c r="D21044" s="6">
        <v>1982.25</v>
      </c>
      <c r="E21044" s="6">
        <v>721.50340000000006</v>
      </c>
    </row>
    <row r="21045" spans="4:5" x14ac:dyDescent="0.25">
      <c r="D21045" s="6">
        <v>1645.4090000000001</v>
      </c>
      <c r="E21045" s="6">
        <v>631.2527</v>
      </c>
    </row>
    <row r="21046" spans="4:5" x14ac:dyDescent="0.25">
      <c r="D21046" s="6">
        <v>724.56650000000002</v>
      </c>
      <c r="E21046" s="6">
        <v>614.3211</v>
      </c>
    </row>
    <row r="21047" spans="4:5" x14ac:dyDescent="0.25">
      <c r="D21047" s="6">
        <v>754.04169999999999</v>
      </c>
      <c r="E21047" s="6">
        <v>7038.2839999999997</v>
      </c>
    </row>
    <row r="21048" spans="4:5" x14ac:dyDescent="0.25">
      <c r="D21048" s="6">
        <v>2357</v>
      </c>
      <c r="E21048" s="6">
        <v>502.60070000000002</v>
      </c>
    </row>
    <row r="21049" spans="4:5" x14ac:dyDescent="0.25">
      <c r="D21049" s="6">
        <v>1322.127</v>
      </c>
      <c r="E21049" s="6">
        <v>982.16030000000001</v>
      </c>
    </row>
    <row r="21050" spans="4:5" x14ac:dyDescent="0.25">
      <c r="D21050" s="6">
        <v>865.7183</v>
      </c>
      <c r="E21050" s="6">
        <v>917.91489999999999</v>
      </c>
    </row>
    <row r="21051" spans="4:5" x14ac:dyDescent="0.25">
      <c r="D21051" s="6">
        <v>1271.847</v>
      </c>
      <c r="E21051" s="6">
        <v>873.76490000000001</v>
      </c>
    </row>
    <row r="21052" spans="4:5" x14ac:dyDescent="0.25">
      <c r="D21052" s="6">
        <v>1259.8009999999999</v>
      </c>
      <c r="E21052" s="6">
        <v>4747</v>
      </c>
    </row>
    <row r="21053" spans="4:5" x14ac:dyDescent="0.25">
      <c r="D21053" s="6">
        <v>639.22889999999995</v>
      </c>
      <c r="E21053" s="6">
        <v>856.64949999999999</v>
      </c>
    </row>
    <row r="21054" spans="4:5" x14ac:dyDescent="0.25">
      <c r="D21054" s="6">
        <v>655.71339999999998</v>
      </c>
      <c r="E21054" s="6">
        <v>701</v>
      </c>
    </row>
    <row r="21055" spans="4:5" x14ac:dyDescent="0.25">
      <c r="D21055" s="6">
        <v>700.21810000000005</v>
      </c>
      <c r="E21055" s="6">
        <v>443.66210000000001</v>
      </c>
    </row>
    <row r="21056" spans="4:5" x14ac:dyDescent="0.25">
      <c r="D21056" s="6">
        <v>1170.4059999999999</v>
      </c>
      <c r="E21056" s="6">
        <v>842.00040000000001</v>
      </c>
    </row>
    <row r="21057" spans="4:5" x14ac:dyDescent="0.25">
      <c r="D21057" s="6">
        <v>899.78319999999997</v>
      </c>
      <c r="E21057" s="6">
        <v>560.45190000000002</v>
      </c>
    </row>
    <row r="21058" spans="4:5" x14ac:dyDescent="0.25">
      <c r="D21058" s="6">
        <v>1215.223</v>
      </c>
      <c r="E21058" s="6">
        <v>1679.902</v>
      </c>
    </row>
    <row r="21059" spans="4:5" x14ac:dyDescent="0.25">
      <c r="D21059" s="6">
        <v>2343.7370000000001</v>
      </c>
      <c r="E21059" s="6">
        <v>786.67290000000003</v>
      </c>
    </row>
    <row r="21060" spans="4:5" x14ac:dyDescent="0.25">
      <c r="D21060" s="6">
        <v>916.24839999999995</v>
      </c>
      <c r="E21060" s="6">
        <v>418.8057</v>
      </c>
    </row>
    <row r="21061" spans="4:5" x14ac:dyDescent="0.25">
      <c r="D21061" s="6">
        <v>4067.672</v>
      </c>
      <c r="E21061" s="6">
        <v>7969.7860000000001</v>
      </c>
    </row>
    <row r="21062" spans="4:5" x14ac:dyDescent="0.25">
      <c r="D21062" s="6">
        <v>644.02430000000004</v>
      </c>
      <c r="E21062" s="6">
        <v>783.85410000000002</v>
      </c>
    </row>
    <row r="21063" spans="4:5" x14ac:dyDescent="0.25">
      <c r="D21063" s="6">
        <v>1413.4929999999999</v>
      </c>
      <c r="E21063" s="6">
        <v>701.17110000000002</v>
      </c>
    </row>
    <row r="21064" spans="4:5" x14ac:dyDescent="0.25">
      <c r="D21064" s="6">
        <v>1235.213</v>
      </c>
      <c r="E21064" s="6">
        <v>1706.146</v>
      </c>
    </row>
    <row r="21065" spans="4:5" x14ac:dyDescent="0.25">
      <c r="D21065" s="6">
        <v>1320.7059999999999</v>
      </c>
      <c r="E21065" s="6">
        <v>508.54399999999998</v>
      </c>
    </row>
    <row r="21066" spans="4:5" x14ac:dyDescent="0.25">
      <c r="D21066" s="6">
        <v>713.94719999999995</v>
      </c>
      <c r="E21066" s="6">
        <v>11876</v>
      </c>
    </row>
    <row r="21067" spans="4:5" x14ac:dyDescent="0.25">
      <c r="D21067" s="6">
        <v>873.01409999999998</v>
      </c>
      <c r="E21067" s="6">
        <v>771.89009999999996</v>
      </c>
    </row>
    <row r="21068" spans="4:5" x14ac:dyDescent="0.25">
      <c r="D21068" s="6">
        <v>938.69579999999996</v>
      </c>
      <c r="E21068" s="6">
        <v>801.07169999999996</v>
      </c>
    </row>
    <row r="21069" spans="4:5" x14ac:dyDescent="0.25">
      <c r="D21069" s="6">
        <v>4959.7430000000004</v>
      </c>
      <c r="E21069" s="6">
        <v>1145.414</v>
      </c>
    </row>
    <row r="21070" spans="4:5" x14ac:dyDescent="0.25">
      <c r="D21070" s="6">
        <v>477.97500000000002</v>
      </c>
      <c r="E21070" s="6">
        <v>2496.7440000000001</v>
      </c>
    </row>
    <row r="21071" spans="4:5" x14ac:dyDescent="0.25">
      <c r="D21071" s="6">
        <v>617.26229999999998</v>
      </c>
      <c r="E21071" s="6">
        <v>694.58989999999994</v>
      </c>
    </row>
    <row r="21072" spans="4:5" x14ac:dyDescent="0.25">
      <c r="D21072" s="6">
        <v>2519</v>
      </c>
      <c r="E21072" s="6">
        <v>893.00130000000001</v>
      </c>
    </row>
    <row r="21073" spans="4:5" x14ac:dyDescent="0.25">
      <c r="D21073" s="6">
        <v>896.05020000000002</v>
      </c>
      <c r="E21073" s="6">
        <v>1294.125</v>
      </c>
    </row>
    <row r="21074" spans="4:5" x14ac:dyDescent="0.25">
      <c r="D21074" s="6">
        <v>637.02629999999999</v>
      </c>
      <c r="E21074" s="6">
        <v>725.47230000000002</v>
      </c>
    </row>
    <row r="21075" spans="4:5" x14ac:dyDescent="0.25">
      <c r="D21075" s="6">
        <v>3044.623</v>
      </c>
      <c r="E21075" s="6">
        <v>9303</v>
      </c>
    </row>
    <row r="21076" spans="4:5" x14ac:dyDescent="0.25">
      <c r="D21076" s="6">
        <v>965.07119999999998</v>
      </c>
      <c r="E21076" s="6">
        <v>996.30280000000005</v>
      </c>
    </row>
    <row r="21077" spans="4:5" x14ac:dyDescent="0.25">
      <c r="D21077" s="6">
        <v>3085</v>
      </c>
      <c r="E21077" s="6">
        <v>3088.8470000000002</v>
      </c>
    </row>
    <row r="21078" spans="4:5" x14ac:dyDescent="0.25">
      <c r="D21078" s="6">
        <v>2904.7919999999999</v>
      </c>
      <c r="E21078" s="6">
        <v>861.85839999999996</v>
      </c>
    </row>
    <row r="21079" spans="4:5" x14ac:dyDescent="0.25">
      <c r="D21079" s="6">
        <v>711.36440000000005</v>
      </c>
      <c r="E21079" s="6">
        <v>874.49829999999997</v>
      </c>
    </row>
    <row r="21080" spans="4:5" x14ac:dyDescent="0.25">
      <c r="D21080" s="6">
        <v>728.40660000000003</v>
      </c>
      <c r="E21080" s="6">
        <v>897.65989999999999</v>
      </c>
    </row>
    <row r="21081" spans="4:5" x14ac:dyDescent="0.25">
      <c r="D21081" s="6">
        <v>1559.75</v>
      </c>
      <c r="E21081" s="6">
        <v>1028.174</v>
      </c>
    </row>
    <row r="21082" spans="4:5" x14ac:dyDescent="0.25">
      <c r="D21082" s="6">
        <v>964.10270000000003</v>
      </c>
      <c r="E21082" s="6">
        <v>486.37</v>
      </c>
    </row>
    <row r="21083" spans="4:5" x14ac:dyDescent="0.25">
      <c r="D21083" s="6">
        <v>728.26020000000005</v>
      </c>
      <c r="E21083" s="6">
        <v>3497.5650000000001</v>
      </c>
    </row>
    <row r="21084" spans="4:5" x14ac:dyDescent="0.25">
      <c r="D21084" s="6">
        <v>1762.8209999999999</v>
      </c>
      <c r="E21084" s="6">
        <v>842.99239999999998</v>
      </c>
    </row>
    <row r="21085" spans="4:5" x14ac:dyDescent="0.25">
      <c r="D21085" s="6">
        <v>811</v>
      </c>
      <c r="E21085" s="6">
        <v>668.55319999999995</v>
      </c>
    </row>
    <row r="21086" spans="4:5" x14ac:dyDescent="0.25">
      <c r="D21086" s="6">
        <v>525.25930000000005</v>
      </c>
      <c r="E21086" s="6">
        <v>583.48379999999997</v>
      </c>
    </row>
    <row r="21087" spans="4:5" x14ac:dyDescent="0.25">
      <c r="D21087" s="6">
        <v>703.3039</v>
      </c>
      <c r="E21087" s="6">
        <v>754.97170000000006</v>
      </c>
    </row>
    <row r="21088" spans="4:5" x14ac:dyDescent="0.25">
      <c r="D21088" s="6">
        <v>547.10389999999995</v>
      </c>
      <c r="E21088" s="6">
        <v>1023.3</v>
      </c>
    </row>
    <row r="21089" spans="4:5" x14ac:dyDescent="0.25">
      <c r="D21089" s="6">
        <v>648.19299999999998</v>
      </c>
      <c r="E21089" s="6">
        <v>825.10649999999998</v>
      </c>
    </row>
    <row r="21090" spans="4:5" x14ac:dyDescent="0.25">
      <c r="D21090" s="6">
        <v>1536.67</v>
      </c>
      <c r="E21090" s="6">
        <v>764.19489999999996</v>
      </c>
    </row>
    <row r="21091" spans="4:5" x14ac:dyDescent="0.25">
      <c r="D21091" s="6">
        <v>998.00540000000001</v>
      </c>
      <c r="E21091" s="6">
        <v>4203.732</v>
      </c>
    </row>
    <row r="21092" spans="4:5" x14ac:dyDescent="0.25">
      <c r="D21092" s="6">
        <v>594.66160000000002</v>
      </c>
      <c r="E21092" s="6">
        <v>432.98219999999998</v>
      </c>
    </row>
    <row r="21093" spans="4:5" x14ac:dyDescent="0.25">
      <c r="D21093" s="6">
        <v>3949.6509999999998</v>
      </c>
      <c r="E21093" s="6">
        <v>4406.0590000000002</v>
      </c>
    </row>
    <row r="21094" spans="4:5" x14ac:dyDescent="0.25">
      <c r="D21094" s="6">
        <v>676.15719999999999</v>
      </c>
      <c r="E21094" s="6">
        <v>780.00260000000003</v>
      </c>
    </row>
    <row r="21095" spans="4:5" x14ac:dyDescent="0.25">
      <c r="D21095" s="6">
        <v>1385</v>
      </c>
      <c r="E21095" s="6">
        <v>495.08850000000001</v>
      </c>
    </row>
    <row r="21096" spans="4:5" x14ac:dyDescent="0.25">
      <c r="D21096" s="6">
        <v>570.61900000000003</v>
      </c>
      <c r="E21096" s="6">
        <v>774</v>
      </c>
    </row>
    <row r="21097" spans="4:5" x14ac:dyDescent="0.25">
      <c r="D21097" s="6">
        <v>725.04169999999999</v>
      </c>
      <c r="E21097" s="6">
        <v>1282.855</v>
      </c>
    </row>
    <row r="21098" spans="4:5" x14ac:dyDescent="0.25">
      <c r="D21098" s="6">
        <v>603.94740000000002</v>
      </c>
      <c r="E21098" s="6">
        <v>756.90319999999997</v>
      </c>
    </row>
    <row r="21099" spans="4:5" x14ac:dyDescent="0.25">
      <c r="D21099" s="6">
        <v>810.5</v>
      </c>
      <c r="E21099" s="6">
        <v>5345</v>
      </c>
    </row>
    <row r="21100" spans="4:5" x14ac:dyDescent="0.25">
      <c r="D21100" s="6">
        <v>1307.9090000000001</v>
      </c>
      <c r="E21100" s="6">
        <v>1056</v>
      </c>
    </row>
    <row r="21101" spans="4:5" x14ac:dyDescent="0.25">
      <c r="D21101" s="6">
        <v>1528.616</v>
      </c>
      <c r="E21101" s="6">
        <v>976.49580000000003</v>
      </c>
    </row>
    <row r="21102" spans="4:5" x14ac:dyDescent="0.25">
      <c r="D21102" s="6">
        <v>2749</v>
      </c>
      <c r="E21102" s="6">
        <v>1047.6030000000001</v>
      </c>
    </row>
    <row r="21103" spans="4:5" x14ac:dyDescent="0.25">
      <c r="D21103" s="6">
        <v>627.77539999999999</v>
      </c>
      <c r="E21103" s="6">
        <v>1039.027</v>
      </c>
    </row>
    <row r="21104" spans="4:5" x14ac:dyDescent="0.25">
      <c r="D21104" s="6">
        <v>941.56060000000002</v>
      </c>
      <c r="E21104" s="6">
        <v>560.07579999999996</v>
      </c>
    </row>
    <row r="21105" spans="4:5" x14ac:dyDescent="0.25">
      <c r="D21105" s="6">
        <v>1932.252</v>
      </c>
      <c r="E21105" s="6">
        <v>868.49540000000002</v>
      </c>
    </row>
    <row r="21106" spans="4:5" x14ac:dyDescent="0.25">
      <c r="D21106" s="6">
        <v>921.56200000000001</v>
      </c>
      <c r="E21106" s="6">
        <v>541.95950000000005</v>
      </c>
    </row>
    <row r="21107" spans="4:5" x14ac:dyDescent="0.25">
      <c r="D21107" s="6">
        <v>698.02800000000002</v>
      </c>
      <c r="E21107" s="6">
        <v>694.02850000000001</v>
      </c>
    </row>
    <row r="21108" spans="4:5" x14ac:dyDescent="0.25">
      <c r="D21108" s="6">
        <v>415.92590000000001</v>
      </c>
      <c r="E21108" s="6">
        <v>627.98599999999999</v>
      </c>
    </row>
    <row r="21109" spans="4:5" x14ac:dyDescent="0.25">
      <c r="D21109" s="6">
        <v>969.66669999999999</v>
      </c>
      <c r="E21109" s="6">
        <v>6842.2870000000003</v>
      </c>
    </row>
    <row r="21110" spans="4:5" x14ac:dyDescent="0.25">
      <c r="D21110" s="6">
        <v>2572.4360000000001</v>
      </c>
      <c r="E21110" s="6">
        <v>806.95159999999998</v>
      </c>
    </row>
    <row r="21111" spans="4:5" x14ac:dyDescent="0.25">
      <c r="D21111" s="6">
        <v>1656.558</v>
      </c>
      <c r="E21111" s="6">
        <v>613.30889999999999</v>
      </c>
    </row>
    <row r="21112" spans="4:5" x14ac:dyDescent="0.25">
      <c r="D21112" s="6">
        <v>858.32960000000003</v>
      </c>
      <c r="E21112" s="6">
        <v>541.7423</v>
      </c>
    </row>
    <row r="21113" spans="4:5" x14ac:dyDescent="0.25">
      <c r="D21113" s="6">
        <v>2771.1390000000001</v>
      </c>
      <c r="E21113" s="6">
        <v>1800.2190000000001</v>
      </c>
    </row>
    <row r="21114" spans="4:5" x14ac:dyDescent="0.25">
      <c r="D21114" s="6">
        <v>1785.365</v>
      </c>
      <c r="E21114" s="6">
        <v>1126.6189999999999</v>
      </c>
    </row>
    <row r="21115" spans="4:5" x14ac:dyDescent="0.25">
      <c r="D21115" s="6">
        <v>1767.2850000000001</v>
      </c>
      <c r="E21115" s="6">
        <v>666.3202</v>
      </c>
    </row>
    <row r="21116" spans="4:5" x14ac:dyDescent="0.25">
      <c r="D21116" s="6">
        <v>837.02949999999998</v>
      </c>
      <c r="E21116" s="6">
        <v>8585.3330000000005</v>
      </c>
    </row>
    <row r="21117" spans="4:5" x14ac:dyDescent="0.25">
      <c r="D21117" s="6">
        <v>835.86869999999999</v>
      </c>
      <c r="E21117" s="6">
        <v>8637.4390000000003</v>
      </c>
    </row>
    <row r="21118" spans="4:5" x14ac:dyDescent="0.25">
      <c r="D21118" s="6">
        <v>927.3</v>
      </c>
      <c r="E21118" s="6">
        <v>6029.49</v>
      </c>
    </row>
    <row r="21119" spans="4:5" x14ac:dyDescent="0.25">
      <c r="D21119" s="6">
        <v>487.75</v>
      </c>
      <c r="E21119" s="6">
        <v>580.53639999999996</v>
      </c>
    </row>
    <row r="21120" spans="4:5" x14ac:dyDescent="0.25">
      <c r="D21120" s="6">
        <v>882.59100000000001</v>
      </c>
      <c r="E21120" s="6">
        <v>1129.9259999999999</v>
      </c>
    </row>
    <row r="21121" spans="4:5" x14ac:dyDescent="0.25">
      <c r="D21121" s="6">
        <v>1809.3330000000001</v>
      </c>
      <c r="E21121" s="6">
        <v>652</v>
      </c>
    </row>
    <row r="21122" spans="4:5" x14ac:dyDescent="0.25">
      <c r="D21122" s="6">
        <v>585.83420000000001</v>
      </c>
      <c r="E21122" s="6">
        <v>580.875</v>
      </c>
    </row>
    <row r="21123" spans="4:5" x14ac:dyDescent="0.25">
      <c r="D21123" s="6">
        <v>2603.5</v>
      </c>
      <c r="E21123" s="6">
        <v>495.77699999999999</v>
      </c>
    </row>
    <row r="21124" spans="4:5" x14ac:dyDescent="0.25">
      <c r="D21124" s="6">
        <v>529.4796</v>
      </c>
      <c r="E21124" s="6">
        <v>730.70050000000003</v>
      </c>
    </row>
    <row r="21125" spans="4:5" x14ac:dyDescent="0.25">
      <c r="D21125" s="6">
        <v>847.45989999999995</v>
      </c>
      <c r="E21125" s="6">
        <v>504.83879999999999</v>
      </c>
    </row>
    <row r="21126" spans="4:5" x14ac:dyDescent="0.25">
      <c r="D21126" s="6">
        <v>2807.3879999999999</v>
      </c>
      <c r="E21126" s="6">
        <v>999.49270000000001</v>
      </c>
    </row>
    <row r="21127" spans="4:5" x14ac:dyDescent="0.25">
      <c r="D21127" s="6">
        <v>553.65419999999995</v>
      </c>
      <c r="E21127" s="6">
        <v>870.42949999999996</v>
      </c>
    </row>
    <row r="21128" spans="4:5" x14ac:dyDescent="0.25">
      <c r="D21128" s="6">
        <v>1066.548</v>
      </c>
      <c r="E21128" s="6">
        <v>515.03949999999998</v>
      </c>
    </row>
    <row r="21129" spans="4:5" x14ac:dyDescent="0.25">
      <c r="D21129" s="6">
        <v>727.97580000000005</v>
      </c>
      <c r="E21129" s="6">
        <v>662.95240000000001</v>
      </c>
    </row>
    <row r="21130" spans="4:5" x14ac:dyDescent="0.25">
      <c r="D21130" s="6">
        <v>556.80830000000003</v>
      </c>
      <c r="E21130" s="6">
        <v>729.85329999999999</v>
      </c>
    </row>
    <row r="21131" spans="4:5" x14ac:dyDescent="0.25">
      <c r="D21131" s="6">
        <v>593.93610000000001</v>
      </c>
      <c r="E21131" s="6">
        <v>597.78</v>
      </c>
    </row>
    <row r="21132" spans="4:5" x14ac:dyDescent="0.25">
      <c r="D21132" s="6">
        <v>666.09410000000003</v>
      </c>
      <c r="E21132" s="6">
        <v>953.05679999999995</v>
      </c>
    </row>
    <row r="21133" spans="4:5" x14ac:dyDescent="0.25">
      <c r="D21133" s="6">
        <v>909.83839999999998</v>
      </c>
      <c r="E21133" s="6">
        <v>548.37040000000002</v>
      </c>
    </row>
    <row r="21134" spans="4:5" x14ac:dyDescent="0.25">
      <c r="D21134" s="6">
        <v>136.72980000000001</v>
      </c>
      <c r="E21134" s="6">
        <v>1290.2</v>
      </c>
    </row>
    <row r="21135" spans="4:5" x14ac:dyDescent="0.25">
      <c r="D21135" s="6">
        <v>863.34450000000004</v>
      </c>
      <c r="E21135" s="6">
        <v>846.73350000000005</v>
      </c>
    </row>
    <row r="21136" spans="4:5" x14ac:dyDescent="0.25">
      <c r="D21136" s="6">
        <v>1977</v>
      </c>
      <c r="E21136" s="6">
        <v>894.81870000000004</v>
      </c>
    </row>
    <row r="21137" spans="4:5" x14ac:dyDescent="0.25">
      <c r="D21137" s="6">
        <v>1986.6</v>
      </c>
      <c r="E21137" s="6">
        <v>2311.0030000000002</v>
      </c>
    </row>
    <row r="21138" spans="4:5" x14ac:dyDescent="0.25">
      <c r="D21138" s="6">
        <v>2005.0909999999999</v>
      </c>
      <c r="E21138" s="6">
        <v>787.31809999999996</v>
      </c>
    </row>
    <row r="21139" spans="4:5" x14ac:dyDescent="0.25">
      <c r="D21139" s="6">
        <v>1737</v>
      </c>
      <c r="E21139" s="6">
        <v>1658.556</v>
      </c>
    </row>
    <row r="21140" spans="4:5" x14ac:dyDescent="0.25">
      <c r="D21140" s="6">
        <v>631.41669999999999</v>
      </c>
      <c r="E21140" s="6">
        <v>767.30420000000004</v>
      </c>
    </row>
    <row r="21141" spans="4:5" x14ac:dyDescent="0.25">
      <c r="D21141" s="6">
        <v>5162.915</v>
      </c>
      <c r="E21141" s="6">
        <v>600.41179999999997</v>
      </c>
    </row>
    <row r="21142" spans="4:5" x14ac:dyDescent="0.25">
      <c r="D21142" s="6">
        <v>554.38490000000002</v>
      </c>
      <c r="E21142" s="6">
        <v>15816.86</v>
      </c>
    </row>
    <row r="21143" spans="4:5" x14ac:dyDescent="0.25">
      <c r="D21143" s="6">
        <v>3706.817</v>
      </c>
      <c r="E21143" s="6">
        <v>761.0222</v>
      </c>
    </row>
    <row r="21144" spans="4:5" x14ac:dyDescent="0.25">
      <c r="D21144" s="6">
        <v>3005</v>
      </c>
      <c r="E21144" s="6">
        <v>516.18299999999999</v>
      </c>
    </row>
    <row r="21145" spans="4:5" x14ac:dyDescent="0.25">
      <c r="D21145" s="6">
        <v>1596.1559999999999</v>
      </c>
      <c r="E21145" s="6">
        <v>1038</v>
      </c>
    </row>
    <row r="21146" spans="4:5" x14ac:dyDescent="0.25">
      <c r="D21146" s="6">
        <v>665.43290000000002</v>
      </c>
      <c r="E21146" s="6">
        <v>846.27610000000004</v>
      </c>
    </row>
    <row r="21147" spans="4:5" x14ac:dyDescent="0.25">
      <c r="D21147" s="6">
        <v>1686</v>
      </c>
      <c r="E21147" s="6">
        <v>686.99270000000001</v>
      </c>
    </row>
    <row r="21148" spans="4:5" x14ac:dyDescent="0.25">
      <c r="D21148" s="6">
        <v>995.30589999999995</v>
      </c>
      <c r="E21148" s="6">
        <v>1390</v>
      </c>
    </row>
    <row r="21149" spans="4:5" x14ac:dyDescent="0.25">
      <c r="D21149" s="6">
        <v>1674.963</v>
      </c>
      <c r="E21149" s="6">
        <v>6518.8940000000002</v>
      </c>
    </row>
    <row r="21150" spans="4:5" x14ac:dyDescent="0.25">
      <c r="D21150" s="6">
        <v>1704.5909999999999</v>
      </c>
      <c r="E21150" s="6">
        <v>1112.9770000000001</v>
      </c>
    </row>
    <row r="21151" spans="4:5" x14ac:dyDescent="0.25">
      <c r="D21151" s="6">
        <v>1728.6669999999999</v>
      </c>
      <c r="E21151" s="6">
        <v>721.91129999999998</v>
      </c>
    </row>
    <row r="21152" spans="4:5" x14ac:dyDescent="0.25">
      <c r="D21152" s="6">
        <v>810.47320000000002</v>
      </c>
      <c r="E21152" s="6">
        <v>545.02760000000001</v>
      </c>
    </row>
    <row r="21153" spans="4:5" x14ac:dyDescent="0.25">
      <c r="D21153" s="6">
        <v>856</v>
      </c>
      <c r="E21153" s="6">
        <v>676.87890000000004</v>
      </c>
    </row>
    <row r="21154" spans="4:5" x14ac:dyDescent="0.25">
      <c r="D21154" s="6">
        <v>940.27509999999995</v>
      </c>
      <c r="E21154" s="6">
        <v>556.10360000000003</v>
      </c>
    </row>
    <row r="21155" spans="4:5" x14ac:dyDescent="0.25">
      <c r="D21155" s="6">
        <v>1990.1669999999999</v>
      </c>
      <c r="E21155" s="6">
        <v>696.15639999999996</v>
      </c>
    </row>
    <row r="21156" spans="4:5" x14ac:dyDescent="0.25">
      <c r="D21156" s="6">
        <v>1526.4</v>
      </c>
      <c r="E21156" s="6">
        <v>726.51610000000005</v>
      </c>
    </row>
    <row r="21157" spans="4:5" x14ac:dyDescent="0.25">
      <c r="D21157" s="6">
        <v>702.875</v>
      </c>
      <c r="E21157" s="6">
        <v>933.10360000000003</v>
      </c>
    </row>
    <row r="21158" spans="4:5" x14ac:dyDescent="0.25">
      <c r="D21158" s="6">
        <v>509.4228</v>
      </c>
      <c r="E21158" s="6">
        <v>694.19410000000005</v>
      </c>
    </row>
    <row r="21159" spans="4:5" x14ac:dyDescent="0.25">
      <c r="D21159" s="6">
        <v>1053.818</v>
      </c>
      <c r="E21159" s="6">
        <v>3041.1590000000001</v>
      </c>
    </row>
    <row r="21160" spans="4:5" x14ac:dyDescent="0.25">
      <c r="D21160" s="6">
        <v>880.66669999999999</v>
      </c>
      <c r="E21160" s="6">
        <v>6454.0609999999997</v>
      </c>
    </row>
    <row r="21161" spans="4:5" x14ac:dyDescent="0.25">
      <c r="D21161" s="6">
        <v>614.09169999999995</v>
      </c>
      <c r="E21161" s="6">
        <v>1062.7760000000001</v>
      </c>
    </row>
    <row r="21162" spans="4:5" x14ac:dyDescent="0.25">
      <c r="D21162" s="6">
        <v>535.74639999999999</v>
      </c>
      <c r="E21162" s="6">
        <v>1612.7139999999999</v>
      </c>
    </row>
    <row r="21163" spans="4:5" x14ac:dyDescent="0.25">
      <c r="D21163" s="6">
        <v>690.32129999999995</v>
      </c>
      <c r="E21163" s="6">
        <v>1319.83</v>
      </c>
    </row>
    <row r="21164" spans="4:5" x14ac:dyDescent="0.25">
      <c r="D21164" s="6">
        <v>641.70650000000001</v>
      </c>
      <c r="E21164" s="6">
        <v>553.85760000000005</v>
      </c>
    </row>
    <row r="21165" spans="4:5" x14ac:dyDescent="0.25">
      <c r="D21165" s="6">
        <v>768</v>
      </c>
      <c r="E21165" s="6">
        <v>787.51840000000004</v>
      </c>
    </row>
    <row r="21166" spans="4:5" x14ac:dyDescent="0.25">
      <c r="D21166" s="6">
        <v>1718.5</v>
      </c>
      <c r="E21166" s="6">
        <v>784.02459999999996</v>
      </c>
    </row>
    <row r="21167" spans="4:5" x14ac:dyDescent="0.25">
      <c r="D21167" s="6">
        <v>1370</v>
      </c>
      <c r="E21167" s="6">
        <v>12041.51</v>
      </c>
    </row>
    <row r="21168" spans="4:5" x14ac:dyDescent="0.25">
      <c r="D21168" s="6">
        <v>3320</v>
      </c>
      <c r="E21168" s="6">
        <v>907.75360000000001</v>
      </c>
    </row>
    <row r="21169" spans="4:5" x14ac:dyDescent="0.25">
      <c r="D21169" s="6">
        <v>1445.75</v>
      </c>
      <c r="E21169" s="6">
        <v>977.2482</v>
      </c>
    </row>
    <row r="21170" spans="4:5" x14ac:dyDescent="0.25">
      <c r="D21170" s="6">
        <v>2224.029</v>
      </c>
      <c r="E21170" s="6">
        <v>1019.979</v>
      </c>
    </row>
    <row r="21171" spans="4:5" x14ac:dyDescent="0.25">
      <c r="D21171" s="6">
        <v>2005.9380000000001</v>
      </c>
      <c r="E21171" s="6">
        <v>865.48140000000001</v>
      </c>
    </row>
    <row r="21172" spans="4:5" x14ac:dyDescent="0.25">
      <c r="D21172" s="6">
        <v>2469.5</v>
      </c>
      <c r="E21172" s="6">
        <v>1391.6130000000001</v>
      </c>
    </row>
    <row r="21173" spans="4:5" x14ac:dyDescent="0.25">
      <c r="D21173" s="6">
        <v>874</v>
      </c>
      <c r="E21173" s="6">
        <v>885.79669999999999</v>
      </c>
    </row>
    <row r="21174" spans="4:5" x14ac:dyDescent="0.25">
      <c r="D21174" s="6">
        <v>3393.681</v>
      </c>
      <c r="E21174" s="6">
        <v>1001.884</v>
      </c>
    </row>
    <row r="21175" spans="4:5" x14ac:dyDescent="0.25">
      <c r="D21175" s="6">
        <v>1393.5940000000001</v>
      </c>
      <c r="E21175" s="6">
        <v>994.15039999999999</v>
      </c>
    </row>
    <row r="21176" spans="4:5" x14ac:dyDescent="0.25">
      <c r="D21176" s="6">
        <v>1192.367</v>
      </c>
      <c r="E21176" s="6">
        <v>935.83510000000001</v>
      </c>
    </row>
    <row r="21177" spans="4:5" x14ac:dyDescent="0.25">
      <c r="D21177" s="6">
        <v>581.86959999999999</v>
      </c>
      <c r="E21177" s="6">
        <v>941.91279999999995</v>
      </c>
    </row>
    <row r="21178" spans="4:5" x14ac:dyDescent="0.25">
      <c r="D21178" s="6">
        <v>541.11440000000005</v>
      </c>
      <c r="E21178" s="6">
        <v>2131.7539999999999</v>
      </c>
    </row>
    <row r="21179" spans="4:5" x14ac:dyDescent="0.25">
      <c r="D21179" s="6">
        <v>1420.1959999999999</v>
      </c>
      <c r="E21179" s="6">
        <v>571.9316</v>
      </c>
    </row>
    <row r="21180" spans="4:5" x14ac:dyDescent="0.25">
      <c r="D21180" s="6">
        <v>2168</v>
      </c>
      <c r="E21180" s="6">
        <v>6712.4</v>
      </c>
    </row>
    <row r="21181" spans="4:5" x14ac:dyDescent="0.25">
      <c r="D21181" s="6">
        <v>827.6386</v>
      </c>
      <c r="E21181" s="6">
        <v>1027.365</v>
      </c>
    </row>
    <row r="21182" spans="4:5" x14ac:dyDescent="0.25">
      <c r="D21182" s="6">
        <v>632.27610000000004</v>
      </c>
      <c r="E21182" s="6">
        <v>2446.9789999999998</v>
      </c>
    </row>
    <row r="21183" spans="4:5" x14ac:dyDescent="0.25">
      <c r="D21183" s="6">
        <v>634.5625</v>
      </c>
      <c r="E21183" s="6">
        <v>5662.9939999999997</v>
      </c>
    </row>
    <row r="21184" spans="4:5" x14ac:dyDescent="0.25">
      <c r="D21184" s="6">
        <v>520.18299999999999</v>
      </c>
      <c r="E21184" s="6">
        <v>9649.0720000000001</v>
      </c>
    </row>
    <row r="21185" spans="4:5" x14ac:dyDescent="0.25">
      <c r="D21185" s="6">
        <v>1302.7860000000001</v>
      </c>
      <c r="E21185" s="6">
        <v>995.49199999999996</v>
      </c>
    </row>
    <row r="21186" spans="4:5" x14ac:dyDescent="0.25">
      <c r="D21186" s="6">
        <v>957.54549999999995</v>
      </c>
      <c r="E21186" s="6">
        <v>8267.3520000000008</v>
      </c>
    </row>
    <row r="21187" spans="4:5" x14ac:dyDescent="0.25">
      <c r="D21187" s="6">
        <v>612.91430000000003</v>
      </c>
      <c r="E21187" s="6">
        <v>7029.7420000000002</v>
      </c>
    </row>
    <row r="21188" spans="4:5" x14ac:dyDescent="0.25">
      <c r="D21188" s="6">
        <v>1121.9290000000001</v>
      </c>
      <c r="E21188" s="6">
        <v>1078.0740000000001</v>
      </c>
    </row>
    <row r="21189" spans="4:5" x14ac:dyDescent="0.25">
      <c r="D21189" s="6">
        <v>1215.615</v>
      </c>
      <c r="E21189" s="6">
        <v>545.09929999999997</v>
      </c>
    </row>
    <row r="21190" spans="4:5" x14ac:dyDescent="0.25">
      <c r="D21190" s="6">
        <v>685.5625</v>
      </c>
      <c r="E21190" s="6">
        <v>9833.1869999999999</v>
      </c>
    </row>
    <row r="21191" spans="4:5" x14ac:dyDescent="0.25">
      <c r="D21191" s="6">
        <v>678.45450000000005</v>
      </c>
      <c r="E21191" s="6">
        <v>746.9298</v>
      </c>
    </row>
    <row r="21192" spans="4:5" x14ac:dyDescent="0.25">
      <c r="D21192" s="6">
        <v>1100.604</v>
      </c>
      <c r="E21192" s="6">
        <v>714.63279999999997</v>
      </c>
    </row>
    <row r="21193" spans="4:5" x14ac:dyDescent="0.25">
      <c r="D21193" s="6">
        <v>1020.889</v>
      </c>
      <c r="E21193" s="6">
        <v>520.14869999999996</v>
      </c>
    </row>
    <row r="21194" spans="4:5" x14ac:dyDescent="0.25">
      <c r="D21194" s="6">
        <v>842.44439999999997</v>
      </c>
      <c r="E21194" s="6">
        <v>618.3913</v>
      </c>
    </row>
    <row r="21195" spans="4:5" x14ac:dyDescent="0.25">
      <c r="D21195" s="6">
        <v>775.70479999999998</v>
      </c>
      <c r="E21195" s="6">
        <v>779.40179999999998</v>
      </c>
    </row>
    <row r="21196" spans="4:5" x14ac:dyDescent="0.25">
      <c r="D21196" s="6">
        <v>676.66669999999999</v>
      </c>
      <c r="E21196" s="6">
        <v>1110.8019999999999</v>
      </c>
    </row>
    <row r="21197" spans="4:5" x14ac:dyDescent="0.25">
      <c r="D21197" s="6">
        <v>3241.0709999999999</v>
      </c>
      <c r="E21197" s="6">
        <v>889</v>
      </c>
    </row>
    <row r="21198" spans="4:5" x14ac:dyDescent="0.25">
      <c r="D21198" s="6">
        <v>1361.3510000000001</v>
      </c>
      <c r="E21198" s="6">
        <v>969.80560000000003</v>
      </c>
    </row>
    <row r="21199" spans="4:5" x14ac:dyDescent="0.25">
      <c r="D21199" s="6">
        <v>801</v>
      </c>
      <c r="E21199" s="6">
        <v>913.25559999999996</v>
      </c>
    </row>
    <row r="21200" spans="4:5" x14ac:dyDescent="0.25">
      <c r="D21200" s="6">
        <v>1905.5</v>
      </c>
      <c r="E21200" s="6">
        <v>902.86559999999997</v>
      </c>
    </row>
    <row r="21201" spans="4:5" x14ac:dyDescent="0.25">
      <c r="D21201" s="6">
        <v>500.39490000000001</v>
      </c>
      <c r="E21201" s="6">
        <v>754.42240000000004</v>
      </c>
    </row>
    <row r="21202" spans="4:5" x14ac:dyDescent="0.25">
      <c r="D21202" s="6">
        <v>493.67700000000002</v>
      </c>
      <c r="E21202" s="6">
        <v>1280.9590000000001</v>
      </c>
    </row>
    <row r="21203" spans="4:5" x14ac:dyDescent="0.25">
      <c r="D21203" s="6">
        <v>2189.0830000000001</v>
      </c>
      <c r="E21203" s="6">
        <v>6004.1239999999998</v>
      </c>
    </row>
    <row r="21204" spans="4:5" x14ac:dyDescent="0.25">
      <c r="D21204" s="6">
        <v>1548.75</v>
      </c>
      <c r="E21204" s="6">
        <v>770.11220000000003</v>
      </c>
    </row>
    <row r="21205" spans="4:5" x14ac:dyDescent="0.25">
      <c r="D21205" s="6">
        <v>992</v>
      </c>
      <c r="E21205" s="6">
        <v>767.49659999999994</v>
      </c>
    </row>
    <row r="21206" spans="4:5" x14ac:dyDescent="0.25">
      <c r="D21206" s="6">
        <v>1453.181</v>
      </c>
      <c r="E21206" s="6">
        <v>1431.386</v>
      </c>
    </row>
    <row r="21207" spans="4:5" x14ac:dyDescent="0.25">
      <c r="D21207" s="6">
        <v>1301</v>
      </c>
      <c r="E21207" s="6">
        <v>9239.8989999999994</v>
      </c>
    </row>
    <row r="21208" spans="4:5" x14ac:dyDescent="0.25">
      <c r="D21208" s="6">
        <v>641.01980000000003</v>
      </c>
      <c r="E21208" s="6">
        <v>2039.63</v>
      </c>
    </row>
    <row r="21209" spans="4:5" x14ac:dyDescent="0.25">
      <c r="D21209" s="6">
        <v>689.73149999999998</v>
      </c>
      <c r="E21209" s="6">
        <v>3099.7370000000001</v>
      </c>
    </row>
    <row r="21210" spans="4:5" x14ac:dyDescent="0.25">
      <c r="D21210" s="6">
        <v>546.73299999999995</v>
      </c>
      <c r="E21210" s="6">
        <v>671.05520000000001</v>
      </c>
    </row>
    <row r="21211" spans="4:5" x14ac:dyDescent="0.25">
      <c r="D21211" s="6">
        <v>1007.667</v>
      </c>
      <c r="E21211" s="6">
        <v>961.79409999999996</v>
      </c>
    </row>
    <row r="21212" spans="4:5" x14ac:dyDescent="0.25">
      <c r="D21212" s="6">
        <v>1996</v>
      </c>
      <c r="E21212" s="6">
        <v>659.77009999999996</v>
      </c>
    </row>
    <row r="21213" spans="4:5" x14ac:dyDescent="0.25">
      <c r="D21213" s="6">
        <v>765.39350000000002</v>
      </c>
      <c r="E21213" s="6">
        <v>922.48760000000004</v>
      </c>
    </row>
    <row r="21214" spans="4:5" x14ac:dyDescent="0.25">
      <c r="D21214" s="6">
        <v>647.95579999999995</v>
      </c>
      <c r="E21214" s="6">
        <v>7649.915</v>
      </c>
    </row>
    <row r="21215" spans="4:5" x14ac:dyDescent="0.25">
      <c r="D21215" s="6">
        <v>1560.394</v>
      </c>
      <c r="E21215" s="6">
        <v>997.84209999999996</v>
      </c>
    </row>
    <row r="21216" spans="4:5" x14ac:dyDescent="0.25">
      <c r="D21216" s="6">
        <v>470.32310000000001</v>
      </c>
      <c r="E21216" s="6">
        <v>765.5453</v>
      </c>
    </row>
    <row r="21217" spans="4:5" x14ac:dyDescent="0.25">
      <c r="D21217" s="6">
        <v>684.91269999999997</v>
      </c>
      <c r="E21217" s="6">
        <v>482.74630000000002</v>
      </c>
    </row>
    <row r="21218" spans="4:5" x14ac:dyDescent="0.25">
      <c r="D21218" s="6">
        <v>706.83330000000001</v>
      </c>
      <c r="E21218" s="6">
        <v>504.54289999999997</v>
      </c>
    </row>
    <row r="21219" spans="4:5" x14ac:dyDescent="0.25">
      <c r="D21219" s="6">
        <v>1577.277</v>
      </c>
      <c r="E21219" s="6">
        <v>852.59220000000005</v>
      </c>
    </row>
    <row r="21220" spans="4:5" x14ac:dyDescent="0.25">
      <c r="D21220" s="6">
        <v>2343.6669999999999</v>
      </c>
      <c r="E21220" s="6">
        <v>993.45699999999999</v>
      </c>
    </row>
    <row r="21221" spans="4:5" x14ac:dyDescent="0.25">
      <c r="D21221" s="6">
        <v>1228.2449999999999</v>
      </c>
      <c r="E21221" s="6">
        <v>1228.2529999999999</v>
      </c>
    </row>
    <row r="21222" spans="4:5" x14ac:dyDescent="0.25">
      <c r="D21222" s="6">
        <v>1224.4570000000001</v>
      </c>
      <c r="E21222" s="6">
        <v>1390.886</v>
      </c>
    </row>
    <row r="21223" spans="4:5" x14ac:dyDescent="0.25">
      <c r="D21223" s="6">
        <v>1799.8</v>
      </c>
      <c r="E21223" s="6">
        <v>970.79190000000006</v>
      </c>
    </row>
    <row r="21224" spans="4:5" x14ac:dyDescent="0.25">
      <c r="D21224" s="6">
        <v>656.89290000000005</v>
      </c>
      <c r="E21224" s="6">
        <v>1252.0899999999999</v>
      </c>
    </row>
    <row r="21225" spans="4:5" x14ac:dyDescent="0.25">
      <c r="D21225" s="6">
        <v>2302.933</v>
      </c>
      <c r="E21225" s="6">
        <v>524.93970000000002</v>
      </c>
    </row>
    <row r="21226" spans="4:5" x14ac:dyDescent="0.25">
      <c r="D21226" s="6">
        <v>884.33330000000001</v>
      </c>
      <c r="E21226" s="6">
        <v>640.93719999999996</v>
      </c>
    </row>
    <row r="21227" spans="4:5" x14ac:dyDescent="0.25">
      <c r="D21227" s="6">
        <v>1108.0989999999999</v>
      </c>
      <c r="E21227" s="6">
        <v>804.99480000000005</v>
      </c>
    </row>
    <row r="21228" spans="4:5" x14ac:dyDescent="0.25">
      <c r="D21228" s="6">
        <v>1389.8409999999999</v>
      </c>
      <c r="E21228" s="6">
        <v>1852</v>
      </c>
    </row>
    <row r="21229" spans="4:5" x14ac:dyDescent="0.25">
      <c r="D21229" s="6">
        <v>553.12819999999999</v>
      </c>
      <c r="E21229" s="6">
        <v>2296.4450000000002</v>
      </c>
    </row>
    <row r="21230" spans="4:5" x14ac:dyDescent="0.25">
      <c r="D21230" s="6">
        <v>755.3415</v>
      </c>
      <c r="E21230" s="6">
        <v>1092.759</v>
      </c>
    </row>
    <row r="21231" spans="4:5" x14ac:dyDescent="0.25">
      <c r="D21231" s="6">
        <v>1760.479</v>
      </c>
      <c r="E21231" s="6">
        <v>1027.771</v>
      </c>
    </row>
    <row r="21232" spans="4:5" x14ac:dyDescent="0.25">
      <c r="D21232" s="6">
        <v>2399.134</v>
      </c>
      <c r="E21232" s="6">
        <v>864.48260000000005</v>
      </c>
    </row>
    <row r="21233" spans="4:5" x14ac:dyDescent="0.25">
      <c r="D21233" s="6">
        <v>778</v>
      </c>
      <c r="E21233" s="6">
        <v>864.67100000000005</v>
      </c>
    </row>
    <row r="21234" spans="4:5" x14ac:dyDescent="0.25">
      <c r="D21234" s="6">
        <v>1530</v>
      </c>
      <c r="E21234" s="6">
        <v>663.93140000000005</v>
      </c>
    </row>
    <row r="21235" spans="4:5" x14ac:dyDescent="0.25">
      <c r="D21235" s="6">
        <v>571.05960000000005</v>
      </c>
      <c r="E21235" s="6">
        <v>710.14340000000004</v>
      </c>
    </row>
    <row r="21236" spans="4:5" x14ac:dyDescent="0.25">
      <c r="D21236" s="6">
        <v>1763</v>
      </c>
      <c r="E21236" s="6">
        <v>1033.8</v>
      </c>
    </row>
    <row r="21237" spans="4:5" x14ac:dyDescent="0.25">
      <c r="D21237" s="6">
        <v>2200.625</v>
      </c>
      <c r="E21237" s="6">
        <v>5606.835</v>
      </c>
    </row>
    <row r="21238" spans="4:5" x14ac:dyDescent="0.25">
      <c r="D21238" s="6">
        <v>1655.6669999999999</v>
      </c>
      <c r="E21238" s="6">
        <v>1374.1130000000001</v>
      </c>
    </row>
    <row r="21239" spans="4:5" x14ac:dyDescent="0.25">
      <c r="D21239" s="6">
        <v>941.08699999999999</v>
      </c>
      <c r="E21239" s="6">
        <v>880.94749999999999</v>
      </c>
    </row>
    <row r="21240" spans="4:5" x14ac:dyDescent="0.25">
      <c r="D21240" s="6">
        <v>1764.136</v>
      </c>
      <c r="E21240" s="6">
        <v>3149.634</v>
      </c>
    </row>
    <row r="21241" spans="4:5" x14ac:dyDescent="0.25">
      <c r="D21241" s="6">
        <v>1235.962</v>
      </c>
      <c r="E21241" s="6">
        <v>765.77020000000005</v>
      </c>
    </row>
    <row r="21242" spans="4:5" x14ac:dyDescent="0.25">
      <c r="D21242" s="6">
        <v>1778.6</v>
      </c>
      <c r="E21242" s="6">
        <v>815.74549999999999</v>
      </c>
    </row>
    <row r="21243" spans="4:5" x14ac:dyDescent="0.25">
      <c r="D21243" s="6">
        <v>784.90179999999998</v>
      </c>
      <c r="E21243" s="6">
        <v>1628.704</v>
      </c>
    </row>
    <row r="21244" spans="4:5" x14ac:dyDescent="0.25">
      <c r="D21244" s="6">
        <v>849.09280000000001</v>
      </c>
      <c r="E21244" s="6">
        <v>665.96199999999999</v>
      </c>
    </row>
    <row r="21245" spans="4:5" x14ac:dyDescent="0.25">
      <c r="D21245" s="6">
        <v>496.66329999999999</v>
      </c>
      <c r="E21245" s="6">
        <v>771.44209999999998</v>
      </c>
    </row>
    <row r="21246" spans="4:5" x14ac:dyDescent="0.25">
      <c r="D21246" s="6">
        <v>735.13329999999996</v>
      </c>
      <c r="E21246" s="6">
        <v>848</v>
      </c>
    </row>
    <row r="21247" spans="4:5" x14ac:dyDescent="0.25">
      <c r="D21247" s="6">
        <v>919.29010000000005</v>
      </c>
      <c r="E21247" s="6">
        <v>615.17840000000001</v>
      </c>
    </row>
    <row r="21248" spans="4:5" x14ac:dyDescent="0.25">
      <c r="D21248" s="6">
        <v>734.75</v>
      </c>
      <c r="E21248" s="6">
        <v>6661.2740000000003</v>
      </c>
    </row>
    <row r="21249" spans="4:5" x14ac:dyDescent="0.25">
      <c r="D21249" s="6">
        <v>655.94380000000001</v>
      </c>
      <c r="E21249" s="6">
        <v>697.31050000000005</v>
      </c>
    </row>
    <row r="21250" spans="4:5" x14ac:dyDescent="0.25">
      <c r="D21250" s="6">
        <v>830.75</v>
      </c>
      <c r="E21250" s="6">
        <v>685.17470000000003</v>
      </c>
    </row>
    <row r="21251" spans="4:5" x14ac:dyDescent="0.25">
      <c r="D21251" s="6">
        <v>825.57470000000001</v>
      </c>
      <c r="E21251" s="6">
        <v>506.48239999999998</v>
      </c>
    </row>
    <row r="21252" spans="4:5" x14ac:dyDescent="0.25">
      <c r="D21252" s="6">
        <v>907.74450000000002</v>
      </c>
      <c r="E21252" s="6">
        <v>878.23440000000005</v>
      </c>
    </row>
    <row r="21253" spans="4:5" x14ac:dyDescent="0.25">
      <c r="D21253" s="6">
        <v>494.17349999999999</v>
      </c>
      <c r="E21253" s="6">
        <v>3233.1660000000002</v>
      </c>
    </row>
    <row r="21254" spans="4:5" x14ac:dyDescent="0.25">
      <c r="D21254" s="6">
        <v>911.77120000000002</v>
      </c>
      <c r="E21254" s="6">
        <v>1800.078</v>
      </c>
    </row>
    <row r="21255" spans="4:5" x14ac:dyDescent="0.25">
      <c r="D21255" s="6">
        <v>2168.34</v>
      </c>
      <c r="E21255" s="6">
        <v>930.72199999999998</v>
      </c>
    </row>
    <row r="21256" spans="4:5" x14ac:dyDescent="0.25">
      <c r="D21256" s="6">
        <v>1764.556</v>
      </c>
      <c r="E21256" s="6">
        <v>714.48119999999994</v>
      </c>
    </row>
    <row r="21257" spans="4:5" x14ac:dyDescent="0.25">
      <c r="D21257" s="6">
        <v>1201.7139999999999</v>
      </c>
      <c r="E21257" s="6">
        <v>1145</v>
      </c>
    </row>
    <row r="21258" spans="4:5" x14ac:dyDescent="0.25">
      <c r="D21258" s="6">
        <v>450.48140000000001</v>
      </c>
      <c r="E21258" s="6">
        <v>828.21230000000003</v>
      </c>
    </row>
    <row r="21259" spans="4:5" x14ac:dyDescent="0.25">
      <c r="D21259" s="6">
        <v>1710.462</v>
      </c>
      <c r="E21259" s="6">
        <v>648.7079</v>
      </c>
    </row>
    <row r="21260" spans="4:5" x14ac:dyDescent="0.25">
      <c r="D21260" s="6">
        <v>2948.2289999999998</v>
      </c>
      <c r="E21260" s="6">
        <v>1066.1669999999999</v>
      </c>
    </row>
    <row r="21261" spans="4:5" x14ac:dyDescent="0.25">
      <c r="D21261" s="6">
        <v>2966.9670000000001</v>
      </c>
      <c r="E21261" s="6">
        <v>909.33780000000002</v>
      </c>
    </row>
    <row r="21262" spans="4:5" x14ac:dyDescent="0.25">
      <c r="D21262" s="6">
        <v>484.79289999999997</v>
      </c>
      <c r="E21262" s="6">
        <v>774.07010000000002</v>
      </c>
    </row>
    <row r="21263" spans="4:5" x14ac:dyDescent="0.25">
      <c r="D21263" s="6">
        <v>832.9248</v>
      </c>
      <c r="E21263" s="6">
        <v>887.72640000000001</v>
      </c>
    </row>
    <row r="21264" spans="4:5" x14ac:dyDescent="0.25">
      <c r="D21264" s="6">
        <v>1295.096</v>
      </c>
      <c r="E21264" s="6">
        <v>4745</v>
      </c>
    </row>
    <row r="21265" spans="4:5" x14ac:dyDescent="0.25">
      <c r="D21265" s="6">
        <v>1226.8</v>
      </c>
      <c r="E21265" s="6">
        <v>797.81129999999996</v>
      </c>
    </row>
    <row r="21266" spans="4:5" x14ac:dyDescent="0.25">
      <c r="D21266" s="6">
        <v>1305.1669999999999</v>
      </c>
      <c r="E21266" s="6">
        <v>1182.24</v>
      </c>
    </row>
    <row r="21267" spans="4:5" x14ac:dyDescent="0.25">
      <c r="D21267" s="6">
        <v>1371.73</v>
      </c>
      <c r="E21267" s="6">
        <v>484.04509999999999</v>
      </c>
    </row>
    <row r="21268" spans="4:5" x14ac:dyDescent="0.25">
      <c r="D21268" s="6">
        <v>1442</v>
      </c>
      <c r="E21268" s="6">
        <v>798.70770000000005</v>
      </c>
    </row>
    <row r="21269" spans="4:5" x14ac:dyDescent="0.25">
      <c r="D21269" s="6">
        <v>522.66669999999999</v>
      </c>
      <c r="E21269" s="6">
        <v>975.85709999999995</v>
      </c>
    </row>
    <row r="21270" spans="4:5" x14ac:dyDescent="0.25">
      <c r="D21270" s="6">
        <v>1345.6559999999999</v>
      </c>
      <c r="E21270" s="6">
        <v>865.13530000000003</v>
      </c>
    </row>
    <row r="21271" spans="4:5" x14ac:dyDescent="0.25">
      <c r="D21271" s="6">
        <v>1044.143</v>
      </c>
      <c r="E21271" s="6">
        <v>2978.1750000000002</v>
      </c>
    </row>
    <row r="21272" spans="4:5" x14ac:dyDescent="0.25">
      <c r="D21272" s="6">
        <v>586.83669999999995</v>
      </c>
      <c r="E21272" s="6">
        <v>782.71429999999998</v>
      </c>
    </row>
    <row r="21273" spans="4:5" x14ac:dyDescent="0.25">
      <c r="D21273" s="6">
        <v>753.0095</v>
      </c>
      <c r="E21273" s="6">
        <v>752.87630000000001</v>
      </c>
    </row>
    <row r="21274" spans="4:5" x14ac:dyDescent="0.25">
      <c r="D21274" s="6">
        <v>1424.03</v>
      </c>
      <c r="E21274" s="6">
        <v>902.27269999999999</v>
      </c>
    </row>
    <row r="21275" spans="4:5" x14ac:dyDescent="0.25">
      <c r="D21275" s="6">
        <v>859.25</v>
      </c>
      <c r="E21275" s="6">
        <v>862.09090000000003</v>
      </c>
    </row>
    <row r="21276" spans="4:5" x14ac:dyDescent="0.25">
      <c r="D21276" s="6">
        <v>3955.6579999999999</v>
      </c>
      <c r="E21276" s="6">
        <v>1114.3900000000001</v>
      </c>
    </row>
    <row r="21277" spans="4:5" x14ac:dyDescent="0.25">
      <c r="D21277" s="6">
        <v>810.92489999999998</v>
      </c>
      <c r="E21277" s="6">
        <v>5296.3459999999995</v>
      </c>
    </row>
    <row r="21278" spans="4:5" x14ac:dyDescent="0.25">
      <c r="D21278" s="6">
        <v>1416.0830000000001</v>
      </c>
      <c r="E21278" s="6">
        <v>634.9402</v>
      </c>
    </row>
    <row r="21279" spans="4:5" x14ac:dyDescent="0.25">
      <c r="D21279" s="6">
        <v>1350.421</v>
      </c>
      <c r="E21279" s="6">
        <v>697.56410000000005</v>
      </c>
    </row>
    <row r="21280" spans="4:5" x14ac:dyDescent="0.25">
      <c r="D21280" s="6">
        <v>862.12800000000004</v>
      </c>
      <c r="E21280" s="6">
        <v>514.37210000000005</v>
      </c>
    </row>
    <row r="21281" spans="4:5" x14ac:dyDescent="0.25">
      <c r="D21281" s="6">
        <v>761.89300000000003</v>
      </c>
      <c r="E21281" s="6">
        <v>954.07039999999995</v>
      </c>
    </row>
    <row r="21282" spans="4:5" x14ac:dyDescent="0.25">
      <c r="D21282" s="6">
        <v>2468.75</v>
      </c>
      <c r="E21282" s="6">
        <v>591.89490000000001</v>
      </c>
    </row>
    <row r="21283" spans="4:5" x14ac:dyDescent="0.25">
      <c r="D21283" s="6">
        <v>1872</v>
      </c>
      <c r="E21283" s="6">
        <v>962.19050000000004</v>
      </c>
    </row>
    <row r="21284" spans="4:5" x14ac:dyDescent="0.25">
      <c r="D21284" s="6">
        <v>931.25</v>
      </c>
      <c r="E21284" s="6">
        <v>557.3596</v>
      </c>
    </row>
    <row r="21285" spans="4:5" x14ac:dyDescent="0.25">
      <c r="D21285" s="6">
        <v>889.68719999999996</v>
      </c>
      <c r="E21285" s="6">
        <v>539.08479999999997</v>
      </c>
    </row>
    <row r="21286" spans="4:5" x14ac:dyDescent="0.25">
      <c r="D21286" s="6">
        <v>764.55560000000003</v>
      </c>
      <c r="E21286" s="6">
        <v>721.04750000000001</v>
      </c>
    </row>
    <row r="21287" spans="4:5" x14ac:dyDescent="0.25">
      <c r="D21287" s="6">
        <v>713.91039999999998</v>
      </c>
      <c r="E21287" s="6">
        <v>1365.492</v>
      </c>
    </row>
    <row r="21288" spans="4:5" x14ac:dyDescent="0.25">
      <c r="D21288" s="6">
        <v>749.53579999999999</v>
      </c>
      <c r="E21288" s="6">
        <v>704.29629999999997</v>
      </c>
    </row>
    <row r="21289" spans="4:5" x14ac:dyDescent="0.25">
      <c r="D21289" s="6">
        <v>559.93230000000005</v>
      </c>
      <c r="E21289" s="6">
        <v>712.65729999999996</v>
      </c>
    </row>
    <row r="21290" spans="4:5" x14ac:dyDescent="0.25">
      <c r="D21290" s="6">
        <v>765.66669999999999</v>
      </c>
      <c r="E21290" s="6">
        <v>670.36400000000003</v>
      </c>
    </row>
    <row r="21291" spans="4:5" x14ac:dyDescent="0.25">
      <c r="D21291" s="6">
        <v>963.15049999999997</v>
      </c>
      <c r="E21291" s="6">
        <v>1125.2809999999999</v>
      </c>
    </row>
    <row r="21292" spans="4:5" x14ac:dyDescent="0.25">
      <c r="D21292" s="6">
        <v>848.79129999999998</v>
      </c>
      <c r="E21292" s="6">
        <v>985.76099999999997</v>
      </c>
    </row>
    <row r="21293" spans="4:5" x14ac:dyDescent="0.25">
      <c r="D21293" s="6">
        <v>1704.05</v>
      </c>
      <c r="E21293" s="6">
        <v>4340.9920000000002</v>
      </c>
    </row>
    <row r="21294" spans="4:5" x14ac:dyDescent="0.25">
      <c r="D21294" s="6">
        <v>1007.519</v>
      </c>
      <c r="E21294" s="6">
        <v>861.77269999999999</v>
      </c>
    </row>
    <row r="21295" spans="4:5" x14ac:dyDescent="0.25">
      <c r="D21295" s="6">
        <v>418.3571</v>
      </c>
      <c r="E21295" s="6">
        <v>630.39480000000003</v>
      </c>
    </row>
    <row r="21296" spans="4:5" x14ac:dyDescent="0.25">
      <c r="D21296" s="6">
        <v>764.11019999999996</v>
      </c>
      <c r="E21296" s="6">
        <v>624.8134</v>
      </c>
    </row>
    <row r="21297" spans="4:5" x14ac:dyDescent="0.25">
      <c r="D21297" s="6">
        <v>1678.84</v>
      </c>
      <c r="E21297" s="6">
        <v>1762.557</v>
      </c>
    </row>
    <row r="21298" spans="4:5" x14ac:dyDescent="0.25">
      <c r="D21298" s="6">
        <v>562.45719999999994</v>
      </c>
      <c r="E21298" s="6">
        <v>756.0598</v>
      </c>
    </row>
    <row r="21299" spans="4:5" x14ac:dyDescent="0.25">
      <c r="D21299" s="6">
        <v>2072.7449999999999</v>
      </c>
      <c r="E21299" s="6">
        <v>2093</v>
      </c>
    </row>
    <row r="21300" spans="4:5" x14ac:dyDescent="0.25">
      <c r="D21300" s="6">
        <v>1357.25</v>
      </c>
      <c r="E21300" s="6">
        <v>1794.0509999999999</v>
      </c>
    </row>
    <row r="21301" spans="4:5" x14ac:dyDescent="0.25">
      <c r="D21301" s="6">
        <v>894.72239999999999</v>
      </c>
      <c r="E21301" s="6">
        <v>870.02819999999997</v>
      </c>
    </row>
    <row r="21302" spans="4:5" x14ac:dyDescent="0.25">
      <c r="D21302" s="6">
        <v>804.08659999999998</v>
      </c>
      <c r="E21302" s="6">
        <v>699.49770000000001</v>
      </c>
    </row>
    <row r="21303" spans="4:5" x14ac:dyDescent="0.25">
      <c r="D21303" s="6">
        <v>732.66869999999994</v>
      </c>
      <c r="E21303" s="6">
        <v>985.66650000000004</v>
      </c>
    </row>
    <row r="21304" spans="4:5" x14ac:dyDescent="0.25">
      <c r="D21304" s="6">
        <v>2345.7890000000002</v>
      </c>
      <c r="E21304" s="6">
        <v>474.78590000000003</v>
      </c>
    </row>
    <row r="21305" spans="4:5" x14ac:dyDescent="0.25">
      <c r="D21305" s="6">
        <v>1835.6</v>
      </c>
      <c r="E21305" s="6">
        <v>3132.654</v>
      </c>
    </row>
    <row r="21306" spans="4:5" x14ac:dyDescent="0.25">
      <c r="D21306" s="6">
        <v>445.78050000000002</v>
      </c>
      <c r="E21306" s="6">
        <v>1071.2049999999999</v>
      </c>
    </row>
    <row r="21307" spans="4:5" x14ac:dyDescent="0.25">
      <c r="D21307" s="6">
        <v>2665.2190000000001</v>
      </c>
      <c r="E21307" s="6">
        <v>482.69009999999997</v>
      </c>
    </row>
    <row r="21308" spans="4:5" x14ac:dyDescent="0.25">
      <c r="D21308" s="6">
        <v>985.90909999999997</v>
      </c>
      <c r="E21308" s="6">
        <v>891.41980000000001</v>
      </c>
    </row>
    <row r="21309" spans="4:5" x14ac:dyDescent="0.25">
      <c r="D21309" s="6">
        <v>675.02809999999999</v>
      </c>
      <c r="E21309" s="6">
        <v>1856.2619999999999</v>
      </c>
    </row>
    <row r="21310" spans="4:5" x14ac:dyDescent="0.25">
      <c r="D21310" s="6">
        <v>678.86389999999994</v>
      </c>
      <c r="E21310" s="6">
        <v>14304.89</v>
      </c>
    </row>
    <row r="21311" spans="4:5" x14ac:dyDescent="0.25">
      <c r="D21311" s="6">
        <v>446.98849999999999</v>
      </c>
      <c r="E21311" s="6">
        <v>653.0575</v>
      </c>
    </row>
    <row r="21312" spans="4:5" x14ac:dyDescent="0.25">
      <c r="D21312" s="6">
        <v>3361.5</v>
      </c>
      <c r="E21312" s="6">
        <v>839.86990000000003</v>
      </c>
    </row>
    <row r="21313" spans="4:5" x14ac:dyDescent="0.25">
      <c r="D21313" s="6">
        <v>667.89369999999997</v>
      </c>
      <c r="E21313" s="6">
        <v>1010.712</v>
      </c>
    </row>
    <row r="21314" spans="4:5" x14ac:dyDescent="0.25">
      <c r="D21314" s="6">
        <v>746.875</v>
      </c>
      <c r="E21314" s="6">
        <v>2722</v>
      </c>
    </row>
    <row r="21315" spans="4:5" x14ac:dyDescent="0.25">
      <c r="D21315" s="6">
        <v>503.40199999999999</v>
      </c>
      <c r="E21315" s="6">
        <v>721</v>
      </c>
    </row>
    <row r="21316" spans="4:5" x14ac:dyDescent="0.25">
      <c r="D21316" s="6">
        <v>1804.297</v>
      </c>
      <c r="E21316" s="6">
        <v>7047.6049999999996</v>
      </c>
    </row>
    <row r="21317" spans="4:5" x14ac:dyDescent="0.25">
      <c r="D21317" s="6">
        <v>1266.444</v>
      </c>
      <c r="E21317" s="6">
        <v>962.70849999999996</v>
      </c>
    </row>
    <row r="21318" spans="4:5" x14ac:dyDescent="0.25">
      <c r="D21318" s="6">
        <v>502.1268</v>
      </c>
      <c r="E21318" s="6">
        <v>918.32320000000004</v>
      </c>
    </row>
    <row r="21319" spans="4:5" x14ac:dyDescent="0.25">
      <c r="D21319" s="6">
        <v>809.20600000000002</v>
      </c>
      <c r="E21319" s="6">
        <v>4375.5739999999996</v>
      </c>
    </row>
    <row r="21320" spans="4:5" x14ac:dyDescent="0.25">
      <c r="D21320" s="6">
        <v>631.58330000000001</v>
      </c>
      <c r="E21320" s="6">
        <v>843.83190000000002</v>
      </c>
    </row>
    <row r="21321" spans="4:5" x14ac:dyDescent="0.25">
      <c r="D21321" s="6">
        <v>517.97720000000004</v>
      </c>
      <c r="E21321" s="6">
        <v>682.64210000000003</v>
      </c>
    </row>
    <row r="21322" spans="4:5" x14ac:dyDescent="0.25">
      <c r="D21322" s="6">
        <v>483.1266</v>
      </c>
      <c r="E21322" s="6">
        <v>775.8913</v>
      </c>
    </row>
    <row r="21323" spans="4:5" x14ac:dyDescent="0.25">
      <c r="D21323" s="6">
        <v>1401.867</v>
      </c>
      <c r="E21323" s="6">
        <v>739.53890000000001</v>
      </c>
    </row>
    <row r="21324" spans="4:5" x14ac:dyDescent="0.25">
      <c r="D21324" s="6">
        <v>944.08140000000003</v>
      </c>
      <c r="E21324" s="6">
        <v>3054</v>
      </c>
    </row>
    <row r="21325" spans="4:5" x14ac:dyDescent="0.25">
      <c r="D21325" s="6">
        <v>967.83669999999995</v>
      </c>
      <c r="E21325" s="6">
        <v>969.4194</v>
      </c>
    </row>
    <row r="21326" spans="4:5" x14ac:dyDescent="0.25">
      <c r="D21326" s="6">
        <v>1569</v>
      </c>
      <c r="E21326" s="6">
        <v>849.22889999999995</v>
      </c>
    </row>
    <row r="21327" spans="4:5" x14ac:dyDescent="0.25">
      <c r="D21327" s="6">
        <v>1365</v>
      </c>
      <c r="E21327" s="6">
        <v>730.60850000000005</v>
      </c>
    </row>
    <row r="21328" spans="4:5" x14ac:dyDescent="0.25">
      <c r="D21328" s="6">
        <v>1636.963</v>
      </c>
      <c r="E21328" s="6">
        <v>8137.902</v>
      </c>
    </row>
    <row r="21329" spans="4:5" x14ac:dyDescent="0.25">
      <c r="D21329" s="6">
        <v>650</v>
      </c>
      <c r="E21329" s="6">
        <v>706.49279999999999</v>
      </c>
    </row>
    <row r="21330" spans="4:5" x14ac:dyDescent="0.25">
      <c r="D21330" s="6">
        <v>965.05579999999998</v>
      </c>
      <c r="E21330" s="6">
        <v>1233.7860000000001</v>
      </c>
    </row>
    <row r="21331" spans="4:5" x14ac:dyDescent="0.25">
      <c r="D21331" s="6">
        <v>2217.6419999999998</v>
      </c>
      <c r="E21331" s="6">
        <v>597.46169999999995</v>
      </c>
    </row>
    <row r="21332" spans="4:5" x14ac:dyDescent="0.25">
      <c r="D21332" s="6">
        <v>755.45950000000005</v>
      </c>
      <c r="E21332" s="6">
        <v>1828.039</v>
      </c>
    </row>
    <row r="21333" spans="4:5" x14ac:dyDescent="0.25">
      <c r="D21333" s="6">
        <v>516.78030000000001</v>
      </c>
      <c r="E21333" s="6">
        <v>647.50559999999996</v>
      </c>
    </row>
    <row r="21334" spans="4:5" x14ac:dyDescent="0.25">
      <c r="D21334" s="6">
        <v>477.28570000000002</v>
      </c>
      <c r="E21334" s="6">
        <v>739.55380000000002</v>
      </c>
    </row>
    <row r="21335" spans="4:5" x14ac:dyDescent="0.25">
      <c r="D21335" s="6">
        <v>697.68610000000001</v>
      </c>
      <c r="E21335" s="6">
        <v>919.56309999999996</v>
      </c>
    </row>
    <row r="21336" spans="4:5" x14ac:dyDescent="0.25">
      <c r="D21336" s="6">
        <v>798.07780000000002</v>
      </c>
      <c r="E21336" s="6">
        <v>883.09929999999997</v>
      </c>
    </row>
    <row r="21337" spans="4:5" x14ac:dyDescent="0.25">
      <c r="D21337" s="6">
        <v>606.649</v>
      </c>
      <c r="E21337" s="6">
        <v>734.06510000000003</v>
      </c>
    </row>
    <row r="21338" spans="4:5" x14ac:dyDescent="0.25">
      <c r="D21338" s="6">
        <v>819.83190000000002</v>
      </c>
      <c r="E21338" s="6">
        <v>831.56079999999997</v>
      </c>
    </row>
    <row r="21339" spans="4:5" x14ac:dyDescent="0.25">
      <c r="D21339" s="6">
        <v>950.99570000000006</v>
      </c>
      <c r="E21339" s="6">
        <v>4605.241</v>
      </c>
    </row>
    <row r="21340" spans="4:5" x14ac:dyDescent="0.25">
      <c r="D21340" s="6">
        <v>1775</v>
      </c>
      <c r="E21340" s="6">
        <v>1126.56</v>
      </c>
    </row>
    <row r="21341" spans="4:5" x14ac:dyDescent="0.25">
      <c r="D21341" s="6">
        <v>1324.2670000000001</v>
      </c>
      <c r="E21341" s="6">
        <v>775.45439999999996</v>
      </c>
    </row>
    <row r="21342" spans="4:5" x14ac:dyDescent="0.25">
      <c r="D21342" s="6">
        <v>3417</v>
      </c>
      <c r="E21342" s="6">
        <v>868.42859999999996</v>
      </c>
    </row>
    <row r="21343" spans="4:5" x14ac:dyDescent="0.25">
      <c r="D21343" s="6">
        <v>1596.85</v>
      </c>
      <c r="E21343" s="6">
        <v>786.10550000000001</v>
      </c>
    </row>
    <row r="21344" spans="4:5" x14ac:dyDescent="0.25">
      <c r="D21344" s="6">
        <v>1019.609</v>
      </c>
      <c r="E21344" s="6">
        <v>806.84069999999997</v>
      </c>
    </row>
    <row r="21345" spans="4:5" x14ac:dyDescent="0.25">
      <c r="D21345" s="6">
        <v>730.21469999999999</v>
      </c>
      <c r="E21345" s="6">
        <v>807.41359999999997</v>
      </c>
    </row>
    <row r="21346" spans="4:5" x14ac:dyDescent="0.25">
      <c r="D21346" s="6">
        <v>668.51340000000005</v>
      </c>
      <c r="E21346" s="6">
        <v>1003.04</v>
      </c>
    </row>
    <row r="21347" spans="4:5" x14ac:dyDescent="0.25">
      <c r="D21347" s="6">
        <v>1021.958</v>
      </c>
      <c r="E21347" s="6">
        <v>1407</v>
      </c>
    </row>
    <row r="21348" spans="4:5" x14ac:dyDescent="0.25">
      <c r="D21348" s="6">
        <v>976.06470000000002</v>
      </c>
      <c r="E21348" s="6">
        <v>741.16160000000002</v>
      </c>
    </row>
    <row r="21349" spans="4:5" x14ac:dyDescent="0.25">
      <c r="D21349" s="6">
        <v>517.51499999999999</v>
      </c>
      <c r="E21349" s="6">
        <v>841.64779999999996</v>
      </c>
    </row>
    <row r="21350" spans="4:5" x14ac:dyDescent="0.25">
      <c r="D21350" s="6">
        <v>1133</v>
      </c>
      <c r="E21350" s="6">
        <v>734.33209999999997</v>
      </c>
    </row>
    <row r="21351" spans="4:5" x14ac:dyDescent="0.25">
      <c r="D21351" s="6">
        <v>812.11630000000002</v>
      </c>
      <c r="E21351" s="6">
        <v>1046.4760000000001</v>
      </c>
    </row>
    <row r="21352" spans="4:5" x14ac:dyDescent="0.25">
      <c r="D21352" s="6">
        <v>1879.8</v>
      </c>
      <c r="E21352" s="6">
        <v>799.75440000000003</v>
      </c>
    </row>
    <row r="21353" spans="4:5" x14ac:dyDescent="0.25">
      <c r="D21353" s="6">
        <v>2333.12</v>
      </c>
      <c r="E21353" s="6">
        <v>638.64819999999997</v>
      </c>
    </row>
    <row r="21354" spans="4:5" x14ac:dyDescent="0.25">
      <c r="D21354" s="6">
        <v>835.28750000000002</v>
      </c>
      <c r="E21354" s="6">
        <v>6717.2730000000001</v>
      </c>
    </row>
    <row r="21355" spans="4:5" x14ac:dyDescent="0.25">
      <c r="D21355" s="6">
        <v>979.85709999999995</v>
      </c>
      <c r="E21355" s="6">
        <v>703.88239999999996</v>
      </c>
    </row>
    <row r="21356" spans="4:5" x14ac:dyDescent="0.25">
      <c r="D21356" s="6">
        <v>768.71609999999998</v>
      </c>
      <c r="E21356" s="6">
        <v>439.1825</v>
      </c>
    </row>
    <row r="21357" spans="4:5" x14ac:dyDescent="0.25">
      <c r="D21357" s="6">
        <v>1914.3009999999999</v>
      </c>
      <c r="E21357" s="6">
        <v>674.81979999999999</v>
      </c>
    </row>
    <row r="21358" spans="4:5" x14ac:dyDescent="0.25">
      <c r="D21358" s="6">
        <v>558.06449999999995</v>
      </c>
      <c r="E21358" s="6">
        <v>742.20259999999996</v>
      </c>
    </row>
    <row r="21359" spans="4:5" x14ac:dyDescent="0.25">
      <c r="D21359" s="6">
        <v>1048.673</v>
      </c>
      <c r="E21359" s="6">
        <v>945.91110000000003</v>
      </c>
    </row>
    <row r="21360" spans="4:5" x14ac:dyDescent="0.25">
      <c r="D21360" s="6">
        <v>1153.298</v>
      </c>
      <c r="E21360" s="6">
        <v>1094.2529999999999</v>
      </c>
    </row>
    <row r="21361" spans="4:5" x14ac:dyDescent="0.25">
      <c r="D21361" s="6">
        <v>811.93029999999999</v>
      </c>
      <c r="E21361" s="6">
        <v>761.78539999999998</v>
      </c>
    </row>
    <row r="21362" spans="4:5" x14ac:dyDescent="0.25">
      <c r="D21362" s="6">
        <v>737.16669999999999</v>
      </c>
      <c r="E21362" s="6">
        <v>2864.741</v>
      </c>
    </row>
    <row r="21363" spans="4:5" x14ac:dyDescent="0.25">
      <c r="D21363" s="6">
        <v>2485.192</v>
      </c>
      <c r="E21363" s="6">
        <v>1153.2670000000001</v>
      </c>
    </row>
    <row r="21364" spans="4:5" x14ac:dyDescent="0.25">
      <c r="D21364" s="6">
        <v>789.375</v>
      </c>
      <c r="E21364" s="6">
        <v>950.49270000000001</v>
      </c>
    </row>
    <row r="21365" spans="4:5" x14ac:dyDescent="0.25">
      <c r="D21365" s="6">
        <v>590.73329999999999</v>
      </c>
      <c r="E21365" s="6">
        <v>994.90319999999997</v>
      </c>
    </row>
    <row r="21366" spans="4:5" x14ac:dyDescent="0.25">
      <c r="D21366" s="6">
        <v>764</v>
      </c>
      <c r="E21366" s="6">
        <v>1716.5</v>
      </c>
    </row>
    <row r="21367" spans="4:5" x14ac:dyDescent="0.25">
      <c r="D21367" s="6">
        <v>745.29049999999995</v>
      </c>
      <c r="E21367" s="6">
        <v>2118.5410000000002</v>
      </c>
    </row>
    <row r="21368" spans="4:5" x14ac:dyDescent="0.25">
      <c r="D21368" s="6">
        <v>877.15380000000005</v>
      </c>
      <c r="E21368" s="6">
        <v>878.4864</v>
      </c>
    </row>
    <row r="21369" spans="4:5" x14ac:dyDescent="0.25">
      <c r="D21369" s="6">
        <v>1094.943</v>
      </c>
      <c r="E21369" s="6">
        <v>903.10230000000001</v>
      </c>
    </row>
    <row r="21370" spans="4:5" x14ac:dyDescent="0.25">
      <c r="D21370" s="6">
        <v>722.875</v>
      </c>
      <c r="E21370" s="6">
        <v>1039.5630000000001</v>
      </c>
    </row>
    <row r="21371" spans="4:5" x14ac:dyDescent="0.25">
      <c r="D21371" s="6">
        <v>1773.182</v>
      </c>
      <c r="E21371" s="6">
        <v>595.17330000000004</v>
      </c>
    </row>
    <row r="21372" spans="4:5" x14ac:dyDescent="0.25">
      <c r="D21372" s="6">
        <v>599.59159999999997</v>
      </c>
      <c r="E21372" s="6">
        <v>480.47269999999997</v>
      </c>
    </row>
    <row r="21373" spans="4:5" x14ac:dyDescent="0.25">
      <c r="D21373" s="6">
        <v>935.99770000000001</v>
      </c>
      <c r="E21373" s="6">
        <v>957.96579999999994</v>
      </c>
    </row>
    <row r="21374" spans="4:5" x14ac:dyDescent="0.25">
      <c r="D21374" s="6">
        <v>656.67639999999994</v>
      </c>
      <c r="E21374" s="6">
        <v>3874.9969999999998</v>
      </c>
    </row>
    <row r="21375" spans="4:5" x14ac:dyDescent="0.25">
      <c r="D21375" s="6">
        <v>746.49519999999995</v>
      </c>
      <c r="E21375" s="6">
        <v>824.8691</v>
      </c>
    </row>
    <row r="21376" spans="4:5" x14ac:dyDescent="0.25">
      <c r="D21376" s="6">
        <v>812.5453</v>
      </c>
      <c r="E21376" s="6">
        <v>794.31949999999995</v>
      </c>
    </row>
    <row r="21377" spans="4:5" x14ac:dyDescent="0.25">
      <c r="D21377" s="6">
        <v>794.30430000000001</v>
      </c>
      <c r="E21377" s="6">
        <v>775.22799999999995</v>
      </c>
    </row>
    <row r="21378" spans="4:5" x14ac:dyDescent="0.25">
      <c r="D21378" s="6">
        <v>692.85</v>
      </c>
      <c r="E21378" s="6">
        <v>535.59690000000001</v>
      </c>
    </row>
    <row r="21379" spans="4:5" x14ac:dyDescent="0.25">
      <c r="D21379" s="6">
        <v>1711.6</v>
      </c>
      <c r="E21379" s="6">
        <v>539.10580000000004</v>
      </c>
    </row>
    <row r="21380" spans="4:5" x14ac:dyDescent="0.25">
      <c r="D21380" s="6">
        <v>529.30560000000003</v>
      </c>
      <c r="E21380" s="6">
        <v>1077.0050000000001</v>
      </c>
    </row>
    <row r="21381" spans="4:5" x14ac:dyDescent="0.25">
      <c r="D21381" s="6">
        <v>519.23209999999995</v>
      </c>
      <c r="E21381" s="6">
        <v>1601.261</v>
      </c>
    </row>
    <row r="21382" spans="4:5" x14ac:dyDescent="0.25">
      <c r="D21382" s="6">
        <v>656.6</v>
      </c>
      <c r="E21382" s="6">
        <v>797.94780000000003</v>
      </c>
    </row>
    <row r="21383" spans="4:5" x14ac:dyDescent="0.25">
      <c r="D21383" s="6">
        <v>705.25519999999995</v>
      </c>
      <c r="E21383" s="6">
        <v>863.92359999999996</v>
      </c>
    </row>
    <row r="21384" spans="4:5" x14ac:dyDescent="0.25">
      <c r="D21384" s="6">
        <v>1279.2940000000001</v>
      </c>
      <c r="E21384" s="6">
        <v>893.45600000000002</v>
      </c>
    </row>
    <row r="21385" spans="4:5" x14ac:dyDescent="0.25">
      <c r="D21385" s="6">
        <v>1704.375</v>
      </c>
      <c r="E21385" s="6">
        <v>797.11040000000003</v>
      </c>
    </row>
    <row r="21386" spans="4:5" x14ac:dyDescent="0.25">
      <c r="D21386" s="6">
        <v>1867.472</v>
      </c>
      <c r="E21386" s="6">
        <v>928.93849999999998</v>
      </c>
    </row>
    <row r="21387" spans="4:5" x14ac:dyDescent="0.25">
      <c r="D21387" s="6">
        <v>684.71450000000004</v>
      </c>
      <c r="E21387" s="6">
        <v>758.74080000000004</v>
      </c>
    </row>
    <row r="21388" spans="4:5" x14ac:dyDescent="0.25">
      <c r="D21388" s="6">
        <v>657.92129999999997</v>
      </c>
      <c r="E21388" s="6">
        <v>725.90660000000003</v>
      </c>
    </row>
    <row r="21389" spans="4:5" x14ac:dyDescent="0.25">
      <c r="D21389" s="6">
        <v>852.35630000000003</v>
      </c>
      <c r="E21389" s="6">
        <v>1059.2149999999999</v>
      </c>
    </row>
    <row r="21390" spans="4:5" x14ac:dyDescent="0.25">
      <c r="D21390" s="6">
        <v>643</v>
      </c>
      <c r="E21390" s="6">
        <v>859.02539999999999</v>
      </c>
    </row>
    <row r="21391" spans="4:5" x14ac:dyDescent="0.25">
      <c r="D21391" s="6">
        <v>716.81470000000002</v>
      </c>
      <c r="E21391" s="6">
        <v>843.67269999999996</v>
      </c>
    </row>
    <row r="21392" spans="4:5" x14ac:dyDescent="0.25">
      <c r="D21392" s="6">
        <v>782.54960000000005</v>
      </c>
      <c r="E21392" s="6">
        <v>435.82859999999999</v>
      </c>
    </row>
    <row r="21393" spans="4:5" x14ac:dyDescent="0.25">
      <c r="D21393" s="6">
        <v>921.55579999999998</v>
      </c>
      <c r="E21393" s="6">
        <v>857.29899999999998</v>
      </c>
    </row>
    <row r="21394" spans="4:5" x14ac:dyDescent="0.25">
      <c r="D21394" s="6">
        <v>1829</v>
      </c>
      <c r="E21394" s="6">
        <v>516.86810000000003</v>
      </c>
    </row>
    <row r="21395" spans="4:5" x14ac:dyDescent="0.25">
      <c r="D21395" s="6">
        <v>983.35490000000004</v>
      </c>
      <c r="E21395" s="6">
        <v>847.101</v>
      </c>
    </row>
    <row r="21396" spans="4:5" x14ac:dyDescent="0.25">
      <c r="D21396" s="6">
        <v>755.68560000000002</v>
      </c>
      <c r="E21396" s="6">
        <v>1480.1610000000001</v>
      </c>
    </row>
    <row r="21397" spans="4:5" x14ac:dyDescent="0.25">
      <c r="D21397" s="6">
        <v>675.55380000000002</v>
      </c>
      <c r="E21397" s="6">
        <v>5675.0860000000002</v>
      </c>
    </row>
    <row r="21398" spans="4:5" x14ac:dyDescent="0.25">
      <c r="D21398" s="6">
        <v>2917.6669999999999</v>
      </c>
      <c r="E21398" s="6">
        <v>631.57169999999996</v>
      </c>
    </row>
    <row r="21399" spans="4:5" x14ac:dyDescent="0.25">
      <c r="D21399" s="6">
        <v>609.37929999999994</v>
      </c>
      <c r="E21399" s="6">
        <v>513.11249999999995</v>
      </c>
    </row>
    <row r="21400" spans="4:5" x14ac:dyDescent="0.25">
      <c r="D21400" s="6">
        <v>572.7088</v>
      </c>
      <c r="E21400" s="6">
        <v>756.14919999999995</v>
      </c>
    </row>
    <row r="21401" spans="4:5" x14ac:dyDescent="0.25">
      <c r="D21401" s="6">
        <v>656.84649999999999</v>
      </c>
      <c r="E21401" s="6">
        <v>857.6463</v>
      </c>
    </row>
    <row r="21402" spans="4:5" x14ac:dyDescent="0.25">
      <c r="D21402" s="6">
        <v>851.11</v>
      </c>
      <c r="E21402" s="6">
        <v>681.47289999999998</v>
      </c>
    </row>
    <row r="21403" spans="4:5" x14ac:dyDescent="0.25">
      <c r="D21403" s="6">
        <v>684.28300000000002</v>
      </c>
      <c r="E21403" s="6">
        <v>475.73779999999999</v>
      </c>
    </row>
    <row r="21404" spans="4:5" x14ac:dyDescent="0.25">
      <c r="D21404" s="6">
        <v>1490.6389999999999</v>
      </c>
      <c r="E21404" s="6">
        <v>852.72199999999998</v>
      </c>
    </row>
    <row r="21405" spans="4:5" x14ac:dyDescent="0.25">
      <c r="D21405" s="6">
        <v>6850.7650000000003</v>
      </c>
      <c r="E21405" s="6">
        <v>862.72469999999998</v>
      </c>
    </row>
    <row r="21406" spans="4:5" x14ac:dyDescent="0.25">
      <c r="D21406" s="6">
        <v>521.27059999999994</v>
      </c>
      <c r="E21406" s="6">
        <v>1062.981</v>
      </c>
    </row>
    <row r="21407" spans="4:5" x14ac:dyDescent="0.25">
      <c r="D21407" s="6">
        <v>903.6</v>
      </c>
      <c r="E21407" s="6">
        <v>745.61509999999998</v>
      </c>
    </row>
    <row r="21408" spans="4:5" x14ac:dyDescent="0.25">
      <c r="D21408" s="6">
        <v>896.05880000000002</v>
      </c>
      <c r="E21408" s="6">
        <v>869.36479999999995</v>
      </c>
    </row>
    <row r="21409" spans="4:5" x14ac:dyDescent="0.25">
      <c r="D21409" s="6">
        <v>859.33330000000001</v>
      </c>
      <c r="E21409" s="6">
        <v>951.02800000000002</v>
      </c>
    </row>
    <row r="21410" spans="4:5" x14ac:dyDescent="0.25">
      <c r="D21410" s="6">
        <v>775.31650000000002</v>
      </c>
      <c r="E21410" s="6">
        <v>965.07979999999998</v>
      </c>
    </row>
    <row r="21411" spans="4:5" x14ac:dyDescent="0.25">
      <c r="D21411" s="6">
        <v>1344.1669999999999</v>
      </c>
      <c r="E21411" s="6">
        <v>661.63980000000004</v>
      </c>
    </row>
    <row r="21412" spans="4:5" x14ac:dyDescent="0.25">
      <c r="D21412" s="6">
        <v>3011</v>
      </c>
      <c r="E21412" s="6">
        <v>852.19899999999996</v>
      </c>
    </row>
    <row r="21413" spans="4:5" x14ac:dyDescent="0.25">
      <c r="D21413" s="6">
        <v>687.57339999999999</v>
      </c>
      <c r="E21413" s="6">
        <v>785.14290000000005</v>
      </c>
    </row>
    <row r="21414" spans="4:5" x14ac:dyDescent="0.25">
      <c r="D21414" s="6">
        <v>686.71140000000003</v>
      </c>
      <c r="E21414" s="6">
        <v>820.75609999999995</v>
      </c>
    </row>
    <row r="21415" spans="4:5" x14ac:dyDescent="0.25">
      <c r="D21415" s="6">
        <v>1278.1110000000001</v>
      </c>
      <c r="E21415" s="6">
        <v>592.56949999999995</v>
      </c>
    </row>
    <row r="21416" spans="4:5" x14ac:dyDescent="0.25">
      <c r="D21416" s="6">
        <v>879.50440000000003</v>
      </c>
      <c r="E21416" s="6">
        <v>1067.2159999999999</v>
      </c>
    </row>
    <row r="21417" spans="4:5" x14ac:dyDescent="0.25">
      <c r="D21417" s="6">
        <v>952.81389999999999</v>
      </c>
      <c r="E21417" s="6">
        <v>762.40869999999995</v>
      </c>
    </row>
    <row r="21418" spans="4:5" x14ac:dyDescent="0.25">
      <c r="D21418" s="6">
        <v>746.28570000000002</v>
      </c>
      <c r="E21418" s="6">
        <v>715.46410000000003</v>
      </c>
    </row>
    <row r="21419" spans="4:5" x14ac:dyDescent="0.25">
      <c r="D21419" s="6">
        <v>1048.0909999999999</v>
      </c>
      <c r="E21419" s="6">
        <v>579.61969999999997</v>
      </c>
    </row>
    <row r="21420" spans="4:5" x14ac:dyDescent="0.25">
      <c r="D21420" s="6">
        <v>637.76160000000004</v>
      </c>
      <c r="E21420" s="6">
        <v>826.97149999999999</v>
      </c>
    </row>
    <row r="21421" spans="4:5" x14ac:dyDescent="0.25">
      <c r="D21421" s="6">
        <v>846.79899999999998</v>
      </c>
      <c r="E21421" s="6">
        <v>868.20730000000003</v>
      </c>
    </row>
    <row r="21422" spans="4:5" x14ac:dyDescent="0.25">
      <c r="D21422" s="6">
        <v>1461.7860000000001</v>
      </c>
      <c r="E21422" s="6">
        <v>954.73910000000001</v>
      </c>
    </row>
    <row r="21423" spans="4:5" x14ac:dyDescent="0.25">
      <c r="D21423" s="6">
        <v>841.19849999999997</v>
      </c>
      <c r="E21423" s="6">
        <v>813.60810000000004</v>
      </c>
    </row>
    <row r="21424" spans="4:5" x14ac:dyDescent="0.25">
      <c r="D21424" s="6">
        <v>843.54269999999997</v>
      </c>
      <c r="E21424" s="6">
        <v>728.59190000000001</v>
      </c>
    </row>
    <row r="21425" spans="4:5" x14ac:dyDescent="0.25">
      <c r="D21425" s="6">
        <v>974.41409999999996</v>
      </c>
      <c r="E21425" s="6">
        <v>629.96010000000001</v>
      </c>
    </row>
    <row r="21426" spans="4:5" x14ac:dyDescent="0.25">
      <c r="D21426" s="6">
        <v>644.90440000000001</v>
      </c>
      <c r="E21426" s="6">
        <v>708.56669999999997</v>
      </c>
    </row>
    <row r="21427" spans="4:5" x14ac:dyDescent="0.25">
      <c r="D21427" s="6">
        <v>1244.857</v>
      </c>
      <c r="E21427" s="6">
        <v>1080.3130000000001</v>
      </c>
    </row>
    <row r="21428" spans="4:5" x14ac:dyDescent="0.25">
      <c r="D21428" s="6">
        <v>1170.3330000000001</v>
      </c>
      <c r="E21428" s="6">
        <v>855.34559999999999</v>
      </c>
    </row>
    <row r="21429" spans="4:5" x14ac:dyDescent="0.25">
      <c r="D21429" s="6">
        <v>579.45209999999997</v>
      </c>
      <c r="E21429" s="6">
        <v>1573.181</v>
      </c>
    </row>
    <row r="21430" spans="4:5" x14ac:dyDescent="0.25">
      <c r="D21430" s="6">
        <v>791.05799999999999</v>
      </c>
      <c r="E21430" s="6">
        <v>658.57240000000002</v>
      </c>
    </row>
    <row r="21431" spans="4:5" x14ac:dyDescent="0.25">
      <c r="D21431" s="6">
        <v>946.50099999999998</v>
      </c>
      <c r="E21431" s="6">
        <v>787.3999</v>
      </c>
    </row>
    <row r="21432" spans="4:5" x14ac:dyDescent="0.25">
      <c r="D21432" s="6">
        <v>943.29259999999999</v>
      </c>
      <c r="E21432" s="6">
        <v>621.92439999999999</v>
      </c>
    </row>
    <row r="21433" spans="4:5" x14ac:dyDescent="0.25">
      <c r="D21433" s="6">
        <v>819.46759999999995</v>
      </c>
      <c r="E21433" s="6">
        <v>1044.2380000000001</v>
      </c>
    </row>
    <row r="21434" spans="4:5" x14ac:dyDescent="0.25">
      <c r="D21434" s="6">
        <v>1603</v>
      </c>
      <c r="E21434" s="6">
        <v>7103.3850000000002</v>
      </c>
    </row>
    <row r="21435" spans="4:5" x14ac:dyDescent="0.25">
      <c r="D21435" s="6">
        <v>1990.75</v>
      </c>
      <c r="E21435" s="6">
        <v>879.8673</v>
      </c>
    </row>
    <row r="21436" spans="4:5" x14ac:dyDescent="0.25">
      <c r="D21436" s="6">
        <v>3187.1120000000001</v>
      </c>
      <c r="E21436" s="6">
        <v>1245.191</v>
      </c>
    </row>
    <row r="21437" spans="4:5" x14ac:dyDescent="0.25">
      <c r="D21437" s="6">
        <v>498.15949999999998</v>
      </c>
      <c r="E21437" s="6">
        <v>704.53330000000005</v>
      </c>
    </row>
    <row r="21438" spans="4:5" x14ac:dyDescent="0.25">
      <c r="D21438" s="6">
        <v>1730.029</v>
      </c>
      <c r="E21438" s="6">
        <v>810.09280000000001</v>
      </c>
    </row>
    <row r="21439" spans="4:5" x14ac:dyDescent="0.25">
      <c r="D21439" s="6">
        <v>802.19979999999998</v>
      </c>
      <c r="E21439" s="6">
        <v>648.13610000000006</v>
      </c>
    </row>
    <row r="21440" spans="4:5" x14ac:dyDescent="0.25">
      <c r="D21440" s="6">
        <v>899</v>
      </c>
      <c r="E21440" s="6">
        <v>894.35929999999996</v>
      </c>
    </row>
    <row r="21441" spans="4:5" x14ac:dyDescent="0.25">
      <c r="D21441" s="6">
        <v>677.61469999999997</v>
      </c>
      <c r="E21441" s="6">
        <v>916.62959999999998</v>
      </c>
    </row>
    <row r="21442" spans="4:5" x14ac:dyDescent="0.25">
      <c r="D21442" s="6">
        <v>742.81029999999998</v>
      </c>
      <c r="E21442" s="6">
        <v>2236.5479999999998</v>
      </c>
    </row>
    <row r="21443" spans="4:5" x14ac:dyDescent="0.25">
      <c r="D21443" s="6">
        <v>691</v>
      </c>
      <c r="E21443" s="6">
        <v>685.15099999999995</v>
      </c>
    </row>
    <row r="21444" spans="4:5" x14ac:dyDescent="0.25">
      <c r="D21444" s="6">
        <v>1343.4590000000001</v>
      </c>
      <c r="E21444" s="6">
        <v>1357.556</v>
      </c>
    </row>
    <row r="21445" spans="4:5" x14ac:dyDescent="0.25">
      <c r="D21445" s="6">
        <v>1367.6669999999999</v>
      </c>
      <c r="E21445" s="6">
        <v>930.54390000000001</v>
      </c>
    </row>
    <row r="21446" spans="4:5" x14ac:dyDescent="0.25">
      <c r="D21446" s="6">
        <v>819.43</v>
      </c>
      <c r="E21446" s="6">
        <v>1074.5</v>
      </c>
    </row>
    <row r="21447" spans="4:5" x14ac:dyDescent="0.25">
      <c r="D21447" s="6">
        <v>657.05079999999998</v>
      </c>
      <c r="E21447" s="6">
        <v>790.15890000000002</v>
      </c>
    </row>
    <row r="21448" spans="4:5" x14ac:dyDescent="0.25">
      <c r="D21448" s="6">
        <v>623.57079999999996</v>
      </c>
      <c r="E21448" s="6">
        <v>878.18550000000005</v>
      </c>
    </row>
    <row r="21449" spans="4:5" x14ac:dyDescent="0.25">
      <c r="D21449" s="6">
        <v>619.86289999999997</v>
      </c>
      <c r="E21449" s="6">
        <v>890.07410000000004</v>
      </c>
    </row>
    <row r="21450" spans="4:5" x14ac:dyDescent="0.25">
      <c r="D21450" s="6">
        <v>1213.8</v>
      </c>
      <c r="E21450" s="6">
        <v>892.4778</v>
      </c>
    </row>
    <row r="21451" spans="4:5" x14ac:dyDescent="0.25">
      <c r="D21451" s="6">
        <v>843.21510000000001</v>
      </c>
      <c r="E21451" s="6">
        <v>2805.723</v>
      </c>
    </row>
    <row r="21452" spans="4:5" x14ac:dyDescent="0.25">
      <c r="D21452" s="6">
        <v>711.4665</v>
      </c>
      <c r="E21452" s="6">
        <v>739.33109999999999</v>
      </c>
    </row>
    <row r="21453" spans="4:5" x14ac:dyDescent="0.25">
      <c r="D21453" s="6">
        <v>701.95600000000002</v>
      </c>
      <c r="E21453" s="6">
        <v>898.12660000000005</v>
      </c>
    </row>
    <row r="21454" spans="4:5" x14ac:dyDescent="0.25">
      <c r="D21454" s="6">
        <v>821.4085</v>
      </c>
      <c r="E21454" s="6">
        <v>885.5</v>
      </c>
    </row>
    <row r="21455" spans="4:5" x14ac:dyDescent="0.25">
      <c r="D21455" s="6">
        <v>731.07190000000003</v>
      </c>
      <c r="E21455" s="6">
        <v>985.35469999999998</v>
      </c>
    </row>
    <row r="21456" spans="4:5" x14ac:dyDescent="0.25">
      <c r="D21456" s="6">
        <v>596.40949999999998</v>
      </c>
      <c r="E21456" s="6">
        <v>596.09810000000004</v>
      </c>
    </row>
    <row r="21457" spans="4:5" x14ac:dyDescent="0.25">
      <c r="D21457" s="6">
        <v>1844.5650000000001</v>
      </c>
      <c r="E21457" s="6">
        <v>1509.348</v>
      </c>
    </row>
    <row r="21458" spans="4:5" x14ac:dyDescent="0.25">
      <c r="D21458" s="6">
        <v>1417.588</v>
      </c>
      <c r="E21458" s="6">
        <v>592.38890000000004</v>
      </c>
    </row>
    <row r="21459" spans="4:5" x14ac:dyDescent="0.25">
      <c r="D21459" s="6">
        <v>1839.25</v>
      </c>
      <c r="E21459" s="6">
        <v>772.2414</v>
      </c>
    </row>
    <row r="21460" spans="4:5" x14ac:dyDescent="0.25">
      <c r="D21460" s="6">
        <v>1254.585</v>
      </c>
      <c r="E21460" s="6">
        <v>694.55740000000003</v>
      </c>
    </row>
    <row r="21461" spans="4:5" x14ac:dyDescent="0.25">
      <c r="D21461" s="6">
        <v>1675</v>
      </c>
      <c r="E21461" s="6">
        <v>611.4194</v>
      </c>
    </row>
    <row r="21462" spans="4:5" x14ac:dyDescent="0.25">
      <c r="D21462" s="6">
        <v>741.55560000000003</v>
      </c>
      <c r="E21462" s="6">
        <v>725.32090000000005</v>
      </c>
    </row>
    <row r="21463" spans="4:5" x14ac:dyDescent="0.25">
      <c r="D21463" s="6">
        <v>2547.4549999999999</v>
      </c>
      <c r="E21463" s="6">
        <v>651.90970000000004</v>
      </c>
    </row>
    <row r="21464" spans="4:5" x14ac:dyDescent="0.25">
      <c r="D21464" s="6">
        <v>3482.5940000000001</v>
      </c>
      <c r="E21464" s="6">
        <v>806.89369999999997</v>
      </c>
    </row>
    <row r="21465" spans="4:5" x14ac:dyDescent="0.25">
      <c r="D21465" s="6">
        <v>778.22059999999999</v>
      </c>
      <c r="E21465" s="6">
        <v>7835.5550000000003</v>
      </c>
    </row>
    <row r="21466" spans="4:5" x14ac:dyDescent="0.25">
      <c r="D21466" s="6">
        <v>583.68100000000004</v>
      </c>
      <c r="E21466" s="6">
        <v>878.53420000000006</v>
      </c>
    </row>
    <row r="21467" spans="4:5" x14ac:dyDescent="0.25">
      <c r="D21467" s="6">
        <v>651.77949999999998</v>
      </c>
      <c r="E21467" s="6">
        <v>973.76840000000004</v>
      </c>
    </row>
    <row r="21468" spans="4:5" x14ac:dyDescent="0.25">
      <c r="D21468" s="6">
        <v>650.87249999999995</v>
      </c>
      <c r="E21468" s="6">
        <v>1294.489</v>
      </c>
    </row>
    <row r="21469" spans="4:5" x14ac:dyDescent="0.25">
      <c r="D21469" s="6">
        <v>1256.6189999999999</v>
      </c>
      <c r="E21469" s="6">
        <v>1847</v>
      </c>
    </row>
    <row r="21470" spans="4:5" x14ac:dyDescent="0.25">
      <c r="D21470" s="6">
        <v>2345.4870000000001</v>
      </c>
      <c r="E21470" s="6">
        <v>823.09400000000005</v>
      </c>
    </row>
    <row r="21471" spans="4:5" x14ac:dyDescent="0.25">
      <c r="D21471" s="6">
        <v>641.94100000000003</v>
      </c>
      <c r="E21471" s="6">
        <v>837.01160000000004</v>
      </c>
    </row>
    <row r="21472" spans="4:5" x14ac:dyDescent="0.25">
      <c r="D21472" s="6">
        <v>1106.625</v>
      </c>
      <c r="E21472" s="6">
        <v>919.27279999999996</v>
      </c>
    </row>
    <row r="21473" spans="4:5" x14ac:dyDescent="0.25">
      <c r="D21473" s="6">
        <v>1364.1389999999999</v>
      </c>
      <c r="E21473" s="6">
        <v>617.64970000000005</v>
      </c>
    </row>
    <row r="21474" spans="4:5" x14ac:dyDescent="0.25">
      <c r="D21474" s="6">
        <v>719.70209999999997</v>
      </c>
      <c r="E21474" s="6">
        <v>648.41880000000003</v>
      </c>
    </row>
    <row r="21475" spans="4:5" x14ac:dyDescent="0.25">
      <c r="D21475" s="6">
        <v>418.78460000000001</v>
      </c>
      <c r="E21475" s="6">
        <v>711.19709999999998</v>
      </c>
    </row>
    <row r="21476" spans="4:5" x14ac:dyDescent="0.25">
      <c r="D21476" s="6">
        <v>813.26279999999997</v>
      </c>
      <c r="E21476" s="6">
        <v>6195.7370000000001</v>
      </c>
    </row>
    <row r="21477" spans="4:5" x14ac:dyDescent="0.25">
      <c r="D21477" s="6">
        <v>1294.0160000000001</v>
      </c>
      <c r="E21477" s="6">
        <v>1716.816</v>
      </c>
    </row>
    <row r="21478" spans="4:5" x14ac:dyDescent="0.25">
      <c r="D21478" s="6">
        <v>705.82690000000002</v>
      </c>
      <c r="E21478" s="6">
        <v>643.22220000000004</v>
      </c>
    </row>
    <row r="21479" spans="4:5" x14ac:dyDescent="0.25">
      <c r="D21479" s="6">
        <v>540.61649999999997</v>
      </c>
      <c r="E21479" s="6">
        <v>707.11369999999999</v>
      </c>
    </row>
    <row r="21480" spans="4:5" x14ac:dyDescent="0.25">
      <c r="D21480" s="6">
        <v>842.9502</v>
      </c>
      <c r="E21480" s="6">
        <v>952.70659999999998</v>
      </c>
    </row>
    <row r="21481" spans="4:5" x14ac:dyDescent="0.25">
      <c r="D21481" s="6">
        <v>800.92909999999995</v>
      </c>
      <c r="E21481" s="6">
        <v>559.0394</v>
      </c>
    </row>
    <row r="21482" spans="4:5" x14ac:dyDescent="0.25">
      <c r="D21482" s="6">
        <v>2843.1689999999999</v>
      </c>
      <c r="E21482" s="6">
        <v>709.03809999999999</v>
      </c>
    </row>
    <row r="21483" spans="4:5" x14ac:dyDescent="0.25">
      <c r="D21483" s="6">
        <v>566.08609999999999</v>
      </c>
      <c r="E21483" s="6">
        <v>761.09100000000001</v>
      </c>
    </row>
    <row r="21484" spans="4:5" x14ac:dyDescent="0.25">
      <c r="D21484" s="6">
        <v>806.36540000000002</v>
      </c>
      <c r="E21484" s="6">
        <v>3183.011</v>
      </c>
    </row>
    <row r="21485" spans="4:5" x14ac:dyDescent="0.25">
      <c r="D21485" s="6">
        <v>1739.75</v>
      </c>
      <c r="E21485" s="6">
        <v>987.62350000000004</v>
      </c>
    </row>
    <row r="21486" spans="4:5" x14ac:dyDescent="0.25">
      <c r="D21486" s="6">
        <v>1450.7760000000001</v>
      </c>
      <c r="E21486" s="6">
        <v>1068.7329999999999</v>
      </c>
    </row>
    <row r="21487" spans="4:5" x14ac:dyDescent="0.25">
      <c r="D21487" s="6">
        <v>543.98710000000005</v>
      </c>
      <c r="E21487" s="6">
        <v>503.18049999999999</v>
      </c>
    </row>
    <row r="21488" spans="4:5" x14ac:dyDescent="0.25">
      <c r="D21488" s="6">
        <v>788.73910000000001</v>
      </c>
      <c r="E21488" s="6">
        <v>3831.2170000000001</v>
      </c>
    </row>
    <row r="21489" spans="4:5" x14ac:dyDescent="0.25">
      <c r="D21489" s="6">
        <v>817.04539999999997</v>
      </c>
      <c r="E21489" s="6">
        <v>826.07659999999998</v>
      </c>
    </row>
    <row r="21490" spans="4:5" x14ac:dyDescent="0.25">
      <c r="D21490" s="6">
        <v>757.40060000000005</v>
      </c>
      <c r="E21490" s="6">
        <v>810.23360000000002</v>
      </c>
    </row>
    <row r="21491" spans="4:5" x14ac:dyDescent="0.25">
      <c r="D21491" s="6">
        <v>801.2808</v>
      </c>
      <c r="E21491" s="6">
        <v>791.5308</v>
      </c>
    </row>
    <row r="21492" spans="4:5" x14ac:dyDescent="0.25">
      <c r="D21492" s="6">
        <v>803.52819999999997</v>
      </c>
      <c r="E21492" s="6">
        <v>779.16669999999999</v>
      </c>
    </row>
    <row r="21493" spans="4:5" x14ac:dyDescent="0.25">
      <c r="D21493" s="6">
        <v>633.95439999999996</v>
      </c>
      <c r="E21493" s="6">
        <v>2513.9290000000001</v>
      </c>
    </row>
    <row r="21494" spans="4:5" x14ac:dyDescent="0.25">
      <c r="D21494" s="6">
        <v>790.51459999999997</v>
      </c>
      <c r="E21494" s="6">
        <v>598.30780000000004</v>
      </c>
    </row>
    <row r="21495" spans="4:5" x14ac:dyDescent="0.25">
      <c r="D21495" s="6">
        <v>1354.923</v>
      </c>
      <c r="E21495" s="6">
        <v>914.34360000000004</v>
      </c>
    </row>
    <row r="21496" spans="4:5" x14ac:dyDescent="0.25">
      <c r="D21496" s="6">
        <v>674.41079999999999</v>
      </c>
      <c r="E21496" s="6">
        <v>10185.5</v>
      </c>
    </row>
    <row r="21497" spans="4:5" x14ac:dyDescent="0.25">
      <c r="D21497" s="6">
        <v>780.35559999999998</v>
      </c>
      <c r="E21497" s="6">
        <v>1122.261</v>
      </c>
    </row>
    <row r="21498" spans="4:5" x14ac:dyDescent="0.25">
      <c r="D21498" s="6">
        <v>906.65790000000004</v>
      </c>
      <c r="E21498" s="6">
        <v>498.62560000000002</v>
      </c>
    </row>
    <row r="21499" spans="4:5" x14ac:dyDescent="0.25">
      <c r="D21499" s="6">
        <v>918.86369999999999</v>
      </c>
      <c r="E21499" s="6">
        <v>455.93220000000002</v>
      </c>
    </row>
    <row r="21500" spans="4:5" x14ac:dyDescent="0.25">
      <c r="D21500" s="6">
        <v>725.10580000000004</v>
      </c>
      <c r="E21500" s="6">
        <v>784.75879999999995</v>
      </c>
    </row>
    <row r="21501" spans="4:5" x14ac:dyDescent="0.25">
      <c r="D21501" s="6">
        <v>1762.154</v>
      </c>
      <c r="E21501" s="6">
        <v>824.01559999999995</v>
      </c>
    </row>
    <row r="21502" spans="4:5" x14ac:dyDescent="0.25">
      <c r="D21502" s="6">
        <v>606.48929999999996</v>
      </c>
      <c r="E21502" s="6">
        <v>513.11609999999996</v>
      </c>
    </row>
    <row r="21503" spans="4:5" x14ac:dyDescent="0.25">
      <c r="D21503" s="6">
        <v>1171.1590000000001</v>
      </c>
      <c r="E21503" s="6">
        <v>684.46109999999999</v>
      </c>
    </row>
    <row r="21504" spans="4:5" x14ac:dyDescent="0.25">
      <c r="D21504" s="6">
        <v>1286.018</v>
      </c>
      <c r="E21504" s="6">
        <v>7181.4</v>
      </c>
    </row>
    <row r="21505" spans="4:5" x14ac:dyDescent="0.25">
      <c r="D21505" s="6">
        <v>553.91819999999996</v>
      </c>
      <c r="E21505" s="6">
        <v>703.42399999999998</v>
      </c>
    </row>
    <row r="21506" spans="4:5" x14ac:dyDescent="0.25">
      <c r="D21506" s="6">
        <v>1804</v>
      </c>
      <c r="E21506" s="6">
        <v>856.36689999999999</v>
      </c>
    </row>
    <row r="21507" spans="4:5" x14ac:dyDescent="0.25">
      <c r="D21507" s="6">
        <v>862.78750000000002</v>
      </c>
      <c r="E21507" s="6">
        <v>906.5557</v>
      </c>
    </row>
    <row r="21508" spans="4:5" x14ac:dyDescent="0.25">
      <c r="D21508" s="6">
        <v>816.3306</v>
      </c>
      <c r="E21508" s="6">
        <v>522.26319999999998</v>
      </c>
    </row>
    <row r="21509" spans="4:5" x14ac:dyDescent="0.25">
      <c r="D21509" s="6">
        <v>617.37049999999999</v>
      </c>
      <c r="E21509" s="6">
        <v>526.85730000000001</v>
      </c>
    </row>
    <row r="21510" spans="4:5" x14ac:dyDescent="0.25">
      <c r="D21510" s="6">
        <v>597.52679999999998</v>
      </c>
      <c r="E21510" s="6">
        <v>1083.4090000000001</v>
      </c>
    </row>
    <row r="21511" spans="4:5" x14ac:dyDescent="0.25">
      <c r="D21511" s="6">
        <v>980.76480000000004</v>
      </c>
      <c r="E21511" s="6">
        <v>6158.1869999999999</v>
      </c>
    </row>
    <row r="21512" spans="4:5" x14ac:dyDescent="0.25">
      <c r="D21512" s="6">
        <v>795.28570000000002</v>
      </c>
      <c r="E21512" s="6">
        <v>1808.27</v>
      </c>
    </row>
    <row r="21513" spans="4:5" x14ac:dyDescent="0.25">
      <c r="D21513" s="6">
        <v>673.90589999999997</v>
      </c>
      <c r="E21513" s="6">
        <v>601.30889999999999</v>
      </c>
    </row>
    <row r="21514" spans="4:5" x14ac:dyDescent="0.25">
      <c r="D21514" s="6">
        <v>641.91899999999998</v>
      </c>
      <c r="E21514" s="6">
        <v>1537</v>
      </c>
    </row>
    <row r="21515" spans="4:5" x14ac:dyDescent="0.25">
      <c r="D21515" s="6">
        <v>757.38390000000004</v>
      </c>
      <c r="E21515" s="6">
        <v>470.67959999999999</v>
      </c>
    </row>
    <row r="21516" spans="4:5" x14ac:dyDescent="0.25">
      <c r="D21516" s="6">
        <v>535.99779999999998</v>
      </c>
      <c r="E21516" s="6">
        <v>748.79319999999996</v>
      </c>
    </row>
    <row r="21517" spans="4:5" x14ac:dyDescent="0.25">
      <c r="D21517" s="6">
        <v>847.27300000000002</v>
      </c>
      <c r="E21517" s="6">
        <v>667.04809999999998</v>
      </c>
    </row>
    <row r="21518" spans="4:5" x14ac:dyDescent="0.25">
      <c r="D21518" s="6">
        <v>997.20270000000005</v>
      </c>
      <c r="E21518" s="6">
        <v>675.95100000000002</v>
      </c>
    </row>
    <row r="21519" spans="4:5" x14ac:dyDescent="0.25">
      <c r="D21519" s="6">
        <v>588.57870000000003</v>
      </c>
      <c r="E21519" s="6">
        <v>7656.66</v>
      </c>
    </row>
    <row r="21520" spans="4:5" x14ac:dyDescent="0.25">
      <c r="D21520" s="6">
        <v>561.60469999999998</v>
      </c>
      <c r="E21520" s="6">
        <v>512.35860000000002</v>
      </c>
    </row>
    <row r="21521" spans="4:5" x14ac:dyDescent="0.25">
      <c r="D21521" s="6">
        <v>3944.69</v>
      </c>
      <c r="E21521" s="6">
        <v>7023.2389999999996</v>
      </c>
    </row>
    <row r="21522" spans="4:5" x14ac:dyDescent="0.25">
      <c r="D21522" s="6">
        <v>606.90610000000004</v>
      </c>
      <c r="E21522" s="6">
        <v>634.89639999999997</v>
      </c>
    </row>
    <row r="21523" spans="4:5" x14ac:dyDescent="0.25">
      <c r="D21523" s="6">
        <v>715.11440000000005</v>
      </c>
      <c r="E21523" s="6">
        <v>736.80880000000002</v>
      </c>
    </row>
    <row r="21524" spans="4:5" x14ac:dyDescent="0.25">
      <c r="D21524" s="6">
        <v>978.26289999999995</v>
      </c>
      <c r="E21524" s="6">
        <v>682.61789999999996</v>
      </c>
    </row>
    <row r="21525" spans="4:5" x14ac:dyDescent="0.25">
      <c r="D21525" s="6">
        <v>586.59190000000001</v>
      </c>
      <c r="E21525" s="6">
        <v>594.37030000000004</v>
      </c>
    </row>
    <row r="21526" spans="4:5" x14ac:dyDescent="0.25">
      <c r="D21526" s="6">
        <v>1116.8</v>
      </c>
      <c r="E21526" s="6">
        <v>4568.1419999999998</v>
      </c>
    </row>
    <row r="21527" spans="4:5" x14ac:dyDescent="0.25">
      <c r="D21527" s="6">
        <v>843.08050000000003</v>
      </c>
      <c r="E21527" s="6">
        <v>1151.309</v>
      </c>
    </row>
    <row r="21528" spans="4:5" x14ac:dyDescent="0.25">
      <c r="D21528" s="6">
        <v>723.90909999999997</v>
      </c>
      <c r="E21528" s="6">
        <v>806.59529999999995</v>
      </c>
    </row>
    <row r="21529" spans="4:5" x14ac:dyDescent="0.25">
      <c r="D21529" s="6">
        <v>535.11959999999999</v>
      </c>
      <c r="E21529" s="6">
        <v>566.4</v>
      </c>
    </row>
    <row r="21530" spans="4:5" x14ac:dyDescent="0.25">
      <c r="D21530" s="6">
        <v>2981.9830000000002</v>
      </c>
      <c r="E21530" s="6">
        <v>742.88980000000004</v>
      </c>
    </row>
    <row r="21531" spans="4:5" x14ac:dyDescent="0.25">
      <c r="D21531" s="6">
        <v>970.91819999999996</v>
      </c>
      <c r="E21531" s="6">
        <v>723.67579999999998</v>
      </c>
    </row>
    <row r="21532" spans="4:5" x14ac:dyDescent="0.25">
      <c r="D21532" s="6">
        <v>698.18140000000005</v>
      </c>
      <c r="E21532" s="6">
        <v>748.47680000000003</v>
      </c>
    </row>
    <row r="21533" spans="4:5" x14ac:dyDescent="0.25">
      <c r="D21533" s="6">
        <v>719.58929999999998</v>
      </c>
      <c r="E21533" s="6">
        <v>397.39949999999999</v>
      </c>
    </row>
    <row r="21534" spans="4:5" x14ac:dyDescent="0.25">
      <c r="D21534" s="6">
        <v>967.65419999999995</v>
      </c>
      <c r="E21534" s="6">
        <v>1069.3119999999999</v>
      </c>
    </row>
    <row r="21535" spans="4:5" x14ac:dyDescent="0.25">
      <c r="D21535" s="6">
        <v>842.27790000000005</v>
      </c>
      <c r="E21535" s="6">
        <v>854.00609999999995</v>
      </c>
    </row>
    <row r="21536" spans="4:5" x14ac:dyDescent="0.25">
      <c r="D21536" s="6">
        <v>725.91949999999997</v>
      </c>
      <c r="E21536" s="6">
        <v>1056.0139999999999</v>
      </c>
    </row>
    <row r="21537" spans="4:5" x14ac:dyDescent="0.25">
      <c r="D21537" s="6">
        <v>563.25</v>
      </c>
      <c r="E21537" s="6">
        <v>715.97649999999999</v>
      </c>
    </row>
    <row r="21538" spans="4:5" x14ac:dyDescent="0.25">
      <c r="D21538" s="6">
        <v>1691.7729999999999</v>
      </c>
      <c r="E21538" s="6">
        <v>5125.2070000000003</v>
      </c>
    </row>
    <row r="21539" spans="4:5" x14ac:dyDescent="0.25">
      <c r="D21539" s="6">
        <v>474.90719999999999</v>
      </c>
      <c r="E21539" s="6">
        <v>7947.799</v>
      </c>
    </row>
    <row r="21540" spans="4:5" x14ac:dyDescent="0.25">
      <c r="D21540" s="6">
        <v>1666.3969999999999</v>
      </c>
      <c r="E21540" s="6">
        <v>711.96969999999999</v>
      </c>
    </row>
    <row r="21541" spans="4:5" x14ac:dyDescent="0.25">
      <c r="D21541" s="6">
        <v>1212.3040000000001</v>
      </c>
      <c r="E21541" s="6">
        <v>736.86389999999994</v>
      </c>
    </row>
    <row r="21542" spans="4:5" x14ac:dyDescent="0.25">
      <c r="D21542" s="6">
        <v>731.25699999999995</v>
      </c>
      <c r="E21542" s="6">
        <v>676.72640000000001</v>
      </c>
    </row>
    <row r="21543" spans="4:5" x14ac:dyDescent="0.25">
      <c r="D21543" s="6">
        <v>575.08929999999998</v>
      </c>
      <c r="E21543" s="6">
        <v>1737.2380000000001</v>
      </c>
    </row>
    <row r="21544" spans="4:5" x14ac:dyDescent="0.25">
      <c r="D21544" s="6">
        <v>452.49450000000002</v>
      </c>
      <c r="E21544" s="6">
        <v>4249.933</v>
      </c>
    </row>
    <row r="21545" spans="4:5" x14ac:dyDescent="0.25">
      <c r="D21545" s="6">
        <v>683.69569999999999</v>
      </c>
      <c r="E21545" s="6">
        <v>679.33699999999999</v>
      </c>
    </row>
    <row r="21546" spans="4:5" x14ac:dyDescent="0.25">
      <c r="D21546" s="6">
        <v>599.80150000000003</v>
      </c>
      <c r="E21546" s="6">
        <v>1068.748</v>
      </c>
    </row>
    <row r="21547" spans="4:5" x14ac:dyDescent="0.25">
      <c r="D21547" s="6">
        <v>777.35180000000003</v>
      </c>
      <c r="E21547" s="6">
        <v>962.34379999999999</v>
      </c>
    </row>
    <row r="21548" spans="4:5" x14ac:dyDescent="0.25">
      <c r="D21548" s="6">
        <v>812</v>
      </c>
      <c r="E21548" s="6">
        <v>12826.83</v>
      </c>
    </row>
    <row r="21549" spans="4:5" x14ac:dyDescent="0.25">
      <c r="D21549" s="6">
        <v>434.20850000000002</v>
      </c>
      <c r="E21549" s="6">
        <v>1107</v>
      </c>
    </row>
    <row r="21550" spans="4:5" x14ac:dyDescent="0.25">
      <c r="D21550" s="6">
        <v>706.84349999999995</v>
      </c>
      <c r="E21550" s="6">
        <v>650.09159999999997</v>
      </c>
    </row>
    <row r="21551" spans="4:5" x14ac:dyDescent="0.25">
      <c r="D21551" s="6">
        <v>825.10749999999996</v>
      </c>
      <c r="E21551" s="6">
        <v>702.46569999999997</v>
      </c>
    </row>
    <row r="21552" spans="4:5" x14ac:dyDescent="0.25">
      <c r="D21552" s="6">
        <v>612.52620000000002</v>
      </c>
      <c r="E21552" s="6">
        <v>702.32060000000001</v>
      </c>
    </row>
    <row r="21553" spans="4:5" x14ac:dyDescent="0.25">
      <c r="D21553" s="6">
        <v>1739.2080000000001</v>
      </c>
      <c r="E21553" s="6">
        <v>888.89739999999995</v>
      </c>
    </row>
    <row r="21554" spans="4:5" x14ac:dyDescent="0.25">
      <c r="D21554" s="6">
        <v>695.26130000000001</v>
      </c>
      <c r="E21554" s="6">
        <v>1016.62</v>
      </c>
    </row>
    <row r="21555" spans="4:5" x14ac:dyDescent="0.25">
      <c r="D21555" s="6">
        <v>5076.2449999999999</v>
      </c>
      <c r="E21555" s="6">
        <v>635.61710000000005</v>
      </c>
    </row>
    <row r="21556" spans="4:5" x14ac:dyDescent="0.25">
      <c r="D21556" s="6">
        <v>631</v>
      </c>
      <c r="E21556" s="6">
        <v>534.59699999999998</v>
      </c>
    </row>
    <row r="21557" spans="4:5" x14ac:dyDescent="0.25">
      <c r="D21557" s="6">
        <v>882.6703</v>
      </c>
      <c r="E21557" s="6">
        <v>3964.451</v>
      </c>
    </row>
    <row r="21558" spans="4:5" x14ac:dyDescent="0.25">
      <c r="D21558" s="6">
        <v>682.15390000000002</v>
      </c>
      <c r="E21558" s="6">
        <v>1404.29</v>
      </c>
    </row>
    <row r="21559" spans="4:5" x14ac:dyDescent="0.25">
      <c r="D21559" s="6">
        <v>829.07380000000001</v>
      </c>
      <c r="E21559" s="6">
        <v>1069.2139999999999</v>
      </c>
    </row>
    <row r="21560" spans="4:5" x14ac:dyDescent="0.25">
      <c r="D21560" s="6">
        <v>1199.664</v>
      </c>
      <c r="E21560" s="6">
        <v>523.50409999999999</v>
      </c>
    </row>
    <row r="21561" spans="4:5" x14ac:dyDescent="0.25">
      <c r="D21561" s="6">
        <v>541.73919999999998</v>
      </c>
      <c r="E21561" s="6">
        <v>823.85720000000003</v>
      </c>
    </row>
    <row r="21562" spans="4:5" x14ac:dyDescent="0.25">
      <c r="D21562" s="6">
        <v>959.21310000000005</v>
      </c>
      <c r="E21562" s="6">
        <v>7555.5110000000004</v>
      </c>
    </row>
    <row r="21563" spans="4:5" x14ac:dyDescent="0.25">
      <c r="D21563" s="6">
        <v>1141.5</v>
      </c>
      <c r="E21563" s="6">
        <v>1024.193</v>
      </c>
    </row>
    <row r="21564" spans="4:5" x14ac:dyDescent="0.25">
      <c r="D21564" s="6">
        <v>2559.4560000000001</v>
      </c>
      <c r="E21564" s="6">
        <v>772.7373</v>
      </c>
    </row>
    <row r="21565" spans="4:5" x14ac:dyDescent="0.25">
      <c r="D21565" s="6">
        <v>753.36289999999997</v>
      </c>
      <c r="E21565" s="6">
        <v>872.99130000000002</v>
      </c>
    </row>
    <row r="21566" spans="4:5" x14ac:dyDescent="0.25">
      <c r="D21566" s="6">
        <v>807.14049999999997</v>
      </c>
      <c r="E21566" s="6">
        <v>1070.384</v>
      </c>
    </row>
    <row r="21567" spans="4:5" x14ac:dyDescent="0.25">
      <c r="D21567" s="6">
        <v>812.24519999999995</v>
      </c>
      <c r="E21567" s="6">
        <v>637.40769999999998</v>
      </c>
    </row>
    <row r="21568" spans="4:5" x14ac:dyDescent="0.25">
      <c r="D21568" s="6">
        <v>1231.5</v>
      </c>
      <c r="E21568" s="6">
        <v>666.41579999999999</v>
      </c>
    </row>
    <row r="21569" spans="4:5" x14ac:dyDescent="0.25">
      <c r="D21569" s="6">
        <v>869.23220000000003</v>
      </c>
      <c r="E21569" s="6">
        <v>638.24670000000003</v>
      </c>
    </row>
    <row r="21570" spans="4:5" x14ac:dyDescent="0.25">
      <c r="D21570" s="6">
        <v>486.14499999999998</v>
      </c>
      <c r="E21570" s="6">
        <v>2637.7170000000001</v>
      </c>
    </row>
    <row r="21571" spans="4:5" x14ac:dyDescent="0.25">
      <c r="D21571" s="6">
        <v>597.6884</v>
      </c>
      <c r="E21571" s="6">
        <v>861.73260000000005</v>
      </c>
    </row>
    <row r="21572" spans="4:5" x14ac:dyDescent="0.25">
      <c r="D21572" s="6">
        <v>707.56179999999995</v>
      </c>
      <c r="E21572" s="6">
        <v>696.59839999999997</v>
      </c>
    </row>
    <row r="21573" spans="4:5" x14ac:dyDescent="0.25">
      <c r="D21573" s="6">
        <v>867.04759999999999</v>
      </c>
      <c r="E21573" s="6">
        <v>493.17689999999999</v>
      </c>
    </row>
    <row r="21574" spans="4:5" x14ac:dyDescent="0.25">
      <c r="D21574" s="6">
        <v>637.50879999999995</v>
      </c>
      <c r="E21574" s="6">
        <v>728.73680000000002</v>
      </c>
    </row>
    <row r="21575" spans="4:5" x14ac:dyDescent="0.25">
      <c r="D21575" s="6">
        <v>1414.4739999999999</v>
      </c>
      <c r="E21575" s="6">
        <v>1050.355</v>
      </c>
    </row>
    <row r="21576" spans="4:5" x14ac:dyDescent="0.25">
      <c r="D21576" s="6">
        <v>760.86890000000005</v>
      </c>
      <c r="E21576" s="6">
        <v>909.4</v>
      </c>
    </row>
    <row r="21577" spans="4:5" x14ac:dyDescent="0.25">
      <c r="D21577" s="6">
        <v>778.07209999999998</v>
      </c>
      <c r="E21577" s="6">
        <v>702.37390000000005</v>
      </c>
    </row>
    <row r="21578" spans="4:5" x14ac:dyDescent="0.25">
      <c r="D21578" s="6">
        <v>1278.4849999999999</v>
      </c>
      <c r="E21578" s="6">
        <v>688.17020000000002</v>
      </c>
    </row>
    <row r="21579" spans="4:5" x14ac:dyDescent="0.25">
      <c r="D21579" s="6">
        <v>642.28570000000002</v>
      </c>
      <c r="E21579" s="6">
        <v>841.91459999999995</v>
      </c>
    </row>
    <row r="21580" spans="4:5" x14ac:dyDescent="0.25">
      <c r="D21580" s="6">
        <v>667.2876</v>
      </c>
      <c r="E21580" s="6">
        <v>558.00660000000005</v>
      </c>
    </row>
    <row r="21581" spans="4:5" x14ac:dyDescent="0.25">
      <c r="D21581" s="6">
        <v>457.93529999999998</v>
      </c>
      <c r="E21581" s="6">
        <v>632.47580000000005</v>
      </c>
    </row>
    <row r="21582" spans="4:5" x14ac:dyDescent="0.25">
      <c r="D21582" s="6">
        <v>1007.326</v>
      </c>
      <c r="E21582" s="6">
        <v>801.77729999999997</v>
      </c>
    </row>
    <row r="21583" spans="4:5" x14ac:dyDescent="0.25">
      <c r="D21583" s="6">
        <v>711.06129999999996</v>
      </c>
      <c r="E21583" s="6">
        <v>970.59220000000005</v>
      </c>
    </row>
    <row r="21584" spans="4:5" x14ac:dyDescent="0.25">
      <c r="D21584" s="6">
        <v>689.53380000000004</v>
      </c>
      <c r="E21584" s="6">
        <v>861.5172</v>
      </c>
    </row>
    <row r="21585" spans="4:5" x14ac:dyDescent="0.25">
      <c r="D21585" s="6">
        <v>1286.77</v>
      </c>
      <c r="E21585" s="6">
        <v>413.923</v>
      </c>
    </row>
    <row r="21586" spans="4:5" x14ac:dyDescent="0.25">
      <c r="D21586" s="6">
        <v>958.20690000000002</v>
      </c>
      <c r="E21586" s="6">
        <v>671.20129999999995</v>
      </c>
    </row>
    <row r="21587" spans="4:5" x14ac:dyDescent="0.25">
      <c r="D21587" s="6">
        <v>679.88580000000002</v>
      </c>
      <c r="E21587" s="6">
        <v>2389.2040000000002</v>
      </c>
    </row>
    <row r="21588" spans="4:5" x14ac:dyDescent="0.25">
      <c r="D21588" s="6">
        <v>762.46479999999997</v>
      </c>
      <c r="E21588" s="6">
        <v>751.88310000000001</v>
      </c>
    </row>
    <row r="21589" spans="4:5" x14ac:dyDescent="0.25">
      <c r="D21589" s="6">
        <v>699.36649999999997</v>
      </c>
      <c r="E21589" s="6">
        <v>719.03769999999997</v>
      </c>
    </row>
    <row r="21590" spans="4:5" x14ac:dyDescent="0.25">
      <c r="D21590" s="6">
        <v>720.60040000000004</v>
      </c>
      <c r="E21590" s="6">
        <v>1024.405</v>
      </c>
    </row>
    <row r="21591" spans="4:5" x14ac:dyDescent="0.25">
      <c r="D21591" s="6">
        <v>628.34479999999996</v>
      </c>
      <c r="E21591" s="6">
        <v>5389</v>
      </c>
    </row>
    <row r="21592" spans="4:5" x14ac:dyDescent="0.25">
      <c r="D21592" s="6">
        <v>1202.345</v>
      </c>
      <c r="E21592" s="6">
        <v>805.24069999999995</v>
      </c>
    </row>
    <row r="21593" spans="4:5" x14ac:dyDescent="0.25">
      <c r="D21593" s="6">
        <v>861.22149999999999</v>
      </c>
      <c r="E21593" s="6">
        <v>2044.883</v>
      </c>
    </row>
    <row r="21594" spans="4:5" x14ac:dyDescent="0.25">
      <c r="D21594" s="6">
        <v>1230.086</v>
      </c>
      <c r="E21594" s="6">
        <v>884.73050000000001</v>
      </c>
    </row>
    <row r="21595" spans="4:5" x14ac:dyDescent="0.25">
      <c r="D21595" s="6">
        <v>991.82889999999998</v>
      </c>
      <c r="E21595" s="6">
        <v>827.95780000000002</v>
      </c>
    </row>
    <row r="21596" spans="4:5" x14ac:dyDescent="0.25">
      <c r="D21596" s="6">
        <v>479.3775</v>
      </c>
      <c r="E21596" s="6">
        <v>823.82410000000004</v>
      </c>
    </row>
    <row r="21597" spans="4:5" x14ac:dyDescent="0.25">
      <c r="D21597" s="6">
        <v>870.42690000000005</v>
      </c>
      <c r="E21597" s="6">
        <v>1034.82</v>
      </c>
    </row>
    <row r="21598" spans="4:5" x14ac:dyDescent="0.25">
      <c r="D21598" s="6">
        <v>1271.723</v>
      </c>
      <c r="E21598" s="6">
        <v>1429.623</v>
      </c>
    </row>
    <row r="21599" spans="4:5" x14ac:dyDescent="0.25">
      <c r="D21599" s="6">
        <v>913.47220000000004</v>
      </c>
      <c r="E21599" s="6">
        <v>808.2962</v>
      </c>
    </row>
    <row r="21600" spans="4:5" x14ac:dyDescent="0.25">
      <c r="D21600" s="6">
        <v>540.08299999999997</v>
      </c>
      <c r="E21600" s="6">
        <v>736.36429999999996</v>
      </c>
    </row>
    <row r="21601" spans="4:5" x14ac:dyDescent="0.25">
      <c r="D21601" s="6">
        <v>855.71780000000001</v>
      </c>
      <c r="E21601" s="6">
        <v>786.99959999999999</v>
      </c>
    </row>
    <row r="21602" spans="4:5" x14ac:dyDescent="0.25">
      <c r="D21602" s="6">
        <v>1913</v>
      </c>
      <c r="E21602" s="6">
        <v>854.46310000000005</v>
      </c>
    </row>
    <row r="21603" spans="4:5" x14ac:dyDescent="0.25">
      <c r="D21603" s="6">
        <v>1193.577</v>
      </c>
      <c r="E21603" s="6">
        <v>630.17970000000003</v>
      </c>
    </row>
    <row r="21604" spans="4:5" x14ac:dyDescent="0.25">
      <c r="D21604" s="6">
        <v>681.09090000000003</v>
      </c>
      <c r="E21604" s="6">
        <v>624.37980000000005</v>
      </c>
    </row>
    <row r="21605" spans="4:5" x14ac:dyDescent="0.25">
      <c r="D21605" s="6">
        <v>568.33450000000005</v>
      </c>
      <c r="E21605" s="6">
        <v>877.6635</v>
      </c>
    </row>
    <row r="21606" spans="4:5" x14ac:dyDescent="0.25">
      <c r="D21606" s="6">
        <v>1076.431</v>
      </c>
      <c r="E21606" s="6">
        <v>582.13509999999997</v>
      </c>
    </row>
    <row r="21607" spans="4:5" x14ac:dyDescent="0.25">
      <c r="D21607" s="6">
        <v>590.26990000000001</v>
      </c>
      <c r="E21607" s="6">
        <v>616.10569999999996</v>
      </c>
    </row>
    <row r="21608" spans="4:5" x14ac:dyDescent="0.25">
      <c r="D21608" s="6">
        <v>1184.9570000000001</v>
      </c>
      <c r="E21608" s="6">
        <v>936.65369999999996</v>
      </c>
    </row>
    <row r="21609" spans="4:5" x14ac:dyDescent="0.25">
      <c r="D21609" s="6">
        <v>539.31780000000003</v>
      </c>
      <c r="E21609" s="6">
        <v>817.22220000000004</v>
      </c>
    </row>
    <row r="21610" spans="4:5" x14ac:dyDescent="0.25">
      <c r="D21610" s="6">
        <v>534.32349999999997</v>
      </c>
      <c r="E21610" s="6">
        <v>655.53440000000001</v>
      </c>
    </row>
    <row r="21611" spans="4:5" x14ac:dyDescent="0.25">
      <c r="D21611" s="6">
        <v>686.52049999999997</v>
      </c>
      <c r="E21611" s="6">
        <v>7103.6149999999998</v>
      </c>
    </row>
    <row r="21612" spans="4:5" x14ac:dyDescent="0.25">
      <c r="D21612" s="6">
        <v>3413.5</v>
      </c>
      <c r="E21612" s="6">
        <v>1007.237</v>
      </c>
    </row>
    <row r="21613" spans="4:5" x14ac:dyDescent="0.25">
      <c r="D21613" s="6">
        <v>648</v>
      </c>
      <c r="E21613" s="6">
        <v>16000.31</v>
      </c>
    </row>
    <row r="21614" spans="4:5" x14ac:dyDescent="0.25">
      <c r="D21614" s="6">
        <v>681.28449999999998</v>
      </c>
      <c r="E21614" s="6">
        <v>1349.12</v>
      </c>
    </row>
    <row r="21615" spans="4:5" x14ac:dyDescent="0.25">
      <c r="D21615" s="6">
        <v>856.86040000000003</v>
      </c>
      <c r="E21615" s="6">
        <v>8088.076</v>
      </c>
    </row>
    <row r="21616" spans="4:5" x14ac:dyDescent="0.25">
      <c r="D21616" s="6">
        <v>2425.6669999999999</v>
      </c>
      <c r="E21616" s="6">
        <v>879.67460000000005</v>
      </c>
    </row>
    <row r="21617" spans="4:5" x14ac:dyDescent="0.25">
      <c r="D21617" s="6">
        <v>944.84270000000004</v>
      </c>
      <c r="E21617" s="6">
        <v>810.72230000000002</v>
      </c>
    </row>
    <row r="21618" spans="4:5" x14ac:dyDescent="0.25">
      <c r="D21618" s="6">
        <v>903.82380000000001</v>
      </c>
      <c r="E21618" s="6">
        <v>643.00630000000001</v>
      </c>
    </row>
    <row r="21619" spans="4:5" x14ac:dyDescent="0.25">
      <c r="D21619" s="6">
        <v>427.70780000000002</v>
      </c>
      <c r="E21619" s="6">
        <v>507.89490000000001</v>
      </c>
    </row>
    <row r="21620" spans="4:5" x14ac:dyDescent="0.25">
      <c r="D21620" s="6">
        <v>1280.8330000000001</v>
      </c>
      <c r="E21620" s="6">
        <v>801.43790000000001</v>
      </c>
    </row>
    <row r="21621" spans="4:5" x14ac:dyDescent="0.25">
      <c r="D21621" s="6">
        <v>1364.2</v>
      </c>
      <c r="E21621" s="6">
        <v>786.66700000000003</v>
      </c>
    </row>
    <row r="21622" spans="4:5" x14ac:dyDescent="0.25">
      <c r="D21622" s="6">
        <v>4041.0880000000002</v>
      </c>
      <c r="E21622" s="6">
        <v>707.93979999999999</v>
      </c>
    </row>
    <row r="21623" spans="4:5" x14ac:dyDescent="0.25">
      <c r="D21623" s="6">
        <v>611.22190000000001</v>
      </c>
      <c r="E21623" s="6">
        <v>8694.3770000000004</v>
      </c>
    </row>
    <row r="21624" spans="4:5" x14ac:dyDescent="0.25">
      <c r="D21624" s="6">
        <v>717.35609999999997</v>
      </c>
      <c r="E21624" s="6">
        <v>853.39239999999995</v>
      </c>
    </row>
    <row r="21625" spans="4:5" x14ac:dyDescent="0.25">
      <c r="D21625" s="6">
        <v>829.69050000000004</v>
      </c>
      <c r="E21625" s="6">
        <v>668.93140000000005</v>
      </c>
    </row>
    <row r="21626" spans="4:5" x14ac:dyDescent="0.25">
      <c r="D21626" s="6">
        <v>792.29669999999999</v>
      </c>
      <c r="E21626" s="6">
        <v>921.47670000000005</v>
      </c>
    </row>
    <row r="21627" spans="4:5" x14ac:dyDescent="0.25">
      <c r="D21627" s="6">
        <v>1189.5</v>
      </c>
      <c r="E21627" s="6">
        <v>628.86990000000003</v>
      </c>
    </row>
    <row r="21628" spans="4:5" x14ac:dyDescent="0.25">
      <c r="D21628" s="6">
        <v>9580.7780000000002</v>
      </c>
      <c r="E21628" s="6">
        <v>6302.866</v>
      </c>
    </row>
    <row r="21629" spans="4:5" x14ac:dyDescent="0.25">
      <c r="D21629" s="6">
        <v>1237.643</v>
      </c>
      <c r="E21629" s="6">
        <v>5551.7460000000001</v>
      </c>
    </row>
    <row r="21630" spans="4:5" x14ac:dyDescent="0.25">
      <c r="D21630" s="6">
        <v>648</v>
      </c>
      <c r="E21630" s="6">
        <v>897.68179999999995</v>
      </c>
    </row>
    <row r="21631" spans="4:5" x14ac:dyDescent="0.25">
      <c r="D21631" s="6">
        <v>943.3356</v>
      </c>
      <c r="E21631" s="6">
        <v>692.81410000000005</v>
      </c>
    </row>
    <row r="21632" spans="4:5" x14ac:dyDescent="0.25">
      <c r="D21632" s="6">
        <v>665.55179999999996</v>
      </c>
      <c r="E21632" s="6">
        <v>1524.021</v>
      </c>
    </row>
    <row r="21633" spans="4:5" x14ac:dyDescent="0.25">
      <c r="D21633" s="6">
        <v>1112.079</v>
      </c>
      <c r="E21633" s="6">
        <v>1484.078</v>
      </c>
    </row>
    <row r="21634" spans="4:5" x14ac:dyDescent="0.25">
      <c r="D21634" s="6">
        <v>538.14049999999997</v>
      </c>
      <c r="E21634" s="6">
        <v>660.89049999999997</v>
      </c>
    </row>
    <row r="21635" spans="4:5" x14ac:dyDescent="0.25">
      <c r="D21635" s="6">
        <v>667.71429999999998</v>
      </c>
      <c r="E21635" s="6">
        <v>758.78930000000003</v>
      </c>
    </row>
    <row r="21636" spans="4:5" x14ac:dyDescent="0.25">
      <c r="D21636" s="6">
        <v>1127.1220000000001</v>
      </c>
      <c r="E21636" s="6">
        <v>1812.8130000000001</v>
      </c>
    </row>
    <row r="21637" spans="4:5" x14ac:dyDescent="0.25">
      <c r="D21637" s="6">
        <v>733.55610000000001</v>
      </c>
      <c r="E21637" s="6">
        <v>5180.5619999999999</v>
      </c>
    </row>
    <row r="21638" spans="4:5" x14ac:dyDescent="0.25">
      <c r="D21638" s="6">
        <v>885.27700000000004</v>
      </c>
      <c r="E21638" s="6">
        <v>1545.3610000000001</v>
      </c>
    </row>
    <row r="21639" spans="4:5" x14ac:dyDescent="0.25">
      <c r="D21639" s="6">
        <v>712.92430000000002</v>
      </c>
      <c r="E21639" s="6">
        <v>748.13699999999994</v>
      </c>
    </row>
    <row r="21640" spans="4:5" x14ac:dyDescent="0.25">
      <c r="D21640" s="6">
        <v>546.66150000000005</v>
      </c>
      <c r="E21640" s="6">
        <v>1857.886</v>
      </c>
    </row>
    <row r="21641" spans="4:5" x14ac:dyDescent="0.25">
      <c r="D21641" s="6">
        <v>687.3931</v>
      </c>
      <c r="E21641" s="6">
        <v>487.57979999999998</v>
      </c>
    </row>
    <row r="21642" spans="4:5" x14ac:dyDescent="0.25">
      <c r="D21642" s="6">
        <v>668.17250000000001</v>
      </c>
      <c r="E21642" s="6">
        <v>1394.0509999999999</v>
      </c>
    </row>
    <row r="21643" spans="4:5" x14ac:dyDescent="0.25">
      <c r="D21643" s="6">
        <v>5296</v>
      </c>
      <c r="E21643" s="6">
        <v>742.64200000000005</v>
      </c>
    </row>
    <row r="21644" spans="4:5" x14ac:dyDescent="0.25">
      <c r="D21644" s="6">
        <v>879.55510000000004</v>
      </c>
      <c r="E21644" s="6">
        <v>1636.31</v>
      </c>
    </row>
    <row r="21645" spans="4:5" x14ac:dyDescent="0.25">
      <c r="D21645" s="6">
        <v>603.29250000000002</v>
      </c>
      <c r="E21645" s="6">
        <v>605.16639999999995</v>
      </c>
    </row>
    <row r="21646" spans="4:5" x14ac:dyDescent="0.25">
      <c r="D21646" s="6">
        <v>823.92420000000004</v>
      </c>
      <c r="E21646" s="6">
        <v>3206.9070000000002</v>
      </c>
    </row>
    <row r="21647" spans="4:5" x14ac:dyDescent="0.25">
      <c r="D21647" s="6">
        <v>1361.9069999999999</v>
      </c>
      <c r="E21647" s="6">
        <v>3823.2379999999998</v>
      </c>
    </row>
    <row r="21648" spans="4:5" x14ac:dyDescent="0.25">
      <c r="D21648" s="6">
        <v>634.0607</v>
      </c>
      <c r="E21648" s="6">
        <v>816.12109999999996</v>
      </c>
    </row>
    <row r="21649" spans="4:5" x14ac:dyDescent="0.25">
      <c r="D21649" s="6">
        <v>751.02089999999998</v>
      </c>
      <c r="E21649" s="6">
        <v>786.03020000000004</v>
      </c>
    </row>
    <row r="21650" spans="4:5" x14ac:dyDescent="0.25">
      <c r="D21650" s="6">
        <v>549.59280000000001</v>
      </c>
      <c r="E21650" s="6">
        <v>531.62360000000001</v>
      </c>
    </row>
    <row r="21651" spans="4:5" x14ac:dyDescent="0.25">
      <c r="D21651" s="6">
        <v>707.11440000000005</v>
      </c>
      <c r="E21651" s="6">
        <v>4254.2380000000003</v>
      </c>
    </row>
    <row r="21652" spans="4:5" x14ac:dyDescent="0.25">
      <c r="D21652" s="6">
        <v>768.56640000000004</v>
      </c>
      <c r="E21652" s="6">
        <v>804.93640000000005</v>
      </c>
    </row>
    <row r="21653" spans="4:5" x14ac:dyDescent="0.25">
      <c r="D21653" s="6">
        <v>733.78399999999999</v>
      </c>
      <c r="E21653" s="6">
        <v>856.91669999999999</v>
      </c>
    </row>
    <row r="21654" spans="4:5" x14ac:dyDescent="0.25">
      <c r="D21654" s="6">
        <v>710.05520000000001</v>
      </c>
      <c r="E21654" s="6">
        <v>6405.45</v>
      </c>
    </row>
    <row r="21655" spans="4:5" x14ac:dyDescent="0.25">
      <c r="D21655" s="6">
        <v>2983.02</v>
      </c>
      <c r="E21655" s="6">
        <v>7428.2529999999997</v>
      </c>
    </row>
    <row r="21656" spans="4:5" x14ac:dyDescent="0.25">
      <c r="D21656" s="6">
        <v>742.83330000000001</v>
      </c>
      <c r="E21656" s="6">
        <v>790.04390000000001</v>
      </c>
    </row>
    <row r="21657" spans="4:5" x14ac:dyDescent="0.25">
      <c r="D21657" s="6">
        <v>681.00660000000005</v>
      </c>
      <c r="E21657" s="6">
        <v>760.303</v>
      </c>
    </row>
    <row r="21658" spans="4:5" x14ac:dyDescent="0.25">
      <c r="D21658" s="6">
        <v>1228.029</v>
      </c>
      <c r="E21658" s="6">
        <v>878.46860000000004</v>
      </c>
    </row>
    <row r="21659" spans="4:5" x14ac:dyDescent="0.25">
      <c r="D21659" s="6">
        <v>756.79840000000002</v>
      </c>
      <c r="E21659" s="6">
        <v>840.55899999999997</v>
      </c>
    </row>
    <row r="21660" spans="4:5" x14ac:dyDescent="0.25">
      <c r="D21660" s="6">
        <v>605.13829999999996</v>
      </c>
      <c r="E21660" s="6">
        <v>9152.1650000000009</v>
      </c>
    </row>
    <row r="21661" spans="4:5" x14ac:dyDescent="0.25">
      <c r="D21661" s="6">
        <v>831.06600000000003</v>
      </c>
      <c r="E21661" s="6">
        <v>925.35289999999998</v>
      </c>
    </row>
    <row r="21662" spans="4:5" x14ac:dyDescent="0.25">
      <c r="D21662" s="6">
        <v>1609.0150000000001</v>
      </c>
      <c r="E21662" s="6">
        <v>768.60140000000001</v>
      </c>
    </row>
    <row r="21663" spans="4:5" x14ac:dyDescent="0.25">
      <c r="D21663" s="6">
        <v>625.67600000000004</v>
      </c>
      <c r="E21663" s="6">
        <v>823.56460000000004</v>
      </c>
    </row>
    <row r="21664" spans="4:5" x14ac:dyDescent="0.25">
      <c r="D21664" s="6">
        <v>1363</v>
      </c>
      <c r="E21664" s="6">
        <v>961.16510000000005</v>
      </c>
    </row>
    <row r="21665" spans="4:5" x14ac:dyDescent="0.25">
      <c r="D21665" s="6">
        <v>1411</v>
      </c>
      <c r="E21665" s="6">
        <v>845.00170000000003</v>
      </c>
    </row>
    <row r="21666" spans="4:5" x14ac:dyDescent="0.25">
      <c r="D21666" s="6">
        <v>467.0874</v>
      </c>
      <c r="E21666" s="6">
        <v>763.81029999999998</v>
      </c>
    </row>
    <row r="21667" spans="4:5" x14ac:dyDescent="0.25">
      <c r="D21667" s="6">
        <v>696.20230000000004</v>
      </c>
      <c r="E21667" s="6">
        <v>719.8845</v>
      </c>
    </row>
    <row r="21668" spans="4:5" x14ac:dyDescent="0.25">
      <c r="D21668" s="6">
        <v>655.55409999999995</v>
      </c>
      <c r="E21668" s="6">
        <v>2092.163</v>
      </c>
    </row>
    <row r="21669" spans="4:5" x14ac:dyDescent="0.25">
      <c r="D21669" s="6">
        <v>615.75</v>
      </c>
      <c r="E21669" s="6">
        <v>1831.6389999999999</v>
      </c>
    </row>
    <row r="21670" spans="4:5" x14ac:dyDescent="0.25">
      <c r="D21670" s="6">
        <v>957.78809999999999</v>
      </c>
      <c r="E21670" s="6">
        <v>7584.9849999999997</v>
      </c>
    </row>
    <row r="21671" spans="4:5" x14ac:dyDescent="0.25">
      <c r="D21671" s="6">
        <v>2139.2269999999999</v>
      </c>
      <c r="E21671" s="6">
        <v>733.71109999999999</v>
      </c>
    </row>
    <row r="21672" spans="4:5" x14ac:dyDescent="0.25">
      <c r="D21672" s="6">
        <v>3375.6669999999999</v>
      </c>
      <c r="E21672" s="6">
        <v>830.96109999999999</v>
      </c>
    </row>
    <row r="21673" spans="4:5" x14ac:dyDescent="0.25">
      <c r="D21673" s="6">
        <v>3535.4720000000002</v>
      </c>
      <c r="E21673" s="6">
        <v>714.83330000000001</v>
      </c>
    </row>
    <row r="21674" spans="4:5" x14ac:dyDescent="0.25">
      <c r="D21674" s="6">
        <v>1591.1379999999999</v>
      </c>
      <c r="E21674" s="6">
        <v>756.9751</v>
      </c>
    </row>
    <row r="21675" spans="4:5" x14ac:dyDescent="0.25">
      <c r="D21675" s="6">
        <v>640.33680000000004</v>
      </c>
      <c r="E21675" s="6">
        <v>869.57579999999996</v>
      </c>
    </row>
    <row r="21676" spans="4:5" x14ac:dyDescent="0.25">
      <c r="D21676" s="6">
        <v>849.48270000000002</v>
      </c>
      <c r="E21676" s="6">
        <v>714.78620000000001</v>
      </c>
    </row>
    <row r="21677" spans="4:5" x14ac:dyDescent="0.25">
      <c r="D21677" s="6">
        <v>1343.153</v>
      </c>
      <c r="E21677" s="6">
        <v>654.27560000000005</v>
      </c>
    </row>
    <row r="21678" spans="4:5" x14ac:dyDescent="0.25">
      <c r="D21678" s="6">
        <v>1126</v>
      </c>
      <c r="E21678" s="6">
        <v>728.63329999999996</v>
      </c>
    </row>
    <row r="21679" spans="4:5" x14ac:dyDescent="0.25">
      <c r="D21679" s="6">
        <v>876.70640000000003</v>
      </c>
      <c r="E21679" s="6">
        <v>884.24850000000004</v>
      </c>
    </row>
    <row r="21680" spans="4:5" x14ac:dyDescent="0.25">
      <c r="D21680" s="6">
        <v>502.565</v>
      </c>
      <c r="E21680" s="6">
        <v>708.21050000000002</v>
      </c>
    </row>
    <row r="21681" spans="4:5" x14ac:dyDescent="0.25">
      <c r="D21681" s="6">
        <v>1093.4069999999999</v>
      </c>
      <c r="E21681" s="6">
        <v>470.65710000000001</v>
      </c>
    </row>
    <row r="21682" spans="4:5" x14ac:dyDescent="0.25">
      <c r="D21682" s="6">
        <v>557.13710000000003</v>
      </c>
      <c r="E21682" s="6">
        <v>4595.62</v>
      </c>
    </row>
    <row r="21683" spans="4:5" x14ac:dyDescent="0.25">
      <c r="D21683" s="6">
        <v>873.71579999999994</v>
      </c>
      <c r="E21683" s="6">
        <v>1233.8620000000001</v>
      </c>
    </row>
    <row r="21684" spans="4:5" x14ac:dyDescent="0.25">
      <c r="D21684" s="6">
        <v>573.04610000000002</v>
      </c>
      <c r="E21684" s="6">
        <v>1307.8620000000001</v>
      </c>
    </row>
    <row r="21685" spans="4:5" x14ac:dyDescent="0.25">
      <c r="D21685" s="6">
        <v>481.63</v>
      </c>
      <c r="E21685" s="6">
        <v>864.34</v>
      </c>
    </row>
    <row r="21686" spans="4:5" x14ac:dyDescent="0.25">
      <c r="D21686" s="6">
        <v>932.55889999999999</v>
      </c>
      <c r="E21686" s="6">
        <v>9711.2180000000008</v>
      </c>
    </row>
    <row r="21687" spans="4:5" x14ac:dyDescent="0.25">
      <c r="D21687" s="6">
        <v>784.63890000000004</v>
      </c>
      <c r="E21687" s="6">
        <v>801.77779999999996</v>
      </c>
    </row>
    <row r="21688" spans="4:5" x14ac:dyDescent="0.25">
      <c r="D21688" s="6">
        <v>1562.047</v>
      </c>
      <c r="E21688" s="6">
        <v>820.50160000000005</v>
      </c>
    </row>
    <row r="21689" spans="4:5" x14ac:dyDescent="0.25">
      <c r="D21689" s="6">
        <v>462.47399999999999</v>
      </c>
      <c r="E21689" s="6">
        <v>1994.6669999999999</v>
      </c>
    </row>
    <row r="21690" spans="4:5" x14ac:dyDescent="0.25">
      <c r="D21690" s="6">
        <v>698.55840000000001</v>
      </c>
      <c r="E21690" s="6">
        <v>7432.7030000000004</v>
      </c>
    </row>
    <row r="21691" spans="4:5" x14ac:dyDescent="0.25">
      <c r="D21691" s="6">
        <v>576.46370000000002</v>
      </c>
      <c r="E21691" s="6">
        <v>802.50250000000005</v>
      </c>
    </row>
    <row r="21692" spans="4:5" x14ac:dyDescent="0.25">
      <c r="D21692" s="6">
        <v>817.40890000000002</v>
      </c>
      <c r="E21692" s="6">
        <v>595.1712</v>
      </c>
    </row>
    <row r="21693" spans="4:5" x14ac:dyDescent="0.25">
      <c r="D21693" s="6">
        <v>909.17520000000002</v>
      </c>
      <c r="E21693" s="6">
        <v>619.8972</v>
      </c>
    </row>
    <row r="21694" spans="4:5" x14ac:dyDescent="0.25">
      <c r="D21694" s="6">
        <v>955.56830000000002</v>
      </c>
      <c r="E21694" s="6">
        <v>910.50840000000005</v>
      </c>
    </row>
    <row r="21695" spans="4:5" x14ac:dyDescent="0.25">
      <c r="D21695" s="6">
        <v>720.10760000000005</v>
      </c>
      <c r="E21695" s="6">
        <v>500.28140000000002</v>
      </c>
    </row>
    <row r="21696" spans="4:5" x14ac:dyDescent="0.25">
      <c r="D21696" s="6">
        <v>536.29190000000006</v>
      </c>
      <c r="E21696" s="6">
        <v>695.45349999999996</v>
      </c>
    </row>
    <row r="21697" spans="4:5" x14ac:dyDescent="0.25">
      <c r="D21697" s="6">
        <v>1107.354</v>
      </c>
      <c r="E21697" s="6">
        <v>705.69770000000005</v>
      </c>
    </row>
    <row r="21698" spans="4:5" x14ac:dyDescent="0.25">
      <c r="D21698" s="6">
        <v>2051.3440000000001</v>
      </c>
      <c r="E21698" s="6">
        <v>1379.951</v>
      </c>
    </row>
    <row r="21699" spans="4:5" x14ac:dyDescent="0.25">
      <c r="D21699" s="6">
        <v>654.69780000000003</v>
      </c>
      <c r="E21699" s="6">
        <v>585.19320000000005</v>
      </c>
    </row>
    <row r="21700" spans="4:5" x14ac:dyDescent="0.25">
      <c r="D21700" s="6">
        <v>847.59619999999995</v>
      </c>
      <c r="E21700" s="6">
        <v>736.13160000000005</v>
      </c>
    </row>
    <row r="21701" spans="4:5" x14ac:dyDescent="0.25">
      <c r="D21701" s="6">
        <v>826.77909999999997</v>
      </c>
      <c r="E21701" s="6">
        <v>856.16449999999998</v>
      </c>
    </row>
    <row r="21702" spans="4:5" x14ac:dyDescent="0.25">
      <c r="D21702" s="6">
        <v>1582.922</v>
      </c>
      <c r="E21702" s="6">
        <v>646.03399999999999</v>
      </c>
    </row>
    <row r="21703" spans="4:5" x14ac:dyDescent="0.25">
      <c r="D21703" s="6">
        <v>709.57950000000005</v>
      </c>
      <c r="E21703" s="6">
        <v>2437.8980000000001</v>
      </c>
    </row>
    <row r="21704" spans="4:5" x14ac:dyDescent="0.25">
      <c r="D21704" s="6">
        <v>706.40200000000004</v>
      </c>
      <c r="E21704" s="6">
        <v>1283.2729999999999</v>
      </c>
    </row>
    <row r="21705" spans="4:5" x14ac:dyDescent="0.25">
      <c r="D21705" s="6">
        <v>665</v>
      </c>
      <c r="E21705" s="6">
        <v>724.53070000000002</v>
      </c>
    </row>
    <row r="21706" spans="4:5" x14ac:dyDescent="0.25">
      <c r="D21706" s="6">
        <v>681.88969999999995</v>
      </c>
      <c r="E21706" s="6">
        <v>529.06410000000005</v>
      </c>
    </row>
    <row r="21707" spans="4:5" x14ac:dyDescent="0.25">
      <c r="D21707" s="6">
        <v>875.05169999999998</v>
      </c>
      <c r="E21707" s="6">
        <v>983.03330000000005</v>
      </c>
    </row>
    <row r="21708" spans="4:5" x14ac:dyDescent="0.25">
      <c r="D21708" s="6">
        <v>2018.625</v>
      </c>
      <c r="E21708" s="6">
        <v>998.91759999999999</v>
      </c>
    </row>
    <row r="21709" spans="4:5" x14ac:dyDescent="0.25">
      <c r="D21709" s="6">
        <v>819.64829999999995</v>
      </c>
      <c r="E21709" s="6">
        <v>746.84220000000005</v>
      </c>
    </row>
    <row r="21710" spans="4:5" x14ac:dyDescent="0.25">
      <c r="D21710" s="6">
        <v>875.74170000000004</v>
      </c>
      <c r="E21710" s="6">
        <v>749.76790000000005</v>
      </c>
    </row>
    <row r="21711" spans="4:5" x14ac:dyDescent="0.25">
      <c r="D21711" s="6">
        <v>1511.086</v>
      </c>
      <c r="E21711" s="6">
        <v>759.35879999999997</v>
      </c>
    </row>
    <row r="21712" spans="4:5" x14ac:dyDescent="0.25">
      <c r="D21712" s="6">
        <v>884.30070000000001</v>
      </c>
      <c r="E21712" s="6">
        <v>761.19470000000001</v>
      </c>
    </row>
    <row r="21713" spans="4:5" x14ac:dyDescent="0.25">
      <c r="D21713" s="6">
        <v>793.08169999999996</v>
      </c>
      <c r="E21713" s="6">
        <v>616.20000000000005</v>
      </c>
    </row>
    <row r="21714" spans="4:5" x14ac:dyDescent="0.25">
      <c r="D21714" s="6">
        <v>731.23630000000003</v>
      </c>
      <c r="E21714" s="6">
        <v>7535.8220000000001</v>
      </c>
    </row>
    <row r="21715" spans="4:5" x14ac:dyDescent="0.25">
      <c r="D21715" s="6">
        <v>742.11350000000004</v>
      </c>
      <c r="E21715" s="6">
        <v>940.07550000000003</v>
      </c>
    </row>
    <row r="21716" spans="4:5" x14ac:dyDescent="0.25">
      <c r="D21716" s="6">
        <v>964.98389999999995</v>
      </c>
      <c r="E21716" s="6">
        <v>901.01440000000002</v>
      </c>
    </row>
    <row r="21717" spans="4:5" x14ac:dyDescent="0.25">
      <c r="D21717" s="6">
        <v>1511.6</v>
      </c>
      <c r="E21717" s="6">
        <v>658.00490000000002</v>
      </c>
    </row>
    <row r="21718" spans="4:5" x14ac:dyDescent="0.25">
      <c r="D21718" s="6">
        <v>788.38170000000002</v>
      </c>
      <c r="E21718" s="6">
        <v>5509</v>
      </c>
    </row>
    <row r="21719" spans="4:5" x14ac:dyDescent="0.25">
      <c r="D21719" s="6">
        <v>873.40710000000001</v>
      </c>
      <c r="E21719" s="6">
        <v>657.755</v>
      </c>
    </row>
    <row r="21720" spans="4:5" x14ac:dyDescent="0.25">
      <c r="D21720" s="6">
        <v>1165.3900000000001</v>
      </c>
      <c r="E21720" s="6">
        <v>894.24220000000003</v>
      </c>
    </row>
    <row r="21721" spans="4:5" x14ac:dyDescent="0.25">
      <c r="D21721" s="6">
        <v>1253.423</v>
      </c>
      <c r="E21721" s="6">
        <v>1543.4459999999999</v>
      </c>
    </row>
    <row r="21722" spans="4:5" x14ac:dyDescent="0.25">
      <c r="D21722" s="6">
        <v>929.89670000000001</v>
      </c>
      <c r="E21722" s="6">
        <v>2953.232</v>
      </c>
    </row>
    <row r="21723" spans="4:5" x14ac:dyDescent="0.25">
      <c r="D21723" s="6">
        <v>648.65260000000001</v>
      </c>
      <c r="E21723" s="6">
        <v>5414.848</v>
      </c>
    </row>
    <row r="21724" spans="4:5" x14ac:dyDescent="0.25">
      <c r="D21724" s="6">
        <v>784.50340000000006</v>
      </c>
      <c r="E21724" s="6">
        <v>913.48869999999999</v>
      </c>
    </row>
    <row r="21725" spans="4:5" x14ac:dyDescent="0.25">
      <c r="D21725" s="6">
        <v>857.10450000000003</v>
      </c>
      <c r="E21725" s="6">
        <v>469.23489999999998</v>
      </c>
    </row>
    <row r="21726" spans="4:5" x14ac:dyDescent="0.25">
      <c r="D21726" s="6">
        <v>1152.0730000000001</v>
      </c>
      <c r="E21726" s="6">
        <v>762.15120000000002</v>
      </c>
    </row>
    <row r="21727" spans="4:5" x14ac:dyDescent="0.25">
      <c r="D21727" s="6">
        <v>2283</v>
      </c>
      <c r="E21727" s="6">
        <v>896.18140000000005</v>
      </c>
    </row>
    <row r="21728" spans="4:5" x14ac:dyDescent="0.25">
      <c r="D21728" s="6">
        <v>1445.76</v>
      </c>
      <c r="E21728" s="6">
        <v>3925.3980000000001</v>
      </c>
    </row>
    <row r="21729" spans="4:5" x14ac:dyDescent="0.25">
      <c r="D21729" s="6">
        <v>738.21069999999997</v>
      </c>
      <c r="E21729" s="6">
        <v>748.32669999999996</v>
      </c>
    </row>
    <row r="21730" spans="4:5" x14ac:dyDescent="0.25">
      <c r="D21730" s="6">
        <v>2106</v>
      </c>
      <c r="E21730" s="6">
        <v>717.99</v>
      </c>
    </row>
    <row r="21731" spans="4:5" x14ac:dyDescent="0.25">
      <c r="D21731" s="6">
        <v>1051.6890000000001</v>
      </c>
      <c r="E21731" s="6">
        <v>893.54629999999997</v>
      </c>
    </row>
    <row r="21732" spans="4:5" x14ac:dyDescent="0.25">
      <c r="D21732" s="6">
        <v>928.82820000000004</v>
      </c>
      <c r="E21732" s="6">
        <v>586.40170000000001</v>
      </c>
    </row>
    <row r="21733" spans="4:5" x14ac:dyDescent="0.25">
      <c r="D21733" s="6">
        <v>1203.1020000000001</v>
      </c>
      <c r="E21733" s="6">
        <v>832.60199999999998</v>
      </c>
    </row>
    <row r="21734" spans="4:5" x14ac:dyDescent="0.25">
      <c r="D21734" s="6">
        <v>985.56460000000004</v>
      </c>
      <c r="E21734" s="6">
        <v>712.16309999999999</v>
      </c>
    </row>
    <row r="21735" spans="4:5" x14ac:dyDescent="0.25">
      <c r="D21735" s="6">
        <v>622.65309999999999</v>
      </c>
      <c r="E21735" s="6">
        <v>904.78700000000003</v>
      </c>
    </row>
    <row r="21736" spans="4:5" x14ac:dyDescent="0.25">
      <c r="D21736" s="6">
        <v>7743.2179999999998</v>
      </c>
      <c r="E21736" s="6">
        <v>4279.0420000000004</v>
      </c>
    </row>
    <row r="21737" spans="4:5" x14ac:dyDescent="0.25">
      <c r="D21737" s="6">
        <v>812.30139999999994</v>
      </c>
      <c r="E21737" s="6">
        <v>644.90440000000001</v>
      </c>
    </row>
    <row r="21738" spans="4:5" x14ac:dyDescent="0.25">
      <c r="D21738" s="6">
        <v>692.02599999999995</v>
      </c>
      <c r="E21738" s="6">
        <v>1980</v>
      </c>
    </row>
    <row r="21739" spans="4:5" x14ac:dyDescent="0.25">
      <c r="D21739" s="6">
        <v>712.49419999999998</v>
      </c>
      <c r="E21739" s="6">
        <v>833.69569999999999</v>
      </c>
    </row>
    <row r="21740" spans="4:5" x14ac:dyDescent="0.25">
      <c r="D21740" s="6">
        <v>871.71429999999998</v>
      </c>
      <c r="E21740" s="6">
        <v>811.38030000000003</v>
      </c>
    </row>
    <row r="21741" spans="4:5" x14ac:dyDescent="0.25">
      <c r="D21741" s="6">
        <v>653.43769999999995</v>
      </c>
      <c r="E21741" s="6">
        <v>695.43290000000002</v>
      </c>
    </row>
    <row r="21742" spans="4:5" x14ac:dyDescent="0.25">
      <c r="D21742" s="6">
        <v>621.3596</v>
      </c>
      <c r="E21742" s="6">
        <v>703.08659999999998</v>
      </c>
    </row>
    <row r="21743" spans="4:5" x14ac:dyDescent="0.25">
      <c r="D21743" s="6">
        <v>1070.1410000000001</v>
      </c>
      <c r="E21743" s="6">
        <v>2233.5320000000002</v>
      </c>
    </row>
    <row r="21744" spans="4:5" x14ac:dyDescent="0.25">
      <c r="D21744" s="6">
        <v>927.78229999999996</v>
      </c>
      <c r="E21744" s="6">
        <v>1151.7360000000001</v>
      </c>
    </row>
    <row r="21745" spans="4:5" x14ac:dyDescent="0.25">
      <c r="D21745" s="6">
        <v>788.38279999999997</v>
      </c>
      <c r="E21745" s="6">
        <v>767.4556</v>
      </c>
    </row>
    <row r="21746" spans="4:5" x14ac:dyDescent="0.25">
      <c r="D21746" s="6">
        <v>870.05859999999996</v>
      </c>
      <c r="E21746" s="6">
        <v>9050.4179999999997</v>
      </c>
    </row>
    <row r="21747" spans="4:5" x14ac:dyDescent="0.25">
      <c r="D21747" s="6">
        <v>520.51110000000006</v>
      </c>
      <c r="E21747" s="6">
        <v>9217.3819999999996</v>
      </c>
    </row>
    <row r="21748" spans="4:5" x14ac:dyDescent="0.25">
      <c r="D21748" s="6">
        <v>421.30869999999999</v>
      </c>
      <c r="E21748" s="6">
        <v>5764.1959999999999</v>
      </c>
    </row>
    <row r="21749" spans="4:5" x14ac:dyDescent="0.25">
      <c r="D21749" s="6">
        <v>698.60550000000001</v>
      </c>
      <c r="E21749" s="6">
        <v>787.98130000000003</v>
      </c>
    </row>
    <row r="21750" spans="4:5" x14ac:dyDescent="0.25">
      <c r="D21750" s="6">
        <v>2414.8670000000002</v>
      </c>
      <c r="E21750" s="6">
        <v>735.05</v>
      </c>
    </row>
    <row r="21751" spans="4:5" x14ac:dyDescent="0.25">
      <c r="D21751" s="6">
        <v>764.19420000000002</v>
      </c>
      <c r="E21751" s="6">
        <v>836.43740000000003</v>
      </c>
    </row>
    <row r="21752" spans="4:5" x14ac:dyDescent="0.25">
      <c r="D21752" s="6">
        <v>628.96939999999995</v>
      </c>
      <c r="E21752" s="6">
        <v>1341.701</v>
      </c>
    </row>
    <row r="21753" spans="4:5" x14ac:dyDescent="0.25">
      <c r="D21753" s="6">
        <v>968</v>
      </c>
      <c r="E21753" s="6">
        <v>724.32680000000005</v>
      </c>
    </row>
    <row r="21754" spans="4:5" x14ac:dyDescent="0.25">
      <c r="D21754" s="6">
        <v>1172.2629999999999</v>
      </c>
      <c r="E21754" s="6">
        <v>5822.4269999999997</v>
      </c>
    </row>
    <row r="21755" spans="4:5" x14ac:dyDescent="0.25">
      <c r="D21755" s="6">
        <v>810.8152</v>
      </c>
      <c r="E21755" s="6">
        <v>1566.26</v>
      </c>
    </row>
    <row r="21756" spans="4:5" x14ac:dyDescent="0.25">
      <c r="D21756" s="6">
        <v>647.96429999999998</v>
      </c>
      <c r="E21756" s="6">
        <v>709.7296</v>
      </c>
    </row>
    <row r="21757" spans="4:5" x14ac:dyDescent="0.25">
      <c r="D21757" s="6">
        <v>526.92740000000003</v>
      </c>
      <c r="E21757" s="6">
        <v>493.11660000000001</v>
      </c>
    </row>
    <row r="21758" spans="4:5" x14ac:dyDescent="0.25">
      <c r="D21758" s="6">
        <v>538.25170000000003</v>
      </c>
      <c r="E21758" s="6">
        <v>7584.1980000000003</v>
      </c>
    </row>
    <row r="21759" spans="4:5" x14ac:dyDescent="0.25">
      <c r="D21759" s="6">
        <v>519</v>
      </c>
      <c r="E21759" s="6">
        <v>478.23649999999998</v>
      </c>
    </row>
    <row r="21760" spans="4:5" x14ac:dyDescent="0.25">
      <c r="D21760" s="6">
        <v>676.21550000000002</v>
      </c>
      <c r="E21760" s="6">
        <v>717.64859999999999</v>
      </c>
    </row>
    <row r="21761" spans="4:5" x14ac:dyDescent="0.25">
      <c r="D21761" s="6">
        <v>702.85699999999997</v>
      </c>
      <c r="E21761" s="6">
        <v>2599.7269999999999</v>
      </c>
    </row>
    <row r="21762" spans="4:5" x14ac:dyDescent="0.25">
      <c r="D21762" s="6">
        <v>622.04470000000003</v>
      </c>
      <c r="E21762" s="6">
        <v>775.09960000000001</v>
      </c>
    </row>
    <row r="21763" spans="4:5" x14ac:dyDescent="0.25">
      <c r="D21763" s="6">
        <v>2259.201</v>
      </c>
      <c r="E21763" s="6">
        <v>1003.489</v>
      </c>
    </row>
    <row r="21764" spans="4:5" x14ac:dyDescent="0.25">
      <c r="D21764" s="6">
        <v>562.48760000000004</v>
      </c>
      <c r="E21764" s="6">
        <v>1086.5419999999999</v>
      </c>
    </row>
    <row r="21765" spans="4:5" x14ac:dyDescent="0.25">
      <c r="D21765" s="6">
        <v>725.11429999999996</v>
      </c>
      <c r="E21765" s="6">
        <v>877.90800000000002</v>
      </c>
    </row>
    <row r="21766" spans="4:5" x14ac:dyDescent="0.25">
      <c r="D21766" s="6">
        <v>635.00279999999998</v>
      </c>
      <c r="E21766" s="6">
        <v>1097.328</v>
      </c>
    </row>
    <row r="21767" spans="4:5" x14ac:dyDescent="0.25">
      <c r="D21767" s="6">
        <v>477</v>
      </c>
      <c r="E21767" s="6">
        <v>815.38570000000004</v>
      </c>
    </row>
    <row r="21768" spans="4:5" x14ac:dyDescent="0.25">
      <c r="D21768" s="6">
        <v>774.58699999999999</v>
      </c>
      <c r="E21768" s="6">
        <v>736.06200000000001</v>
      </c>
    </row>
    <row r="21769" spans="4:5" x14ac:dyDescent="0.25">
      <c r="D21769" s="6">
        <v>875.42370000000005</v>
      </c>
      <c r="E21769" s="6">
        <v>623.3297</v>
      </c>
    </row>
    <row r="21770" spans="4:5" x14ac:dyDescent="0.25">
      <c r="D21770" s="6">
        <v>540.55129999999997</v>
      </c>
      <c r="E21770" s="6">
        <v>756.31949999999995</v>
      </c>
    </row>
    <row r="21771" spans="4:5" x14ac:dyDescent="0.25">
      <c r="D21771" s="6">
        <v>919.34249999999997</v>
      </c>
      <c r="E21771" s="6">
        <v>1495.471</v>
      </c>
    </row>
    <row r="21772" spans="4:5" x14ac:dyDescent="0.25">
      <c r="D21772" s="6">
        <v>4287.0060000000003</v>
      </c>
      <c r="E21772" s="6">
        <v>718.17679999999996</v>
      </c>
    </row>
    <row r="21773" spans="4:5" x14ac:dyDescent="0.25">
      <c r="D21773" s="6">
        <v>556.9588</v>
      </c>
      <c r="E21773" s="6">
        <v>695.3981</v>
      </c>
    </row>
    <row r="21774" spans="4:5" x14ac:dyDescent="0.25">
      <c r="D21774" s="6">
        <v>546.0761</v>
      </c>
      <c r="E21774" s="6">
        <v>6211.8429999999998</v>
      </c>
    </row>
    <row r="21775" spans="4:5" x14ac:dyDescent="0.25">
      <c r="D21775" s="6">
        <v>1169.924</v>
      </c>
      <c r="E21775" s="6">
        <v>7510.2349999999997</v>
      </c>
    </row>
    <row r="21776" spans="4:5" x14ac:dyDescent="0.25">
      <c r="D21776" s="6">
        <v>1090.652</v>
      </c>
      <c r="E21776" s="6">
        <v>1400</v>
      </c>
    </row>
    <row r="21777" spans="4:5" x14ac:dyDescent="0.25">
      <c r="D21777" s="6">
        <v>696.09289999999999</v>
      </c>
      <c r="E21777" s="6">
        <v>664.57659999999998</v>
      </c>
    </row>
    <row r="21778" spans="4:5" x14ac:dyDescent="0.25">
      <c r="D21778" s="6">
        <v>781.79520000000002</v>
      </c>
      <c r="E21778" s="6">
        <v>878.58540000000005</v>
      </c>
    </row>
    <row r="21779" spans="4:5" x14ac:dyDescent="0.25">
      <c r="D21779" s="6">
        <v>737.19740000000002</v>
      </c>
      <c r="E21779" s="6">
        <v>796.12599999999998</v>
      </c>
    </row>
    <row r="21780" spans="4:5" x14ac:dyDescent="0.25">
      <c r="D21780" s="6">
        <v>667.12980000000005</v>
      </c>
      <c r="E21780" s="6">
        <v>770.61969999999997</v>
      </c>
    </row>
    <row r="21781" spans="4:5" x14ac:dyDescent="0.25">
      <c r="D21781" s="6">
        <v>775.85649999999998</v>
      </c>
      <c r="E21781" s="6">
        <v>6240.4809999999998</v>
      </c>
    </row>
    <row r="21782" spans="4:5" x14ac:dyDescent="0.25">
      <c r="D21782" s="6">
        <v>971.03319999999997</v>
      </c>
      <c r="E21782" s="6">
        <v>673.01729999999998</v>
      </c>
    </row>
    <row r="21783" spans="4:5" x14ac:dyDescent="0.25">
      <c r="D21783" s="6">
        <v>598.82730000000004</v>
      </c>
      <c r="E21783" s="6">
        <v>691.86760000000004</v>
      </c>
    </row>
    <row r="21784" spans="4:5" x14ac:dyDescent="0.25">
      <c r="D21784" s="6">
        <v>694.02779999999996</v>
      </c>
      <c r="E21784" s="6">
        <v>759.95069999999998</v>
      </c>
    </row>
    <row r="21785" spans="4:5" x14ac:dyDescent="0.25">
      <c r="D21785" s="6">
        <v>1718.204</v>
      </c>
      <c r="E21785" s="6">
        <v>4358.9470000000001</v>
      </c>
    </row>
    <row r="21786" spans="4:5" x14ac:dyDescent="0.25">
      <c r="D21786" s="6">
        <v>653.74379999999996</v>
      </c>
      <c r="E21786" s="6">
        <v>1315.558</v>
      </c>
    </row>
    <row r="21787" spans="4:5" x14ac:dyDescent="0.25">
      <c r="D21787" s="6">
        <v>674.89279999999997</v>
      </c>
      <c r="E21787" s="6">
        <v>802.75</v>
      </c>
    </row>
    <row r="21788" spans="4:5" x14ac:dyDescent="0.25">
      <c r="D21788" s="6">
        <v>650.61839999999995</v>
      </c>
      <c r="E21788" s="6">
        <v>1555.299</v>
      </c>
    </row>
    <row r="21789" spans="4:5" x14ac:dyDescent="0.25">
      <c r="D21789" s="6">
        <v>748.64350000000002</v>
      </c>
      <c r="E21789" s="6">
        <v>2194.277</v>
      </c>
    </row>
    <row r="21790" spans="4:5" x14ac:dyDescent="0.25">
      <c r="D21790" s="6">
        <v>615.28470000000004</v>
      </c>
      <c r="E21790" s="6">
        <v>980.90150000000006</v>
      </c>
    </row>
    <row r="21791" spans="4:5" x14ac:dyDescent="0.25">
      <c r="D21791" s="6">
        <v>2435.63</v>
      </c>
      <c r="E21791" s="6">
        <v>681.61779999999999</v>
      </c>
    </row>
    <row r="21792" spans="4:5" x14ac:dyDescent="0.25">
      <c r="D21792" s="6">
        <v>870.73659999999995</v>
      </c>
      <c r="E21792" s="6">
        <v>749.45150000000001</v>
      </c>
    </row>
    <row r="21793" spans="4:5" x14ac:dyDescent="0.25">
      <c r="D21793" s="6">
        <v>678.96479999999997</v>
      </c>
      <c r="E21793" s="6">
        <v>832.84100000000001</v>
      </c>
    </row>
    <row r="21794" spans="4:5" x14ac:dyDescent="0.25">
      <c r="D21794" s="6">
        <v>697.73689999999999</v>
      </c>
      <c r="E21794" s="6">
        <v>852.59879999999998</v>
      </c>
    </row>
    <row r="21795" spans="4:5" x14ac:dyDescent="0.25">
      <c r="D21795" s="6">
        <v>738.28800000000001</v>
      </c>
      <c r="E21795" s="6">
        <v>505.14420000000001</v>
      </c>
    </row>
    <row r="21796" spans="4:5" x14ac:dyDescent="0.25">
      <c r="D21796" s="6">
        <v>465.21429999999998</v>
      </c>
      <c r="E21796" s="6">
        <v>1987.7860000000001</v>
      </c>
    </row>
    <row r="21797" spans="4:5" x14ac:dyDescent="0.25">
      <c r="D21797" s="6">
        <v>750.50810000000001</v>
      </c>
      <c r="E21797" s="6">
        <v>436.03620000000001</v>
      </c>
    </row>
    <row r="21798" spans="4:5" x14ac:dyDescent="0.25">
      <c r="D21798" s="6">
        <v>1599.4380000000001</v>
      </c>
      <c r="E21798" s="6">
        <v>754.02210000000002</v>
      </c>
    </row>
    <row r="21799" spans="4:5" x14ac:dyDescent="0.25">
      <c r="D21799" s="6">
        <v>747.58960000000002</v>
      </c>
      <c r="E21799" s="6">
        <v>807.41300000000001</v>
      </c>
    </row>
    <row r="21800" spans="4:5" x14ac:dyDescent="0.25">
      <c r="D21800" s="6">
        <v>1424.1110000000001</v>
      </c>
      <c r="E21800" s="6">
        <v>607.78150000000005</v>
      </c>
    </row>
    <row r="21801" spans="4:5" x14ac:dyDescent="0.25">
      <c r="D21801" s="6">
        <v>748.00409999999999</v>
      </c>
      <c r="E21801" s="6">
        <v>5173.63</v>
      </c>
    </row>
    <row r="21802" spans="4:5" x14ac:dyDescent="0.25">
      <c r="D21802" s="6">
        <v>731.29079999999999</v>
      </c>
      <c r="E21802" s="6">
        <v>1365.3389999999999</v>
      </c>
    </row>
    <row r="21803" spans="4:5" x14ac:dyDescent="0.25">
      <c r="D21803" s="6">
        <v>1224.0170000000001</v>
      </c>
      <c r="E21803" s="6">
        <v>373.50970000000001</v>
      </c>
    </row>
    <row r="21804" spans="4:5" x14ac:dyDescent="0.25">
      <c r="D21804" s="6">
        <v>729.62779999999998</v>
      </c>
      <c r="E21804" s="6">
        <v>1132.4190000000001</v>
      </c>
    </row>
    <row r="21805" spans="4:5" x14ac:dyDescent="0.25">
      <c r="D21805" s="6">
        <v>671.37120000000004</v>
      </c>
      <c r="E21805" s="6">
        <v>7162.7539999999999</v>
      </c>
    </row>
    <row r="21806" spans="4:5" x14ac:dyDescent="0.25">
      <c r="D21806" s="6">
        <v>1752.1659999999999</v>
      </c>
      <c r="E21806" s="6">
        <v>781.82690000000002</v>
      </c>
    </row>
    <row r="21807" spans="4:5" x14ac:dyDescent="0.25">
      <c r="D21807" s="6">
        <v>919.35069999999996</v>
      </c>
      <c r="E21807" s="6">
        <v>851.8569</v>
      </c>
    </row>
    <row r="21808" spans="4:5" x14ac:dyDescent="0.25">
      <c r="D21808" s="6">
        <v>701.39559999999994</v>
      </c>
      <c r="E21808" s="6">
        <v>594.31150000000002</v>
      </c>
    </row>
    <row r="21809" spans="4:5" x14ac:dyDescent="0.25">
      <c r="D21809" s="6">
        <v>854.93370000000004</v>
      </c>
      <c r="E21809" s="6">
        <v>1420.653</v>
      </c>
    </row>
    <row r="21810" spans="4:5" x14ac:dyDescent="0.25">
      <c r="D21810" s="6">
        <v>807.20839999999998</v>
      </c>
      <c r="E21810" s="6">
        <v>823.54250000000002</v>
      </c>
    </row>
    <row r="21811" spans="4:5" x14ac:dyDescent="0.25">
      <c r="D21811" s="6">
        <v>746.10540000000003</v>
      </c>
      <c r="E21811" s="6">
        <v>729.27269999999999</v>
      </c>
    </row>
    <row r="21812" spans="4:5" x14ac:dyDescent="0.25">
      <c r="D21812" s="6">
        <v>807.86789999999996</v>
      </c>
      <c r="E21812" s="6">
        <v>794.12869999999998</v>
      </c>
    </row>
    <row r="21813" spans="4:5" x14ac:dyDescent="0.25">
      <c r="D21813" s="6">
        <v>885.36900000000003</v>
      </c>
      <c r="E21813" s="6">
        <v>668.60479999999995</v>
      </c>
    </row>
    <row r="21814" spans="4:5" x14ac:dyDescent="0.25">
      <c r="D21814" s="6">
        <v>1074.2439999999999</v>
      </c>
      <c r="E21814" s="6">
        <v>723.23099999999999</v>
      </c>
    </row>
    <row r="21815" spans="4:5" x14ac:dyDescent="0.25">
      <c r="D21815" s="6">
        <v>752.62480000000005</v>
      </c>
      <c r="E21815" s="6">
        <v>1000.978</v>
      </c>
    </row>
    <row r="21816" spans="4:5" x14ac:dyDescent="0.25">
      <c r="D21816" s="6">
        <v>461.12860000000001</v>
      </c>
      <c r="E21816" s="6">
        <v>813.64919999999995</v>
      </c>
    </row>
    <row r="21817" spans="4:5" x14ac:dyDescent="0.25">
      <c r="D21817" s="6">
        <v>549</v>
      </c>
      <c r="E21817" s="6">
        <v>3182.1559999999999</v>
      </c>
    </row>
    <row r="21818" spans="4:5" x14ac:dyDescent="0.25">
      <c r="D21818" s="6">
        <v>1297.1669999999999</v>
      </c>
      <c r="E21818" s="6">
        <v>859.00379999999996</v>
      </c>
    </row>
    <row r="21819" spans="4:5" x14ac:dyDescent="0.25">
      <c r="D21819" s="6">
        <v>625.57349999999997</v>
      </c>
      <c r="E21819" s="6">
        <v>775.95609999999999</v>
      </c>
    </row>
    <row r="21820" spans="4:5" x14ac:dyDescent="0.25">
      <c r="D21820" s="6">
        <v>726.45</v>
      </c>
      <c r="E21820" s="6">
        <v>5809.3410000000003</v>
      </c>
    </row>
    <row r="21821" spans="4:5" x14ac:dyDescent="0.25">
      <c r="D21821" s="6">
        <v>946.50310000000002</v>
      </c>
      <c r="E21821" s="6">
        <v>805.89769999999999</v>
      </c>
    </row>
    <row r="21822" spans="4:5" x14ac:dyDescent="0.25">
      <c r="D21822" s="6">
        <v>627.0444</v>
      </c>
      <c r="E21822" s="6">
        <v>646.92909999999995</v>
      </c>
    </row>
    <row r="21823" spans="4:5" x14ac:dyDescent="0.25">
      <c r="D21823" s="6">
        <v>597.21849999999995</v>
      </c>
      <c r="E21823" s="6">
        <v>3993.4670000000001</v>
      </c>
    </row>
    <row r="21824" spans="4:5" x14ac:dyDescent="0.25">
      <c r="D21824" s="6">
        <v>493.77019999999999</v>
      </c>
      <c r="E21824" s="6">
        <v>423.98829999999998</v>
      </c>
    </row>
    <row r="21825" spans="4:5" x14ac:dyDescent="0.25">
      <c r="D21825" s="6">
        <v>685.08870000000002</v>
      </c>
      <c r="E21825" s="6">
        <v>928.72320000000002</v>
      </c>
    </row>
    <row r="21826" spans="4:5" x14ac:dyDescent="0.25">
      <c r="D21826" s="6">
        <v>606.51949999999999</v>
      </c>
      <c r="E21826" s="6">
        <v>732.35709999999995</v>
      </c>
    </row>
    <row r="21827" spans="4:5" x14ac:dyDescent="0.25">
      <c r="D21827" s="6">
        <v>793.82780000000002</v>
      </c>
      <c r="E21827" s="6">
        <v>962.86279999999999</v>
      </c>
    </row>
    <row r="21828" spans="4:5" x14ac:dyDescent="0.25">
      <c r="D21828" s="6">
        <v>720.3125</v>
      </c>
      <c r="E21828" s="6">
        <v>686.36260000000004</v>
      </c>
    </row>
    <row r="21829" spans="4:5" x14ac:dyDescent="0.25">
      <c r="D21829" s="6">
        <v>701.11760000000004</v>
      </c>
      <c r="E21829" s="6">
        <v>1769.894</v>
      </c>
    </row>
    <row r="21830" spans="4:5" x14ac:dyDescent="0.25">
      <c r="D21830" s="6">
        <v>1467.3689999999999</v>
      </c>
      <c r="E21830" s="6">
        <v>831.82100000000003</v>
      </c>
    </row>
    <row r="21831" spans="4:5" x14ac:dyDescent="0.25">
      <c r="D21831" s="6">
        <v>1073.877</v>
      </c>
      <c r="E21831" s="6">
        <v>779.46759999999995</v>
      </c>
    </row>
    <row r="21832" spans="4:5" x14ac:dyDescent="0.25">
      <c r="D21832" s="6">
        <v>624.64559999999994</v>
      </c>
      <c r="E21832" s="6">
        <v>1379</v>
      </c>
    </row>
    <row r="21833" spans="4:5" x14ac:dyDescent="0.25">
      <c r="D21833" s="6">
        <v>695.38109999999995</v>
      </c>
      <c r="E21833" s="6">
        <v>560.46299999999997</v>
      </c>
    </row>
    <row r="21834" spans="4:5" x14ac:dyDescent="0.25">
      <c r="D21834" s="6">
        <v>1720.8320000000001</v>
      </c>
      <c r="E21834" s="6">
        <v>909.13649999999996</v>
      </c>
    </row>
    <row r="21835" spans="4:5" x14ac:dyDescent="0.25">
      <c r="D21835" s="6">
        <v>444.23399999999998</v>
      </c>
      <c r="E21835" s="6">
        <v>564.66089999999997</v>
      </c>
    </row>
    <row r="21836" spans="4:5" x14ac:dyDescent="0.25">
      <c r="D21836" s="6">
        <v>830.8374</v>
      </c>
      <c r="E21836" s="6">
        <v>811.5453</v>
      </c>
    </row>
    <row r="21837" spans="4:5" x14ac:dyDescent="0.25">
      <c r="D21837" s="6">
        <v>1022.756</v>
      </c>
      <c r="E21837" s="6">
        <v>633.3587</v>
      </c>
    </row>
    <row r="21838" spans="4:5" x14ac:dyDescent="0.25">
      <c r="D21838" s="6">
        <v>604.64840000000004</v>
      </c>
      <c r="E21838" s="6">
        <v>835.8021</v>
      </c>
    </row>
    <row r="21839" spans="4:5" x14ac:dyDescent="0.25">
      <c r="D21839" s="6">
        <v>849.15419999999995</v>
      </c>
      <c r="E21839" s="6">
        <v>768.94979999999998</v>
      </c>
    </row>
    <row r="21840" spans="4:5" x14ac:dyDescent="0.25">
      <c r="D21840" s="6">
        <v>801.10640000000001</v>
      </c>
      <c r="E21840" s="6">
        <v>536.64909999999998</v>
      </c>
    </row>
    <row r="21841" spans="4:5" x14ac:dyDescent="0.25">
      <c r="D21841" s="6">
        <v>621.95500000000004</v>
      </c>
      <c r="E21841" s="6">
        <v>746.4932</v>
      </c>
    </row>
    <row r="21842" spans="4:5" x14ac:dyDescent="0.25">
      <c r="D21842" s="6">
        <v>832.78650000000005</v>
      </c>
      <c r="E21842" s="6">
        <v>2689.857</v>
      </c>
    </row>
    <row r="21843" spans="4:5" x14ac:dyDescent="0.25">
      <c r="D21843" s="6">
        <v>626.40819999999997</v>
      </c>
      <c r="E21843" s="6">
        <v>836.24869999999999</v>
      </c>
    </row>
    <row r="21844" spans="4:5" x14ac:dyDescent="0.25">
      <c r="D21844" s="6">
        <v>331.7713</v>
      </c>
      <c r="E21844" s="6">
        <v>5591.942</v>
      </c>
    </row>
    <row r="21845" spans="4:5" x14ac:dyDescent="0.25">
      <c r="D21845" s="6">
        <v>1075.1420000000001</v>
      </c>
      <c r="E21845" s="6">
        <v>762.95669999999996</v>
      </c>
    </row>
    <row r="21846" spans="4:5" x14ac:dyDescent="0.25">
      <c r="D21846" s="6">
        <v>711.00099999999998</v>
      </c>
      <c r="E21846" s="6">
        <v>1083.864</v>
      </c>
    </row>
    <row r="21847" spans="4:5" x14ac:dyDescent="0.25">
      <c r="D21847" s="6">
        <v>766.48050000000001</v>
      </c>
      <c r="E21847" s="6">
        <v>7300.4880000000003</v>
      </c>
    </row>
    <row r="21848" spans="4:5" x14ac:dyDescent="0.25">
      <c r="D21848" s="6">
        <v>916.96050000000002</v>
      </c>
      <c r="E21848" s="6">
        <v>675.8</v>
      </c>
    </row>
    <row r="21849" spans="4:5" x14ac:dyDescent="0.25">
      <c r="D21849" s="6">
        <v>620.90989999999999</v>
      </c>
      <c r="E21849" s="6">
        <v>793.94069999999999</v>
      </c>
    </row>
    <row r="21850" spans="4:5" x14ac:dyDescent="0.25">
      <c r="D21850" s="6">
        <v>929.81569999999999</v>
      </c>
      <c r="E21850" s="6">
        <v>634.3048</v>
      </c>
    </row>
    <row r="21851" spans="4:5" x14ac:dyDescent="0.25">
      <c r="D21851" s="6">
        <v>916.93529999999998</v>
      </c>
      <c r="E21851" s="6">
        <v>790.73270000000002</v>
      </c>
    </row>
    <row r="21852" spans="4:5" x14ac:dyDescent="0.25">
      <c r="D21852" s="6">
        <v>547.46529999999996</v>
      </c>
      <c r="E21852" s="6">
        <v>814.00220000000002</v>
      </c>
    </row>
    <row r="21853" spans="4:5" x14ac:dyDescent="0.25">
      <c r="D21853" s="6">
        <v>816</v>
      </c>
      <c r="E21853" s="6">
        <v>763.23389999999995</v>
      </c>
    </row>
    <row r="21854" spans="4:5" x14ac:dyDescent="0.25">
      <c r="D21854" s="6">
        <v>771.04549999999995</v>
      </c>
      <c r="E21854" s="6">
        <v>700.26520000000005</v>
      </c>
    </row>
    <row r="21855" spans="4:5" x14ac:dyDescent="0.25">
      <c r="D21855" s="6">
        <v>1048</v>
      </c>
      <c r="E21855" s="6">
        <v>600.01</v>
      </c>
    </row>
    <row r="21856" spans="4:5" x14ac:dyDescent="0.25">
      <c r="D21856" s="6">
        <v>598</v>
      </c>
      <c r="E21856" s="6">
        <v>1357.5609999999999</v>
      </c>
    </row>
    <row r="21857" spans="4:5" x14ac:dyDescent="0.25">
      <c r="D21857" s="6">
        <v>644.57190000000003</v>
      </c>
      <c r="E21857" s="6">
        <v>1062.088</v>
      </c>
    </row>
    <row r="21858" spans="4:5" x14ac:dyDescent="0.25">
      <c r="D21858" s="6">
        <v>1930</v>
      </c>
      <c r="E21858" s="6">
        <v>729.97159999999997</v>
      </c>
    </row>
    <row r="21859" spans="4:5" x14ac:dyDescent="0.25">
      <c r="D21859" s="6">
        <v>754.5</v>
      </c>
      <c r="E21859" s="6">
        <v>1602.2909999999999</v>
      </c>
    </row>
    <row r="21860" spans="4:5" x14ac:dyDescent="0.25">
      <c r="D21860" s="6">
        <v>611.10249999999996</v>
      </c>
      <c r="E21860" s="6">
        <v>668.64790000000005</v>
      </c>
    </row>
    <row r="21861" spans="4:5" x14ac:dyDescent="0.25">
      <c r="D21861" s="6">
        <v>692.65740000000005</v>
      </c>
      <c r="E21861" s="6">
        <v>538.76160000000004</v>
      </c>
    </row>
    <row r="21862" spans="4:5" x14ac:dyDescent="0.25">
      <c r="D21862" s="6">
        <v>767.05340000000001</v>
      </c>
      <c r="E21862" s="6">
        <v>959.59130000000005</v>
      </c>
    </row>
    <row r="21863" spans="4:5" x14ac:dyDescent="0.25">
      <c r="D21863" s="6">
        <v>700.23530000000005</v>
      </c>
      <c r="E21863" s="6">
        <v>730.11270000000002</v>
      </c>
    </row>
    <row r="21864" spans="4:5" x14ac:dyDescent="0.25">
      <c r="D21864" s="6">
        <v>849.27</v>
      </c>
      <c r="E21864" s="6">
        <v>622.09979999999996</v>
      </c>
    </row>
    <row r="21865" spans="4:5" x14ac:dyDescent="0.25">
      <c r="D21865" s="6">
        <v>444.35890000000001</v>
      </c>
      <c r="E21865" s="6">
        <v>6365.1189999999997</v>
      </c>
    </row>
    <row r="21866" spans="4:5" x14ac:dyDescent="0.25">
      <c r="D21866" s="6">
        <v>484.83629999999999</v>
      </c>
      <c r="E21866" s="6">
        <v>779.92750000000001</v>
      </c>
    </row>
    <row r="21867" spans="4:5" x14ac:dyDescent="0.25">
      <c r="D21867" s="6">
        <v>640.7903</v>
      </c>
      <c r="E21867" s="6">
        <v>775.40260000000001</v>
      </c>
    </row>
    <row r="21868" spans="4:5" x14ac:dyDescent="0.25">
      <c r="D21868" s="6">
        <v>544.72500000000002</v>
      </c>
      <c r="E21868" s="6">
        <v>774.60559999999998</v>
      </c>
    </row>
    <row r="21869" spans="4:5" x14ac:dyDescent="0.25">
      <c r="D21869" s="6">
        <v>821.41669999999999</v>
      </c>
      <c r="E21869" s="6">
        <v>868.62189999999998</v>
      </c>
    </row>
    <row r="21870" spans="4:5" x14ac:dyDescent="0.25">
      <c r="D21870" s="6">
        <v>1199.047</v>
      </c>
      <c r="E21870" s="6">
        <v>1267.4059999999999</v>
      </c>
    </row>
    <row r="21871" spans="4:5" x14ac:dyDescent="0.25">
      <c r="D21871" s="6">
        <v>685.18230000000005</v>
      </c>
      <c r="E21871" s="6">
        <v>4115.9380000000001</v>
      </c>
    </row>
    <row r="21872" spans="4:5" x14ac:dyDescent="0.25">
      <c r="D21872" s="6">
        <v>717.61220000000003</v>
      </c>
      <c r="E21872" s="6">
        <v>814.52970000000005</v>
      </c>
    </row>
    <row r="21873" spans="4:5" x14ac:dyDescent="0.25">
      <c r="D21873" s="6">
        <v>514.2921</v>
      </c>
      <c r="E21873" s="6">
        <v>567.39260000000002</v>
      </c>
    </row>
    <row r="21874" spans="4:5" x14ac:dyDescent="0.25">
      <c r="D21874" s="6">
        <v>999.74189999999999</v>
      </c>
      <c r="E21874" s="6">
        <v>740.59249999999997</v>
      </c>
    </row>
    <row r="21875" spans="4:5" x14ac:dyDescent="0.25">
      <c r="D21875" s="6">
        <v>854.94060000000002</v>
      </c>
      <c r="E21875" s="6">
        <v>756.58720000000005</v>
      </c>
    </row>
    <row r="21876" spans="4:5" x14ac:dyDescent="0.25">
      <c r="D21876" s="6">
        <v>690.05780000000004</v>
      </c>
      <c r="E21876" s="6">
        <v>787.8261</v>
      </c>
    </row>
    <row r="21877" spans="4:5" x14ac:dyDescent="0.25">
      <c r="D21877" s="6">
        <v>1893.385</v>
      </c>
      <c r="E21877" s="6">
        <v>2951.0529999999999</v>
      </c>
    </row>
    <row r="21878" spans="4:5" x14ac:dyDescent="0.25">
      <c r="D21878" s="6">
        <v>1140.97</v>
      </c>
      <c r="E21878" s="6">
        <v>814.40480000000002</v>
      </c>
    </row>
    <row r="21879" spans="4:5" x14ac:dyDescent="0.25">
      <c r="D21879" s="6">
        <v>471.416</v>
      </c>
      <c r="E21879" s="6">
        <v>5764.9390000000003</v>
      </c>
    </row>
    <row r="21880" spans="4:5" x14ac:dyDescent="0.25">
      <c r="D21880" s="6">
        <v>647.20140000000004</v>
      </c>
      <c r="E21880" s="6">
        <v>2674.2080000000001</v>
      </c>
    </row>
    <row r="21881" spans="4:5" x14ac:dyDescent="0.25">
      <c r="D21881" s="6">
        <v>889.58759999999995</v>
      </c>
      <c r="E21881" s="6">
        <v>629.52970000000005</v>
      </c>
    </row>
    <row r="21882" spans="4:5" x14ac:dyDescent="0.25">
      <c r="D21882" s="6">
        <v>916.75070000000005</v>
      </c>
      <c r="E21882" s="6">
        <v>583.43349999999998</v>
      </c>
    </row>
    <row r="21883" spans="4:5" x14ac:dyDescent="0.25">
      <c r="D21883" s="6">
        <v>1031.8889999999999</v>
      </c>
      <c r="E21883" s="6">
        <v>891.52340000000004</v>
      </c>
    </row>
    <row r="21884" spans="4:5" x14ac:dyDescent="0.25">
      <c r="D21884" s="6">
        <v>673.20339999999999</v>
      </c>
      <c r="E21884" s="6">
        <v>1383.902</v>
      </c>
    </row>
    <row r="21885" spans="4:5" x14ac:dyDescent="0.25">
      <c r="D21885" s="6">
        <v>1619.731</v>
      </c>
      <c r="E21885" s="6">
        <v>634.79690000000005</v>
      </c>
    </row>
    <row r="21886" spans="4:5" x14ac:dyDescent="0.25">
      <c r="D21886" s="6">
        <v>790.19529999999997</v>
      </c>
      <c r="E21886" s="6">
        <v>1191.2049999999999</v>
      </c>
    </row>
    <row r="21887" spans="4:5" x14ac:dyDescent="0.25">
      <c r="D21887" s="6">
        <v>2055.19</v>
      </c>
      <c r="E21887" s="6">
        <v>710.83860000000004</v>
      </c>
    </row>
    <row r="21888" spans="4:5" x14ac:dyDescent="0.25">
      <c r="D21888" s="6">
        <v>913.49540000000002</v>
      </c>
      <c r="E21888" s="6">
        <v>808.63829999999996</v>
      </c>
    </row>
    <row r="21889" spans="4:5" x14ac:dyDescent="0.25">
      <c r="D21889" s="6">
        <v>1071.4000000000001</v>
      </c>
      <c r="E21889" s="6">
        <v>875.5385</v>
      </c>
    </row>
    <row r="21890" spans="4:5" x14ac:dyDescent="0.25">
      <c r="D21890" s="6">
        <v>663.83320000000003</v>
      </c>
      <c r="E21890" s="6">
        <v>573.5</v>
      </c>
    </row>
    <row r="21891" spans="4:5" x14ac:dyDescent="0.25">
      <c r="D21891" s="6">
        <v>1212.6669999999999</v>
      </c>
      <c r="E21891" s="6">
        <v>652.79160000000002</v>
      </c>
    </row>
    <row r="21892" spans="4:5" x14ac:dyDescent="0.25">
      <c r="D21892" s="6">
        <v>767.0317</v>
      </c>
      <c r="E21892" s="6">
        <v>6660.9870000000001</v>
      </c>
    </row>
    <row r="21893" spans="4:5" x14ac:dyDescent="0.25">
      <c r="D21893" s="6">
        <v>746.93349999999998</v>
      </c>
      <c r="E21893" s="6">
        <v>1011.5</v>
      </c>
    </row>
    <row r="21894" spans="4:5" x14ac:dyDescent="0.25">
      <c r="D21894" s="6">
        <v>879.44309999999996</v>
      </c>
      <c r="E21894" s="6">
        <v>3621.09</v>
      </c>
    </row>
    <row r="21895" spans="4:5" x14ac:dyDescent="0.25">
      <c r="D21895" s="6">
        <v>734</v>
      </c>
      <c r="E21895" s="6">
        <v>746.70690000000002</v>
      </c>
    </row>
    <row r="21896" spans="4:5" x14ac:dyDescent="0.25">
      <c r="D21896" s="6">
        <v>623.7663</v>
      </c>
      <c r="E21896" s="6">
        <v>7271.6350000000002</v>
      </c>
    </row>
    <row r="21897" spans="4:5" x14ac:dyDescent="0.25">
      <c r="D21897" s="6">
        <v>689.84720000000004</v>
      </c>
      <c r="E21897" s="6">
        <v>552.48490000000004</v>
      </c>
    </row>
    <row r="21898" spans="4:5" x14ac:dyDescent="0.25">
      <c r="D21898" s="6">
        <v>804.36030000000005</v>
      </c>
      <c r="E21898" s="6">
        <v>815.41570000000002</v>
      </c>
    </row>
    <row r="21899" spans="4:5" x14ac:dyDescent="0.25">
      <c r="D21899" s="6">
        <v>833.93449999999996</v>
      </c>
      <c r="E21899" s="6">
        <v>929.96889999999996</v>
      </c>
    </row>
    <row r="21900" spans="4:5" x14ac:dyDescent="0.25">
      <c r="D21900" s="6">
        <v>668.33489999999995</v>
      </c>
      <c r="E21900" s="6">
        <v>717.39400000000001</v>
      </c>
    </row>
    <row r="21901" spans="4:5" x14ac:dyDescent="0.25">
      <c r="D21901" s="6">
        <v>1045.7239999999999</v>
      </c>
      <c r="E21901" s="6">
        <v>736.20330000000001</v>
      </c>
    </row>
    <row r="21902" spans="4:5" x14ac:dyDescent="0.25">
      <c r="D21902" s="6">
        <v>799.48810000000003</v>
      </c>
      <c r="E21902" s="6">
        <v>2054.9319999999998</v>
      </c>
    </row>
    <row r="21903" spans="4:5" x14ac:dyDescent="0.25">
      <c r="D21903" s="6">
        <v>641.59799999999996</v>
      </c>
      <c r="E21903" s="6">
        <v>817.36509999999998</v>
      </c>
    </row>
    <row r="21904" spans="4:5" x14ac:dyDescent="0.25">
      <c r="D21904" s="6">
        <v>840.91830000000004</v>
      </c>
      <c r="E21904" s="6">
        <v>786.61530000000005</v>
      </c>
    </row>
    <row r="21905" spans="4:5" x14ac:dyDescent="0.25">
      <c r="D21905" s="6">
        <v>517.46889999999996</v>
      </c>
      <c r="E21905" s="6">
        <v>450.42140000000001</v>
      </c>
    </row>
    <row r="21906" spans="4:5" x14ac:dyDescent="0.25">
      <c r="D21906" s="6">
        <v>547.46439999999996</v>
      </c>
      <c r="E21906" s="6">
        <v>884.90819999999997</v>
      </c>
    </row>
    <row r="21907" spans="4:5" x14ac:dyDescent="0.25">
      <c r="D21907" s="6">
        <v>1909.8720000000001</v>
      </c>
      <c r="E21907" s="6">
        <v>796.60050000000001</v>
      </c>
    </row>
    <row r="21908" spans="4:5" x14ac:dyDescent="0.25">
      <c r="D21908" s="6">
        <v>873.32349999999997</v>
      </c>
      <c r="E21908" s="6">
        <v>7739.8320000000003</v>
      </c>
    </row>
    <row r="21909" spans="4:5" x14ac:dyDescent="0.25">
      <c r="D21909" s="6">
        <v>396.91370000000001</v>
      </c>
      <c r="E21909" s="6">
        <v>1070.2280000000001</v>
      </c>
    </row>
    <row r="21910" spans="4:5" x14ac:dyDescent="0.25">
      <c r="D21910" s="6">
        <v>657.30730000000005</v>
      </c>
      <c r="E21910" s="6">
        <v>695.15769999999998</v>
      </c>
    </row>
    <row r="21911" spans="4:5" x14ac:dyDescent="0.25">
      <c r="D21911" s="6">
        <v>669.18340000000001</v>
      </c>
      <c r="E21911" s="6">
        <v>6766.9989999999998</v>
      </c>
    </row>
    <row r="21912" spans="4:5" x14ac:dyDescent="0.25">
      <c r="D21912" s="6">
        <v>772.3329</v>
      </c>
      <c r="E21912" s="6">
        <v>810.0421</v>
      </c>
    </row>
    <row r="21913" spans="4:5" x14ac:dyDescent="0.25">
      <c r="D21913" s="6">
        <v>1352.5</v>
      </c>
      <c r="E21913" s="6">
        <v>711.12300000000005</v>
      </c>
    </row>
    <row r="21914" spans="4:5" x14ac:dyDescent="0.25">
      <c r="D21914" s="6">
        <v>614.13210000000004</v>
      </c>
      <c r="E21914" s="6">
        <v>678.06640000000004</v>
      </c>
    </row>
    <row r="21915" spans="4:5" x14ac:dyDescent="0.25">
      <c r="D21915" s="6">
        <v>677.43629999999996</v>
      </c>
      <c r="E21915" s="6">
        <v>13902.86</v>
      </c>
    </row>
    <row r="21916" spans="4:5" x14ac:dyDescent="0.25">
      <c r="D21916" s="6">
        <v>6899.92</v>
      </c>
      <c r="E21916" s="6">
        <v>603.8854</v>
      </c>
    </row>
    <row r="21917" spans="4:5" x14ac:dyDescent="0.25">
      <c r="D21917" s="6">
        <v>582.125</v>
      </c>
      <c r="E21917" s="6">
        <v>1569.1690000000001</v>
      </c>
    </row>
    <row r="21918" spans="4:5" x14ac:dyDescent="0.25">
      <c r="D21918" s="6">
        <v>829.8931</v>
      </c>
      <c r="E21918" s="6">
        <v>1616.2819999999999</v>
      </c>
    </row>
    <row r="21919" spans="4:5" x14ac:dyDescent="0.25">
      <c r="D21919" s="6">
        <v>851.4529</v>
      </c>
      <c r="E21919" s="6">
        <v>700.22590000000002</v>
      </c>
    </row>
    <row r="21920" spans="4:5" x14ac:dyDescent="0.25">
      <c r="D21920" s="6">
        <v>498.23880000000003</v>
      </c>
      <c r="E21920" s="6">
        <v>690.18370000000004</v>
      </c>
    </row>
    <row r="21921" spans="4:5" x14ac:dyDescent="0.25">
      <c r="D21921" s="6">
        <v>999.89909999999998</v>
      </c>
      <c r="E21921" s="6">
        <v>763.79129999999998</v>
      </c>
    </row>
    <row r="21922" spans="4:5" x14ac:dyDescent="0.25">
      <c r="D21922" s="6">
        <v>1094.5889999999999</v>
      </c>
      <c r="E21922" s="6">
        <v>1857.7470000000001</v>
      </c>
    </row>
    <row r="21923" spans="4:5" x14ac:dyDescent="0.25">
      <c r="D21923" s="6">
        <v>7230.5</v>
      </c>
      <c r="E21923" s="6">
        <v>790.4932</v>
      </c>
    </row>
    <row r="21924" spans="4:5" x14ac:dyDescent="0.25">
      <c r="D21924" s="6">
        <v>810.68200000000002</v>
      </c>
      <c r="E21924" s="6">
        <v>5544.3209999999999</v>
      </c>
    </row>
    <row r="21925" spans="4:5" x14ac:dyDescent="0.25">
      <c r="D21925" s="6">
        <v>741.56830000000002</v>
      </c>
      <c r="E21925" s="6">
        <v>898.66229999999996</v>
      </c>
    </row>
    <row r="21926" spans="4:5" x14ac:dyDescent="0.25">
      <c r="D21926" s="6">
        <v>619.32309999999995</v>
      </c>
      <c r="E21926" s="6">
        <v>2285.0129999999999</v>
      </c>
    </row>
    <row r="21927" spans="4:5" x14ac:dyDescent="0.25">
      <c r="D21927" s="6">
        <v>2221.2959999999998</v>
      </c>
      <c r="E21927" s="6">
        <v>504.18759999999997</v>
      </c>
    </row>
    <row r="21928" spans="4:5" x14ac:dyDescent="0.25">
      <c r="D21928" s="6">
        <v>804.89380000000006</v>
      </c>
      <c r="E21928" s="6">
        <v>540.9896</v>
      </c>
    </row>
    <row r="21929" spans="4:5" x14ac:dyDescent="0.25">
      <c r="D21929" s="6">
        <v>927.34939999999995</v>
      </c>
      <c r="E21929" s="6">
        <v>3556.0529999999999</v>
      </c>
    </row>
    <row r="21930" spans="4:5" x14ac:dyDescent="0.25">
      <c r="D21930" s="6">
        <v>2549.375</v>
      </c>
      <c r="E21930" s="6">
        <v>920.27670000000001</v>
      </c>
    </row>
    <row r="21931" spans="4:5" x14ac:dyDescent="0.25">
      <c r="D21931" s="6">
        <v>1801</v>
      </c>
      <c r="E21931" s="6">
        <v>1142.4390000000001</v>
      </c>
    </row>
    <row r="21932" spans="4:5" x14ac:dyDescent="0.25">
      <c r="D21932" s="6">
        <v>544.00199999999995</v>
      </c>
      <c r="E21932" s="6">
        <v>593.72389999999996</v>
      </c>
    </row>
    <row r="21933" spans="4:5" x14ac:dyDescent="0.25">
      <c r="D21933" s="6">
        <v>937.07640000000004</v>
      </c>
      <c r="E21933" s="6">
        <v>792.25300000000004</v>
      </c>
    </row>
    <row r="21934" spans="4:5" x14ac:dyDescent="0.25">
      <c r="D21934" s="6">
        <v>929.02869999999996</v>
      </c>
      <c r="E21934" s="6">
        <v>1049.6659999999999</v>
      </c>
    </row>
    <row r="21935" spans="4:5" x14ac:dyDescent="0.25">
      <c r="D21935" s="6">
        <v>715.85</v>
      </c>
      <c r="E21935" s="6">
        <v>798.79549999999995</v>
      </c>
    </row>
    <row r="21936" spans="4:5" x14ac:dyDescent="0.25">
      <c r="D21936" s="6">
        <v>1419.78</v>
      </c>
      <c r="E21936" s="6">
        <v>822.47429999999997</v>
      </c>
    </row>
    <row r="21937" spans="4:5" x14ac:dyDescent="0.25">
      <c r="D21937" s="6">
        <v>1393.7159999999999</v>
      </c>
      <c r="E21937" s="6">
        <v>6819.28</v>
      </c>
    </row>
    <row r="21938" spans="4:5" x14ac:dyDescent="0.25">
      <c r="D21938" s="6">
        <v>932.40380000000005</v>
      </c>
      <c r="E21938" s="6">
        <v>678.53970000000004</v>
      </c>
    </row>
    <row r="21939" spans="4:5" x14ac:dyDescent="0.25">
      <c r="D21939" s="6">
        <v>764.30880000000002</v>
      </c>
      <c r="E21939" s="6">
        <v>705.81790000000001</v>
      </c>
    </row>
    <row r="21940" spans="4:5" x14ac:dyDescent="0.25">
      <c r="D21940" s="6">
        <v>801.7405</v>
      </c>
      <c r="E21940" s="6">
        <v>685.3854</v>
      </c>
    </row>
    <row r="21941" spans="4:5" x14ac:dyDescent="0.25">
      <c r="D21941" s="6">
        <v>1346.7249999999999</v>
      </c>
      <c r="E21941" s="6">
        <v>541.23770000000002</v>
      </c>
    </row>
    <row r="21942" spans="4:5" x14ac:dyDescent="0.25">
      <c r="D21942" s="6">
        <v>688.31989999999996</v>
      </c>
      <c r="E21942" s="6">
        <v>8021.1509999999998</v>
      </c>
    </row>
    <row r="21943" spans="4:5" x14ac:dyDescent="0.25">
      <c r="D21943" s="6">
        <v>1136.674</v>
      </c>
      <c r="E21943" s="6">
        <v>862.14660000000003</v>
      </c>
    </row>
    <row r="21944" spans="4:5" x14ac:dyDescent="0.25">
      <c r="D21944" s="6">
        <v>3664.19</v>
      </c>
      <c r="E21944" s="6">
        <v>559.72349999999994</v>
      </c>
    </row>
    <row r="21945" spans="4:5" x14ac:dyDescent="0.25">
      <c r="D21945" s="6">
        <v>779.11850000000004</v>
      </c>
      <c r="E21945" s="6">
        <v>7926.402</v>
      </c>
    </row>
    <row r="21946" spans="4:5" x14ac:dyDescent="0.25">
      <c r="D21946" s="6">
        <v>2941.6979999999999</v>
      </c>
      <c r="E21946" s="6">
        <v>2768.8649999999998</v>
      </c>
    </row>
    <row r="21947" spans="4:5" x14ac:dyDescent="0.25">
      <c r="D21947" s="6">
        <v>694.86760000000004</v>
      </c>
      <c r="E21947" s="6">
        <v>2112.585</v>
      </c>
    </row>
    <row r="21948" spans="4:5" x14ac:dyDescent="0.25">
      <c r="D21948" s="6">
        <v>514.26340000000005</v>
      </c>
      <c r="E21948" s="6">
        <v>1561.855</v>
      </c>
    </row>
    <row r="21949" spans="4:5" x14ac:dyDescent="0.25">
      <c r="D21949" s="6">
        <v>1912.52</v>
      </c>
      <c r="E21949" s="6">
        <v>8880.6039999999994</v>
      </c>
    </row>
    <row r="21950" spans="4:5" x14ac:dyDescent="0.25">
      <c r="D21950" s="6">
        <v>1126.703</v>
      </c>
      <c r="E21950" s="6">
        <v>6524.2060000000001</v>
      </c>
    </row>
    <row r="21951" spans="4:5" x14ac:dyDescent="0.25">
      <c r="D21951" s="6">
        <v>680.94069999999999</v>
      </c>
      <c r="E21951" s="6">
        <v>6471.8329999999996</v>
      </c>
    </row>
    <row r="21952" spans="4:5" x14ac:dyDescent="0.25">
      <c r="D21952" s="6">
        <v>780.02949999999998</v>
      </c>
      <c r="E21952" s="6">
        <v>905.10799999999995</v>
      </c>
    </row>
    <row r="21953" spans="4:5" x14ac:dyDescent="0.25">
      <c r="D21953" s="6">
        <v>632.11850000000004</v>
      </c>
      <c r="E21953" s="6">
        <v>775.85839999999996</v>
      </c>
    </row>
    <row r="21954" spans="4:5" x14ac:dyDescent="0.25">
      <c r="D21954" s="6">
        <v>847.68719999999996</v>
      </c>
      <c r="E21954" s="6">
        <v>701.45259999999996</v>
      </c>
    </row>
    <row r="21955" spans="4:5" x14ac:dyDescent="0.25">
      <c r="D21955" s="6">
        <v>557.95920000000001</v>
      </c>
      <c r="E21955" s="6">
        <v>1065.502</v>
      </c>
    </row>
    <row r="21956" spans="4:5" x14ac:dyDescent="0.25">
      <c r="D21956" s="6">
        <v>656.8374</v>
      </c>
      <c r="E21956" s="6">
        <v>1147.568</v>
      </c>
    </row>
    <row r="21957" spans="4:5" x14ac:dyDescent="0.25">
      <c r="D21957" s="6">
        <v>1290</v>
      </c>
      <c r="E21957" s="6">
        <v>886.7097</v>
      </c>
    </row>
    <row r="21958" spans="4:5" x14ac:dyDescent="0.25">
      <c r="D21958" s="6">
        <v>711.78269999999998</v>
      </c>
      <c r="E21958" s="6">
        <v>780.01599999999996</v>
      </c>
    </row>
    <row r="21959" spans="4:5" x14ac:dyDescent="0.25">
      <c r="D21959" s="6">
        <v>527.97730000000001</v>
      </c>
      <c r="E21959" s="6">
        <v>2314.0529999999999</v>
      </c>
    </row>
    <row r="21960" spans="4:5" x14ac:dyDescent="0.25">
      <c r="D21960" s="6">
        <v>916.09810000000004</v>
      </c>
      <c r="E21960" s="6">
        <v>664.28570000000002</v>
      </c>
    </row>
    <row r="21961" spans="4:5" x14ac:dyDescent="0.25">
      <c r="D21961" s="6">
        <v>745.48839999999996</v>
      </c>
      <c r="E21961" s="6">
        <v>545.88099999999997</v>
      </c>
    </row>
    <row r="21962" spans="4:5" x14ac:dyDescent="0.25">
      <c r="D21962" s="6">
        <v>748.26020000000005</v>
      </c>
      <c r="E21962" s="6">
        <v>734.65509999999995</v>
      </c>
    </row>
    <row r="21963" spans="4:5" x14ac:dyDescent="0.25">
      <c r="D21963" s="6">
        <v>591.57560000000001</v>
      </c>
      <c r="E21963" s="6">
        <v>2286.723</v>
      </c>
    </row>
    <row r="21964" spans="4:5" x14ac:dyDescent="0.25">
      <c r="D21964" s="6">
        <v>1794.7719999999999</v>
      </c>
      <c r="E21964" s="6">
        <v>1015.485</v>
      </c>
    </row>
    <row r="21965" spans="4:5" x14ac:dyDescent="0.25">
      <c r="D21965" s="6">
        <v>762.41589999999997</v>
      </c>
      <c r="E21965" s="6">
        <v>1798.9090000000001</v>
      </c>
    </row>
    <row r="21966" spans="4:5" x14ac:dyDescent="0.25">
      <c r="D21966" s="6">
        <v>1000.494</v>
      </c>
      <c r="E21966" s="6">
        <v>816.24749999999995</v>
      </c>
    </row>
    <row r="21967" spans="4:5" x14ac:dyDescent="0.25">
      <c r="D21967" s="6">
        <v>490.86939999999998</v>
      </c>
      <c r="E21967" s="6">
        <v>965.30909999999994</v>
      </c>
    </row>
    <row r="21968" spans="4:5" x14ac:dyDescent="0.25">
      <c r="D21968" s="6">
        <v>688.72730000000001</v>
      </c>
      <c r="E21968" s="6">
        <v>487.49799999999999</v>
      </c>
    </row>
    <row r="21969" spans="4:5" x14ac:dyDescent="0.25">
      <c r="D21969" s="6">
        <v>584.22910000000002</v>
      </c>
      <c r="E21969" s="6">
        <v>607.86950000000002</v>
      </c>
    </row>
    <row r="21970" spans="4:5" x14ac:dyDescent="0.25">
      <c r="D21970" s="6">
        <v>1209.046</v>
      </c>
      <c r="E21970" s="6">
        <v>1036.0350000000001</v>
      </c>
    </row>
    <row r="21971" spans="4:5" x14ac:dyDescent="0.25">
      <c r="D21971" s="6">
        <v>554.40520000000004</v>
      </c>
      <c r="E21971" s="6">
        <v>793.04</v>
      </c>
    </row>
    <row r="21972" spans="4:5" x14ac:dyDescent="0.25">
      <c r="D21972" s="6">
        <v>695.46609999999998</v>
      </c>
      <c r="E21972" s="6">
        <v>849.71140000000003</v>
      </c>
    </row>
    <row r="21973" spans="4:5" x14ac:dyDescent="0.25">
      <c r="D21973" s="6">
        <v>1069.0740000000001</v>
      </c>
      <c r="E21973" s="6">
        <v>755.05790000000002</v>
      </c>
    </row>
    <row r="21974" spans="4:5" x14ac:dyDescent="0.25">
      <c r="D21974" s="6">
        <v>497.4348</v>
      </c>
      <c r="E21974" s="6">
        <v>655.98469999999998</v>
      </c>
    </row>
    <row r="21975" spans="4:5" x14ac:dyDescent="0.25">
      <c r="D21975" s="6">
        <v>884.37139999999999</v>
      </c>
      <c r="E21975" s="6">
        <v>673.46379999999999</v>
      </c>
    </row>
    <row r="21976" spans="4:5" x14ac:dyDescent="0.25">
      <c r="D21976" s="6">
        <v>931.43280000000004</v>
      </c>
      <c r="E21976" s="6">
        <v>6801.8109999999997</v>
      </c>
    </row>
    <row r="21977" spans="4:5" x14ac:dyDescent="0.25">
      <c r="D21977" s="6">
        <v>612.2337</v>
      </c>
      <c r="E21977" s="6">
        <v>843.0829</v>
      </c>
    </row>
    <row r="21978" spans="4:5" x14ac:dyDescent="0.25">
      <c r="D21978" s="6">
        <v>3613.587</v>
      </c>
      <c r="E21978" s="6">
        <v>842.96029999999996</v>
      </c>
    </row>
    <row r="21979" spans="4:5" x14ac:dyDescent="0.25">
      <c r="D21979" s="6">
        <v>450.04289999999997</v>
      </c>
      <c r="E21979" s="6">
        <v>709.24639999999999</v>
      </c>
    </row>
    <row r="21980" spans="4:5" x14ac:dyDescent="0.25">
      <c r="D21980" s="6">
        <v>2709.07</v>
      </c>
      <c r="E21980" s="6">
        <v>1921.4780000000001</v>
      </c>
    </row>
    <row r="21981" spans="4:5" x14ac:dyDescent="0.25">
      <c r="D21981" s="6">
        <v>604.34500000000003</v>
      </c>
      <c r="E21981" s="6">
        <v>676.88800000000003</v>
      </c>
    </row>
    <row r="21982" spans="4:5" x14ac:dyDescent="0.25">
      <c r="D21982" s="6">
        <v>645.56730000000005</v>
      </c>
      <c r="E21982" s="6">
        <v>691.63969999999995</v>
      </c>
    </row>
    <row r="21983" spans="4:5" x14ac:dyDescent="0.25">
      <c r="D21983" s="6">
        <v>1613.5609999999999</v>
      </c>
      <c r="E21983" s="6">
        <v>700.89980000000003</v>
      </c>
    </row>
    <row r="21984" spans="4:5" x14ac:dyDescent="0.25">
      <c r="D21984" s="6">
        <v>744.93820000000005</v>
      </c>
      <c r="E21984" s="6">
        <v>488.95170000000002</v>
      </c>
    </row>
    <row r="21985" spans="4:5" x14ac:dyDescent="0.25">
      <c r="D21985" s="6">
        <v>1338.6980000000001</v>
      </c>
      <c r="E21985" s="6">
        <v>975.77530000000002</v>
      </c>
    </row>
    <row r="21986" spans="4:5" x14ac:dyDescent="0.25">
      <c r="D21986" s="6">
        <v>771.25810000000001</v>
      </c>
      <c r="E21986" s="6">
        <v>471.4151</v>
      </c>
    </row>
    <row r="21987" spans="4:5" x14ac:dyDescent="0.25">
      <c r="D21987" s="6">
        <v>683.75</v>
      </c>
      <c r="E21987" s="6">
        <v>733.44399999999996</v>
      </c>
    </row>
    <row r="21988" spans="4:5" x14ac:dyDescent="0.25">
      <c r="D21988" s="6">
        <v>771.4855</v>
      </c>
      <c r="E21988" s="6">
        <v>2269.011</v>
      </c>
    </row>
    <row r="21989" spans="4:5" x14ac:dyDescent="0.25">
      <c r="D21989" s="6">
        <v>632.17999999999995</v>
      </c>
      <c r="E21989" s="6">
        <v>1340.087</v>
      </c>
    </row>
    <row r="21990" spans="4:5" x14ac:dyDescent="0.25">
      <c r="D21990" s="6">
        <v>1036.691</v>
      </c>
      <c r="E21990" s="6">
        <v>660.42859999999996</v>
      </c>
    </row>
    <row r="21991" spans="4:5" x14ac:dyDescent="0.25">
      <c r="D21991" s="6">
        <v>615.05259999999998</v>
      </c>
      <c r="E21991" s="6">
        <v>2142.46</v>
      </c>
    </row>
    <row r="21992" spans="4:5" x14ac:dyDescent="0.25">
      <c r="D21992" s="6">
        <v>800.76369999999997</v>
      </c>
      <c r="E21992" s="6">
        <v>1288.8579999999999</v>
      </c>
    </row>
    <row r="21993" spans="4:5" x14ac:dyDescent="0.25">
      <c r="D21993" s="6">
        <v>558.79960000000005</v>
      </c>
      <c r="E21993" s="6">
        <v>724.56500000000005</v>
      </c>
    </row>
    <row r="21994" spans="4:5" x14ac:dyDescent="0.25">
      <c r="D21994" s="6">
        <v>483.9366</v>
      </c>
      <c r="E21994" s="6">
        <v>698.75220000000002</v>
      </c>
    </row>
    <row r="21995" spans="4:5" x14ac:dyDescent="0.25">
      <c r="D21995" s="6">
        <v>812.47349999999994</v>
      </c>
      <c r="E21995" s="6">
        <v>754.43460000000005</v>
      </c>
    </row>
    <row r="21996" spans="4:5" x14ac:dyDescent="0.25">
      <c r="D21996" s="6">
        <v>809.18960000000004</v>
      </c>
      <c r="E21996" s="6">
        <v>502.60199999999998</v>
      </c>
    </row>
    <row r="21997" spans="4:5" x14ac:dyDescent="0.25">
      <c r="D21997" s="6">
        <v>1484.9090000000001</v>
      </c>
      <c r="E21997" s="6">
        <v>788.74670000000003</v>
      </c>
    </row>
    <row r="21998" spans="4:5" x14ac:dyDescent="0.25">
      <c r="D21998" s="6">
        <v>1251.4490000000001</v>
      </c>
      <c r="E21998" s="6">
        <v>885.63499999999999</v>
      </c>
    </row>
    <row r="21999" spans="4:5" x14ac:dyDescent="0.25">
      <c r="D21999" s="6">
        <v>775.13610000000006</v>
      </c>
      <c r="E21999" s="6">
        <v>447.5616</v>
      </c>
    </row>
    <row r="22000" spans="4:5" x14ac:dyDescent="0.25">
      <c r="D22000" s="6">
        <v>563.17359999999996</v>
      </c>
      <c r="E22000" s="6">
        <v>1735.7819999999999</v>
      </c>
    </row>
    <row r="22001" spans="4:5" x14ac:dyDescent="0.25">
      <c r="D22001" s="6">
        <v>874.48689999999999</v>
      </c>
      <c r="E22001" s="6">
        <v>736.24</v>
      </c>
    </row>
    <row r="22002" spans="4:5" x14ac:dyDescent="0.25">
      <c r="D22002" s="6">
        <v>545.79909999999995</v>
      </c>
      <c r="E22002" s="6">
        <v>618.61360000000002</v>
      </c>
    </row>
    <row r="22003" spans="4:5" x14ac:dyDescent="0.25">
      <c r="D22003" s="6">
        <v>4536</v>
      </c>
      <c r="E22003" s="6">
        <v>1119.5889999999999</v>
      </c>
    </row>
    <row r="22004" spans="4:5" x14ac:dyDescent="0.25">
      <c r="D22004" s="6">
        <v>836.45450000000005</v>
      </c>
      <c r="E22004" s="6">
        <v>762.04420000000005</v>
      </c>
    </row>
    <row r="22005" spans="4:5" x14ac:dyDescent="0.25">
      <c r="D22005" s="6">
        <v>511.25749999999999</v>
      </c>
      <c r="E22005" s="6">
        <v>660.48839999999996</v>
      </c>
    </row>
    <row r="22006" spans="4:5" x14ac:dyDescent="0.25">
      <c r="D22006" s="6">
        <v>551</v>
      </c>
      <c r="E22006" s="6">
        <v>813.75340000000006</v>
      </c>
    </row>
    <row r="22007" spans="4:5" x14ac:dyDescent="0.25">
      <c r="D22007" s="6">
        <v>642.01210000000003</v>
      </c>
      <c r="E22007" s="6">
        <v>553.53880000000004</v>
      </c>
    </row>
    <row r="22008" spans="4:5" x14ac:dyDescent="0.25">
      <c r="D22008" s="6">
        <v>1187.0350000000001</v>
      </c>
      <c r="E22008" s="6">
        <v>691.76750000000004</v>
      </c>
    </row>
    <row r="22009" spans="4:5" x14ac:dyDescent="0.25">
      <c r="D22009" s="6">
        <v>1144.884</v>
      </c>
      <c r="E22009" s="6">
        <v>4906.5910000000003</v>
      </c>
    </row>
    <row r="22010" spans="4:5" x14ac:dyDescent="0.25">
      <c r="D22010" s="6">
        <v>857.46990000000005</v>
      </c>
      <c r="E22010" s="6">
        <v>637.86800000000005</v>
      </c>
    </row>
    <row r="22011" spans="4:5" x14ac:dyDescent="0.25">
      <c r="D22011" s="6">
        <v>561.0992</v>
      </c>
      <c r="E22011" s="6">
        <v>925.81719999999996</v>
      </c>
    </row>
    <row r="22012" spans="4:5" x14ac:dyDescent="0.25">
      <c r="D22012" s="6">
        <v>513.97529999999995</v>
      </c>
      <c r="E22012" s="6">
        <v>675.42250000000001</v>
      </c>
    </row>
    <row r="22013" spans="4:5" x14ac:dyDescent="0.25">
      <c r="D22013" s="6">
        <v>770.06290000000001</v>
      </c>
      <c r="E22013" s="6">
        <v>6271.7849999999999</v>
      </c>
    </row>
    <row r="22014" spans="4:5" x14ac:dyDescent="0.25">
      <c r="D22014" s="6">
        <v>844.36860000000001</v>
      </c>
      <c r="E22014" s="6">
        <v>7229.25</v>
      </c>
    </row>
    <row r="22015" spans="4:5" x14ac:dyDescent="0.25">
      <c r="D22015" s="6">
        <v>3463.28</v>
      </c>
      <c r="E22015" s="6">
        <v>771.88009999999997</v>
      </c>
    </row>
    <row r="22016" spans="4:5" x14ac:dyDescent="0.25">
      <c r="D22016" s="6">
        <v>519.91189999999995</v>
      </c>
      <c r="E22016" s="6">
        <v>625.77650000000006</v>
      </c>
    </row>
    <row r="22017" spans="4:5" x14ac:dyDescent="0.25">
      <c r="D22017" s="6">
        <v>3292.4</v>
      </c>
      <c r="E22017" s="6">
        <v>1074.489</v>
      </c>
    </row>
    <row r="22018" spans="4:5" x14ac:dyDescent="0.25">
      <c r="D22018" s="6">
        <v>821.17909999999995</v>
      </c>
      <c r="E22018" s="6">
        <v>740.62819999999999</v>
      </c>
    </row>
    <row r="22019" spans="4:5" x14ac:dyDescent="0.25">
      <c r="D22019" s="6">
        <v>643.7527</v>
      </c>
      <c r="E22019" s="6">
        <v>5170.4269999999997</v>
      </c>
    </row>
    <row r="22020" spans="4:5" x14ac:dyDescent="0.25">
      <c r="D22020" s="6">
        <v>784.79190000000006</v>
      </c>
      <c r="E22020" s="6">
        <v>8804.1720000000005</v>
      </c>
    </row>
    <row r="22021" spans="4:5" x14ac:dyDescent="0.25">
      <c r="D22021" s="6">
        <v>707.41759999999999</v>
      </c>
      <c r="E22021" s="6">
        <v>3514.9780000000001</v>
      </c>
    </row>
    <row r="22022" spans="4:5" x14ac:dyDescent="0.25">
      <c r="D22022" s="6">
        <v>912.95830000000001</v>
      </c>
      <c r="E22022" s="6">
        <v>692.24530000000004</v>
      </c>
    </row>
    <row r="22023" spans="4:5" x14ac:dyDescent="0.25">
      <c r="D22023" s="6">
        <v>855.42719999999997</v>
      </c>
      <c r="E22023" s="6">
        <v>627.17619999999999</v>
      </c>
    </row>
    <row r="22024" spans="4:5" x14ac:dyDescent="0.25">
      <c r="D22024" s="6">
        <v>669.7921</v>
      </c>
      <c r="E22024" s="6">
        <v>1038.0060000000001</v>
      </c>
    </row>
    <row r="22025" spans="4:5" x14ac:dyDescent="0.25">
      <c r="D22025" s="6">
        <v>5612.75</v>
      </c>
      <c r="E22025" s="6">
        <v>868.35619999999994</v>
      </c>
    </row>
    <row r="22026" spans="4:5" x14ac:dyDescent="0.25">
      <c r="D22026" s="6">
        <v>553.7405</v>
      </c>
      <c r="E22026" s="6">
        <v>692.47860000000003</v>
      </c>
    </row>
    <row r="22027" spans="4:5" x14ac:dyDescent="0.25">
      <c r="D22027" s="6">
        <v>1239.4960000000001</v>
      </c>
      <c r="E22027" s="6">
        <v>794.096</v>
      </c>
    </row>
    <row r="22028" spans="4:5" x14ac:dyDescent="0.25">
      <c r="D22028" s="6">
        <v>591.83669999999995</v>
      </c>
      <c r="E22028" s="6">
        <v>748.40139999999997</v>
      </c>
    </row>
    <row r="22029" spans="4:5" x14ac:dyDescent="0.25">
      <c r="D22029" s="6">
        <v>454.10579999999999</v>
      </c>
      <c r="E22029" s="6">
        <v>878.37149999999997</v>
      </c>
    </row>
    <row r="22030" spans="4:5" x14ac:dyDescent="0.25">
      <c r="D22030" s="6">
        <v>826.7903</v>
      </c>
      <c r="E22030" s="6">
        <v>873.55190000000005</v>
      </c>
    </row>
    <row r="22031" spans="4:5" x14ac:dyDescent="0.25">
      <c r="D22031" s="6">
        <v>10678</v>
      </c>
      <c r="E22031" s="6">
        <v>431.84300000000002</v>
      </c>
    </row>
    <row r="22032" spans="4:5" x14ac:dyDescent="0.25">
      <c r="D22032" s="6">
        <v>796.77719999999999</v>
      </c>
      <c r="E22032" s="6">
        <v>848.03599999999994</v>
      </c>
    </row>
    <row r="22033" spans="4:5" x14ac:dyDescent="0.25">
      <c r="D22033" s="6">
        <v>839.71929999999998</v>
      </c>
      <c r="E22033" s="6">
        <v>801.70979999999997</v>
      </c>
    </row>
    <row r="22034" spans="4:5" x14ac:dyDescent="0.25">
      <c r="D22034" s="6">
        <v>637.54849999999999</v>
      </c>
      <c r="E22034" s="6">
        <v>1385.4749999999999</v>
      </c>
    </row>
    <row r="22035" spans="4:5" x14ac:dyDescent="0.25">
      <c r="D22035" s="6">
        <v>764.1934</v>
      </c>
      <c r="E22035" s="6">
        <v>9348.6380000000008</v>
      </c>
    </row>
    <row r="22036" spans="4:5" x14ac:dyDescent="0.25">
      <c r="D22036" s="6">
        <v>704.28719999999998</v>
      </c>
      <c r="E22036" s="6">
        <v>1189.3779999999999</v>
      </c>
    </row>
    <row r="22037" spans="4:5" x14ac:dyDescent="0.25">
      <c r="D22037" s="6">
        <v>776.69100000000003</v>
      </c>
      <c r="E22037" s="6">
        <v>861.4316</v>
      </c>
    </row>
    <row r="22038" spans="4:5" x14ac:dyDescent="0.25">
      <c r="D22038" s="6">
        <v>795.32380000000001</v>
      </c>
      <c r="E22038" s="6">
        <v>803.6825</v>
      </c>
    </row>
    <row r="22039" spans="4:5" x14ac:dyDescent="0.25">
      <c r="D22039" s="6">
        <v>678.39559999999994</v>
      </c>
      <c r="E22039" s="6">
        <v>2498.1680000000001</v>
      </c>
    </row>
    <row r="22040" spans="4:5" x14ac:dyDescent="0.25">
      <c r="D22040" s="6">
        <v>712.18849999999998</v>
      </c>
      <c r="E22040" s="6">
        <v>7343.4639999999999</v>
      </c>
    </row>
    <row r="22041" spans="4:5" x14ac:dyDescent="0.25">
      <c r="D22041" s="6">
        <v>779.89099999999996</v>
      </c>
      <c r="E22041" s="6">
        <v>2547.9169999999999</v>
      </c>
    </row>
    <row r="22042" spans="4:5" x14ac:dyDescent="0.25">
      <c r="D22042" s="6">
        <v>735.94150000000002</v>
      </c>
      <c r="E22042" s="6">
        <v>7474.5110000000004</v>
      </c>
    </row>
    <row r="22043" spans="4:5" x14ac:dyDescent="0.25">
      <c r="D22043" s="6">
        <v>565.19100000000003</v>
      </c>
      <c r="E22043" s="6">
        <v>546.80909999999994</v>
      </c>
    </row>
    <row r="22044" spans="4:5" x14ac:dyDescent="0.25">
      <c r="D22044" s="6">
        <v>1141.713</v>
      </c>
      <c r="E22044" s="6">
        <v>851.173</v>
      </c>
    </row>
    <row r="22045" spans="4:5" x14ac:dyDescent="0.25">
      <c r="D22045" s="6">
        <v>809.31240000000003</v>
      </c>
      <c r="E22045" s="6">
        <v>599.12670000000003</v>
      </c>
    </row>
    <row r="22046" spans="4:5" x14ac:dyDescent="0.25">
      <c r="D22046" s="6">
        <v>741.23339999999996</v>
      </c>
      <c r="E22046" s="6">
        <v>677.55960000000005</v>
      </c>
    </row>
    <row r="22047" spans="4:5" x14ac:dyDescent="0.25">
      <c r="D22047" s="6">
        <v>1726.819</v>
      </c>
      <c r="E22047" s="6">
        <v>715.5317</v>
      </c>
    </row>
    <row r="22048" spans="4:5" x14ac:dyDescent="0.25">
      <c r="D22048" s="6">
        <v>6501.616</v>
      </c>
      <c r="E22048" s="6">
        <v>1379.184</v>
      </c>
    </row>
    <row r="22049" spans="4:5" x14ac:dyDescent="0.25">
      <c r="D22049" s="6">
        <v>807.61030000000005</v>
      </c>
      <c r="E22049" s="6">
        <v>2364.866</v>
      </c>
    </row>
    <row r="22050" spans="4:5" x14ac:dyDescent="0.25">
      <c r="D22050" s="6">
        <v>785.23779999999999</v>
      </c>
      <c r="E22050" s="6">
        <v>3251.8690000000001</v>
      </c>
    </row>
    <row r="22051" spans="4:5" x14ac:dyDescent="0.25">
      <c r="D22051" s="6">
        <v>1022.1849999999999</v>
      </c>
      <c r="E22051" s="6">
        <v>631.33489999999995</v>
      </c>
    </row>
    <row r="22052" spans="4:5" x14ac:dyDescent="0.25">
      <c r="D22052" s="6">
        <v>601.11699999999996</v>
      </c>
      <c r="E22052" s="6">
        <v>616.10429999999997</v>
      </c>
    </row>
    <row r="22053" spans="4:5" x14ac:dyDescent="0.25">
      <c r="D22053" s="6">
        <v>537.87620000000004</v>
      </c>
      <c r="E22053" s="6">
        <v>2036.646</v>
      </c>
    </row>
    <row r="22054" spans="4:5" x14ac:dyDescent="0.25">
      <c r="D22054" s="6">
        <v>727.16840000000002</v>
      </c>
      <c r="E22054" s="6">
        <v>787.8614</v>
      </c>
    </row>
    <row r="22055" spans="4:5" x14ac:dyDescent="0.25">
      <c r="D22055" s="6">
        <v>551.07180000000005</v>
      </c>
      <c r="E22055" s="6">
        <v>1107.2470000000001</v>
      </c>
    </row>
    <row r="22056" spans="4:5" x14ac:dyDescent="0.25">
      <c r="D22056" s="6">
        <v>2950.91</v>
      </c>
      <c r="E22056" s="6">
        <v>451.22019999999998</v>
      </c>
    </row>
    <row r="22057" spans="4:5" x14ac:dyDescent="0.25">
      <c r="D22057" s="6">
        <v>806.01800000000003</v>
      </c>
      <c r="E22057" s="6">
        <v>1646.9480000000001</v>
      </c>
    </row>
    <row r="22058" spans="4:5" x14ac:dyDescent="0.25">
      <c r="D22058" s="6">
        <v>626.68610000000001</v>
      </c>
      <c r="E22058" s="6">
        <v>753.65210000000002</v>
      </c>
    </row>
    <row r="22059" spans="4:5" x14ac:dyDescent="0.25">
      <c r="D22059" s="6">
        <v>773.35950000000003</v>
      </c>
      <c r="E22059" s="6">
        <v>526.6</v>
      </c>
    </row>
    <row r="22060" spans="4:5" x14ac:dyDescent="0.25">
      <c r="D22060" s="6">
        <v>1042.874</v>
      </c>
      <c r="E22060" s="6">
        <v>1005.342</v>
      </c>
    </row>
    <row r="22061" spans="4:5" x14ac:dyDescent="0.25">
      <c r="D22061" s="6">
        <v>678.02</v>
      </c>
      <c r="E22061" s="6">
        <v>725.89189999999996</v>
      </c>
    </row>
    <row r="22062" spans="4:5" x14ac:dyDescent="0.25">
      <c r="D22062" s="6">
        <v>706.76110000000006</v>
      </c>
      <c r="E22062" s="6">
        <v>3539.8629999999998</v>
      </c>
    </row>
    <row r="22063" spans="4:5" x14ac:dyDescent="0.25">
      <c r="D22063" s="6">
        <v>697.60440000000006</v>
      </c>
      <c r="E22063" s="6">
        <v>696.178</v>
      </c>
    </row>
    <row r="22064" spans="4:5" x14ac:dyDescent="0.25">
      <c r="D22064" s="6">
        <v>667.22789999999998</v>
      </c>
      <c r="E22064" s="6">
        <v>586.89739999999995</v>
      </c>
    </row>
    <row r="22065" spans="4:5" x14ac:dyDescent="0.25">
      <c r="D22065" s="6">
        <v>632.12170000000003</v>
      </c>
      <c r="E22065" s="6">
        <v>875.41200000000003</v>
      </c>
    </row>
    <row r="22066" spans="4:5" x14ac:dyDescent="0.25">
      <c r="D22066" s="6">
        <v>367.9</v>
      </c>
      <c r="E22066" s="6">
        <v>1903</v>
      </c>
    </row>
    <row r="22067" spans="4:5" x14ac:dyDescent="0.25">
      <c r="D22067" s="6">
        <v>662.48940000000005</v>
      </c>
      <c r="E22067" s="6">
        <v>725.36869999999999</v>
      </c>
    </row>
    <row r="22068" spans="4:5" x14ac:dyDescent="0.25">
      <c r="D22068" s="6">
        <v>450.30009999999999</v>
      </c>
      <c r="E22068" s="6">
        <v>784.44749999999999</v>
      </c>
    </row>
    <row r="22069" spans="4:5" x14ac:dyDescent="0.25">
      <c r="D22069" s="6">
        <v>793.94640000000004</v>
      </c>
      <c r="E22069" s="6">
        <v>766.22450000000003</v>
      </c>
    </row>
    <row r="22070" spans="4:5" x14ac:dyDescent="0.25">
      <c r="D22070" s="6">
        <v>671.86959999999999</v>
      </c>
      <c r="E22070" s="6">
        <v>773.86850000000004</v>
      </c>
    </row>
    <row r="22071" spans="4:5" x14ac:dyDescent="0.25">
      <c r="D22071" s="6">
        <v>971.4751</v>
      </c>
      <c r="E22071" s="6">
        <v>442.86860000000001</v>
      </c>
    </row>
    <row r="22072" spans="4:5" x14ac:dyDescent="0.25">
      <c r="D22072" s="6">
        <v>694.69809999999995</v>
      </c>
      <c r="E22072" s="6">
        <v>997.07190000000003</v>
      </c>
    </row>
    <row r="22073" spans="4:5" x14ac:dyDescent="0.25">
      <c r="D22073" s="6">
        <v>857.76430000000005</v>
      </c>
      <c r="E22073" s="6">
        <v>893.13289999999995</v>
      </c>
    </row>
    <row r="22074" spans="4:5" x14ac:dyDescent="0.25">
      <c r="D22074" s="6">
        <v>2132.7959999999998</v>
      </c>
      <c r="E22074" s="6">
        <v>802.83040000000005</v>
      </c>
    </row>
    <row r="22075" spans="4:5" x14ac:dyDescent="0.25">
      <c r="D22075" s="6">
        <v>718.61980000000005</v>
      </c>
      <c r="E22075" s="6">
        <v>778.17870000000005</v>
      </c>
    </row>
    <row r="22076" spans="4:5" x14ac:dyDescent="0.25">
      <c r="D22076" s="6">
        <v>713.0915</v>
      </c>
      <c r="E22076" s="6">
        <v>647.42859999999996</v>
      </c>
    </row>
    <row r="22077" spans="4:5" x14ac:dyDescent="0.25">
      <c r="D22077" s="6">
        <v>728.05780000000004</v>
      </c>
      <c r="E22077" s="6">
        <v>1057.6690000000001</v>
      </c>
    </row>
    <row r="22078" spans="4:5" x14ac:dyDescent="0.25">
      <c r="D22078" s="6">
        <v>644.81939999999997</v>
      </c>
      <c r="E22078" s="6">
        <v>1358</v>
      </c>
    </row>
    <row r="22079" spans="4:5" x14ac:dyDescent="0.25">
      <c r="D22079" s="6">
        <v>946.68309999999997</v>
      </c>
      <c r="E22079" s="6">
        <v>444.57589999999999</v>
      </c>
    </row>
    <row r="22080" spans="4:5" x14ac:dyDescent="0.25">
      <c r="D22080" s="6">
        <v>800.07320000000004</v>
      </c>
      <c r="E22080" s="6">
        <v>531.9221</v>
      </c>
    </row>
    <row r="22081" spans="4:5" x14ac:dyDescent="0.25">
      <c r="D22081" s="6">
        <v>545.61080000000004</v>
      </c>
      <c r="E22081" s="6">
        <v>870.5643</v>
      </c>
    </row>
    <row r="22082" spans="4:5" x14ac:dyDescent="0.25">
      <c r="D22082" s="6">
        <v>690.83330000000001</v>
      </c>
      <c r="E22082" s="6">
        <v>626.40859999999998</v>
      </c>
    </row>
    <row r="22083" spans="4:5" x14ac:dyDescent="0.25">
      <c r="D22083" s="6">
        <v>1579.3150000000001</v>
      </c>
      <c r="E22083" s="6">
        <v>560.92409999999995</v>
      </c>
    </row>
    <row r="22084" spans="4:5" x14ac:dyDescent="0.25">
      <c r="D22084" s="6">
        <v>1270.846</v>
      </c>
      <c r="E22084" s="6">
        <v>630.90329999999994</v>
      </c>
    </row>
    <row r="22085" spans="4:5" x14ac:dyDescent="0.25">
      <c r="D22085" s="6">
        <v>734.34019999999998</v>
      </c>
      <c r="E22085" s="6">
        <v>833.61929999999995</v>
      </c>
    </row>
    <row r="22086" spans="4:5" x14ac:dyDescent="0.25">
      <c r="D22086" s="6">
        <v>666.36490000000003</v>
      </c>
      <c r="E22086" s="6">
        <v>621.26689999999996</v>
      </c>
    </row>
    <row r="22087" spans="4:5" x14ac:dyDescent="0.25">
      <c r="D22087" s="6">
        <v>954.11099999999999</v>
      </c>
      <c r="E22087" s="6">
        <v>694</v>
      </c>
    </row>
    <row r="22088" spans="4:5" x14ac:dyDescent="0.25">
      <c r="D22088" s="6">
        <v>677.8913</v>
      </c>
      <c r="E22088" s="6">
        <v>550.39290000000005</v>
      </c>
    </row>
    <row r="22089" spans="4:5" x14ac:dyDescent="0.25">
      <c r="D22089" s="6">
        <v>799.85580000000004</v>
      </c>
      <c r="E22089" s="6">
        <v>812.92949999999996</v>
      </c>
    </row>
    <row r="22090" spans="4:5" x14ac:dyDescent="0.25">
      <c r="D22090" s="6">
        <v>1958.134</v>
      </c>
      <c r="E22090" s="6">
        <v>482.68490000000003</v>
      </c>
    </row>
    <row r="22091" spans="4:5" x14ac:dyDescent="0.25">
      <c r="D22091" s="6">
        <v>780.74540000000002</v>
      </c>
      <c r="E22091" s="6">
        <v>863.97799999999995</v>
      </c>
    </row>
    <row r="22092" spans="4:5" x14ac:dyDescent="0.25">
      <c r="D22092" s="6">
        <v>746.1825</v>
      </c>
      <c r="E22092" s="6">
        <v>744.43110000000001</v>
      </c>
    </row>
    <row r="22093" spans="4:5" x14ac:dyDescent="0.25">
      <c r="D22093" s="6">
        <v>685.36879999999996</v>
      </c>
      <c r="E22093" s="6">
        <v>581.09159999999997</v>
      </c>
    </row>
    <row r="22094" spans="4:5" x14ac:dyDescent="0.25">
      <c r="D22094" s="6">
        <v>827.12570000000005</v>
      </c>
      <c r="E22094" s="6">
        <v>709.52250000000004</v>
      </c>
    </row>
    <row r="22095" spans="4:5" x14ac:dyDescent="0.25">
      <c r="D22095" s="6">
        <v>1615.174</v>
      </c>
      <c r="E22095" s="6">
        <v>745.40070000000003</v>
      </c>
    </row>
    <row r="22096" spans="4:5" x14ac:dyDescent="0.25">
      <c r="D22096" s="6">
        <v>736.82849999999996</v>
      </c>
      <c r="E22096" s="6">
        <v>12998.44</v>
      </c>
    </row>
    <row r="22097" spans="4:5" x14ac:dyDescent="0.25">
      <c r="D22097" s="6">
        <v>662.745</v>
      </c>
      <c r="E22097" s="6">
        <v>717.89499999999998</v>
      </c>
    </row>
    <row r="22098" spans="4:5" x14ac:dyDescent="0.25">
      <c r="D22098" s="6">
        <v>741.31889999999999</v>
      </c>
      <c r="E22098" s="6">
        <v>2380.0430000000001</v>
      </c>
    </row>
    <row r="22099" spans="4:5" x14ac:dyDescent="0.25">
      <c r="D22099" s="6">
        <v>853.66700000000003</v>
      </c>
      <c r="E22099" s="6">
        <v>626.9357</v>
      </c>
    </row>
    <row r="22100" spans="4:5" x14ac:dyDescent="0.25">
      <c r="D22100" s="6">
        <v>741.64639999999997</v>
      </c>
      <c r="E22100" s="6">
        <v>496.67939999999999</v>
      </c>
    </row>
    <row r="22101" spans="4:5" x14ac:dyDescent="0.25">
      <c r="D22101" s="6">
        <v>695.61279999999999</v>
      </c>
      <c r="E22101" s="6">
        <v>719.50469999999996</v>
      </c>
    </row>
    <row r="22102" spans="4:5" x14ac:dyDescent="0.25">
      <c r="D22102" s="6">
        <v>1053.6669999999999</v>
      </c>
      <c r="E22102" s="6">
        <v>7600.5110000000004</v>
      </c>
    </row>
    <row r="22103" spans="4:5" x14ac:dyDescent="0.25">
      <c r="D22103" s="6">
        <v>782</v>
      </c>
      <c r="E22103" s="6">
        <v>780.88850000000002</v>
      </c>
    </row>
    <row r="22104" spans="4:5" x14ac:dyDescent="0.25">
      <c r="D22104" s="6">
        <v>667.04349999999999</v>
      </c>
      <c r="E22104" s="6">
        <v>555</v>
      </c>
    </row>
    <row r="22105" spans="4:5" x14ac:dyDescent="0.25">
      <c r="D22105" s="6">
        <v>845.01819999999998</v>
      </c>
      <c r="E22105" s="6">
        <v>798.13120000000004</v>
      </c>
    </row>
    <row r="22106" spans="4:5" x14ac:dyDescent="0.25">
      <c r="D22106" s="6">
        <v>646.68619999999999</v>
      </c>
      <c r="E22106" s="6">
        <v>871.54930000000002</v>
      </c>
    </row>
    <row r="22107" spans="4:5" x14ac:dyDescent="0.25">
      <c r="D22107" s="6">
        <v>630.82280000000003</v>
      </c>
      <c r="E22107" s="6">
        <v>997.26919999999996</v>
      </c>
    </row>
    <row r="22108" spans="4:5" x14ac:dyDescent="0.25">
      <c r="D22108" s="6">
        <v>701.21900000000005</v>
      </c>
      <c r="E22108" s="6">
        <v>2017.848</v>
      </c>
    </row>
    <row r="22109" spans="4:5" x14ac:dyDescent="0.25">
      <c r="D22109" s="6">
        <v>917.85820000000001</v>
      </c>
      <c r="E22109" s="6">
        <v>1865.76</v>
      </c>
    </row>
    <row r="22110" spans="4:5" x14ac:dyDescent="0.25">
      <c r="D22110" s="6">
        <v>592.33609999999999</v>
      </c>
      <c r="E22110" s="6">
        <v>659.14819999999997</v>
      </c>
    </row>
    <row r="22111" spans="4:5" x14ac:dyDescent="0.25">
      <c r="D22111" s="6">
        <v>647.58529999999996</v>
      </c>
      <c r="E22111" s="6">
        <v>583.74929999999995</v>
      </c>
    </row>
    <row r="22112" spans="4:5" x14ac:dyDescent="0.25">
      <c r="D22112" s="6">
        <v>849.92719999999997</v>
      </c>
      <c r="E22112" s="6">
        <v>735.35469999999998</v>
      </c>
    </row>
    <row r="22113" spans="4:5" x14ac:dyDescent="0.25">
      <c r="D22113" s="6">
        <v>627.4325</v>
      </c>
      <c r="E22113" s="6">
        <v>6309</v>
      </c>
    </row>
    <row r="22114" spans="4:5" x14ac:dyDescent="0.25">
      <c r="D22114" s="6">
        <v>690.60709999999995</v>
      </c>
      <c r="E22114" s="6">
        <v>781.95159999999998</v>
      </c>
    </row>
    <row r="22115" spans="4:5" x14ac:dyDescent="0.25">
      <c r="D22115" s="6">
        <v>683.98239999999998</v>
      </c>
      <c r="E22115" s="6">
        <v>6095.6930000000002</v>
      </c>
    </row>
    <row r="22116" spans="4:5" x14ac:dyDescent="0.25">
      <c r="D22116" s="6">
        <v>585.59879999999998</v>
      </c>
      <c r="E22116" s="6">
        <v>641.91539999999998</v>
      </c>
    </row>
    <row r="22117" spans="4:5" x14ac:dyDescent="0.25">
      <c r="D22117" s="6">
        <v>648.11789999999996</v>
      </c>
      <c r="E22117" s="6">
        <v>1995.182</v>
      </c>
    </row>
    <row r="22118" spans="4:5" x14ac:dyDescent="0.25">
      <c r="D22118" s="6">
        <v>694.90719999999999</v>
      </c>
      <c r="E22118" s="6">
        <v>846.86090000000002</v>
      </c>
    </row>
    <row r="22119" spans="4:5" x14ac:dyDescent="0.25">
      <c r="D22119" s="6">
        <v>656.43960000000004</v>
      </c>
      <c r="E22119" s="6">
        <v>729.20249999999999</v>
      </c>
    </row>
    <row r="22120" spans="4:5" x14ac:dyDescent="0.25">
      <c r="D22120" s="6">
        <v>589.94830000000002</v>
      </c>
      <c r="E22120" s="6">
        <v>4141.5309999999999</v>
      </c>
    </row>
    <row r="22121" spans="4:5" x14ac:dyDescent="0.25">
      <c r="D22121" s="6">
        <v>724.52480000000003</v>
      </c>
      <c r="E22121" s="6">
        <v>846.1549</v>
      </c>
    </row>
    <row r="22122" spans="4:5" x14ac:dyDescent="0.25">
      <c r="D22122" s="6">
        <v>1008.457</v>
      </c>
      <c r="E22122" s="6">
        <v>8525.5</v>
      </c>
    </row>
    <row r="22123" spans="4:5" x14ac:dyDescent="0.25">
      <c r="D22123" s="6">
        <v>686.51319999999998</v>
      </c>
      <c r="E22123" s="6">
        <v>1343.2439999999999</v>
      </c>
    </row>
    <row r="22124" spans="4:5" x14ac:dyDescent="0.25">
      <c r="D22124" s="6">
        <v>529.85739999999998</v>
      </c>
      <c r="E22124" s="6">
        <v>6709.0429999999997</v>
      </c>
    </row>
    <row r="22125" spans="4:5" x14ac:dyDescent="0.25">
      <c r="D22125" s="6">
        <v>531.1046</v>
      </c>
      <c r="E22125" s="6">
        <v>2058.7190000000001</v>
      </c>
    </row>
    <row r="22126" spans="4:5" x14ac:dyDescent="0.25">
      <c r="D22126" s="6">
        <v>527.56949999999995</v>
      </c>
      <c r="E22126" s="6">
        <v>818.08950000000004</v>
      </c>
    </row>
    <row r="22127" spans="4:5" x14ac:dyDescent="0.25">
      <c r="D22127" s="6">
        <v>879.08860000000004</v>
      </c>
      <c r="E22127" s="6">
        <v>539.81089999999995</v>
      </c>
    </row>
    <row r="22128" spans="4:5" x14ac:dyDescent="0.25">
      <c r="D22128" s="6">
        <v>803.40710000000001</v>
      </c>
      <c r="E22128" s="6">
        <v>2725.31</v>
      </c>
    </row>
    <row r="22129" spans="4:5" x14ac:dyDescent="0.25">
      <c r="D22129" s="6">
        <v>1731.3109999999999</v>
      </c>
      <c r="E22129" s="6">
        <v>566.16189999999995</v>
      </c>
    </row>
    <row r="22130" spans="4:5" x14ac:dyDescent="0.25">
      <c r="D22130" s="6">
        <v>466.7824</v>
      </c>
      <c r="E22130" s="6">
        <v>719.49180000000001</v>
      </c>
    </row>
    <row r="22131" spans="4:5" x14ac:dyDescent="0.25">
      <c r="D22131" s="6">
        <v>697.5204</v>
      </c>
      <c r="E22131" s="6">
        <v>648.71590000000003</v>
      </c>
    </row>
    <row r="22132" spans="4:5" x14ac:dyDescent="0.25">
      <c r="D22132" s="6">
        <v>774.17819999999995</v>
      </c>
      <c r="E22132" s="6">
        <v>789.08479999999997</v>
      </c>
    </row>
    <row r="22133" spans="4:5" x14ac:dyDescent="0.25">
      <c r="D22133" s="6">
        <v>782.32399999999996</v>
      </c>
      <c r="E22133" s="6">
        <v>1189.3420000000001</v>
      </c>
    </row>
    <row r="22134" spans="4:5" x14ac:dyDescent="0.25">
      <c r="D22134" s="6">
        <v>1811.1320000000001</v>
      </c>
      <c r="E22134" s="6">
        <v>930.20429999999999</v>
      </c>
    </row>
    <row r="22135" spans="4:5" x14ac:dyDescent="0.25">
      <c r="D22135" s="6">
        <v>1096.03</v>
      </c>
      <c r="E22135" s="6">
        <v>2423.1669999999999</v>
      </c>
    </row>
    <row r="22136" spans="4:5" x14ac:dyDescent="0.25">
      <c r="D22136" s="6">
        <v>743.85919999999999</v>
      </c>
      <c r="E22136" s="6">
        <v>732.66660000000002</v>
      </c>
    </row>
    <row r="22137" spans="4:5" x14ac:dyDescent="0.25">
      <c r="D22137" s="6">
        <v>1107.221</v>
      </c>
      <c r="E22137" s="6">
        <v>836.93039999999996</v>
      </c>
    </row>
    <row r="22138" spans="4:5" x14ac:dyDescent="0.25">
      <c r="D22138" s="6">
        <v>654.76760000000002</v>
      </c>
      <c r="E22138" s="6">
        <v>846.21029999999996</v>
      </c>
    </row>
    <row r="22139" spans="4:5" x14ac:dyDescent="0.25">
      <c r="D22139" s="6">
        <v>1573.597</v>
      </c>
      <c r="E22139" s="6">
        <v>698.13549999999998</v>
      </c>
    </row>
    <row r="22140" spans="4:5" x14ac:dyDescent="0.25">
      <c r="D22140" s="6">
        <v>1422.2249999999999</v>
      </c>
      <c r="E22140" s="6">
        <v>1150.4939999999999</v>
      </c>
    </row>
    <row r="22141" spans="4:5" x14ac:dyDescent="0.25">
      <c r="D22141" s="6">
        <v>676.82600000000002</v>
      </c>
      <c r="E22141" s="6">
        <v>2396.8580000000002</v>
      </c>
    </row>
    <row r="22142" spans="4:5" x14ac:dyDescent="0.25">
      <c r="D22142" s="6">
        <v>754.02760000000001</v>
      </c>
      <c r="E22142" s="6">
        <v>4530.6170000000002</v>
      </c>
    </row>
    <row r="22143" spans="4:5" x14ac:dyDescent="0.25">
      <c r="D22143" s="6">
        <v>790.6087</v>
      </c>
      <c r="E22143" s="6">
        <v>686.86670000000004</v>
      </c>
    </row>
    <row r="22144" spans="4:5" x14ac:dyDescent="0.25">
      <c r="D22144" s="6">
        <v>820.59500000000003</v>
      </c>
      <c r="E22144" s="6">
        <v>778.39449999999999</v>
      </c>
    </row>
    <row r="22145" spans="4:5" x14ac:dyDescent="0.25">
      <c r="D22145" s="6">
        <v>605.54330000000004</v>
      </c>
      <c r="E22145" s="6">
        <v>767.63800000000003</v>
      </c>
    </row>
    <row r="22146" spans="4:5" x14ac:dyDescent="0.25">
      <c r="D22146" s="6">
        <v>562.96799999999996</v>
      </c>
      <c r="E22146" s="6">
        <v>829.35440000000006</v>
      </c>
    </row>
    <row r="22147" spans="4:5" x14ac:dyDescent="0.25">
      <c r="D22147" s="6">
        <v>499.26100000000002</v>
      </c>
      <c r="E22147" s="6">
        <v>700.83699999999999</v>
      </c>
    </row>
    <row r="22148" spans="4:5" x14ac:dyDescent="0.25">
      <c r="D22148" s="6">
        <v>744.11320000000001</v>
      </c>
      <c r="E22148" s="6">
        <v>596.68140000000005</v>
      </c>
    </row>
    <row r="22149" spans="4:5" x14ac:dyDescent="0.25">
      <c r="D22149" s="6">
        <v>603.80319999999995</v>
      </c>
      <c r="E22149" s="6">
        <v>620.57560000000001</v>
      </c>
    </row>
    <row r="22150" spans="4:5" x14ac:dyDescent="0.25">
      <c r="D22150" s="6">
        <v>562.83330000000001</v>
      </c>
      <c r="E22150" s="6">
        <v>1240.883</v>
      </c>
    </row>
    <row r="22151" spans="4:5" x14ac:dyDescent="0.25">
      <c r="D22151" s="6">
        <v>536.76919999999996</v>
      </c>
      <c r="E22151" s="6">
        <v>777.85619999999994</v>
      </c>
    </row>
    <row r="22152" spans="4:5" x14ac:dyDescent="0.25">
      <c r="D22152" s="6">
        <v>647.51549999999997</v>
      </c>
      <c r="E22152" s="6">
        <v>2234.953</v>
      </c>
    </row>
    <row r="22153" spans="4:5" x14ac:dyDescent="0.25">
      <c r="D22153" s="6">
        <v>1023</v>
      </c>
      <c r="E22153" s="6">
        <v>958.77949999999998</v>
      </c>
    </row>
    <row r="22154" spans="4:5" x14ac:dyDescent="0.25">
      <c r="D22154" s="6">
        <v>2104.8760000000002</v>
      </c>
      <c r="E22154" s="6">
        <v>1260.4939999999999</v>
      </c>
    </row>
    <row r="22155" spans="4:5" x14ac:dyDescent="0.25">
      <c r="D22155" s="6">
        <v>649.06889999999999</v>
      </c>
      <c r="E22155" s="6">
        <v>795.84320000000002</v>
      </c>
    </row>
    <row r="22156" spans="4:5" x14ac:dyDescent="0.25">
      <c r="D22156" s="6">
        <v>807.81140000000005</v>
      </c>
      <c r="E22156" s="6">
        <v>988.4796</v>
      </c>
    </row>
    <row r="22157" spans="4:5" x14ac:dyDescent="0.25">
      <c r="D22157" s="6">
        <v>593.4162</v>
      </c>
      <c r="E22157" s="6">
        <v>829.5462</v>
      </c>
    </row>
    <row r="22158" spans="4:5" x14ac:dyDescent="0.25">
      <c r="D22158" s="6">
        <v>966.00220000000002</v>
      </c>
      <c r="E22158" s="6">
        <v>1166.087</v>
      </c>
    </row>
    <row r="22159" spans="4:5" x14ac:dyDescent="0.25">
      <c r="D22159" s="6">
        <v>684.88779999999997</v>
      </c>
      <c r="E22159" s="6">
        <v>3596.7660000000001</v>
      </c>
    </row>
    <row r="22160" spans="4:5" x14ac:dyDescent="0.25">
      <c r="D22160" s="6">
        <v>1221.856</v>
      </c>
      <c r="E22160" s="6">
        <v>706.41510000000005</v>
      </c>
    </row>
    <row r="22161" spans="4:5" x14ac:dyDescent="0.25">
      <c r="D22161" s="6">
        <v>3350.607</v>
      </c>
      <c r="E22161" s="6">
        <v>13292.56</v>
      </c>
    </row>
    <row r="22162" spans="4:5" x14ac:dyDescent="0.25">
      <c r="D22162" s="6">
        <v>1217.1569999999999</v>
      </c>
      <c r="E22162" s="6">
        <v>775.178</v>
      </c>
    </row>
    <row r="22163" spans="4:5" x14ac:dyDescent="0.25">
      <c r="D22163" s="6">
        <v>764.25199999999995</v>
      </c>
      <c r="E22163" s="6">
        <v>5318.4759999999997</v>
      </c>
    </row>
    <row r="22164" spans="4:5" x14ac:dyDescent="0.25">
      <c r="D22164" s="6">
        <v>751.0752</v>
      </c>
      <c r="E22164" s="6">
        <v>803.66179999999997</v>
      </c>
    </row>
    <row r="22165" spans="4:5" x14ac:dyDescent="0.25">
      <c r="D22165" s="6">
        <v>703.79229999999995</v>
      </c>
      <c r="E22165" s="6">
        <v>543.74270000000001</v>
      </c>
    </row>
    <row r="22166" spans="4:5" x14ac:dyDescent="0.25">
      <c r="D22166" s="6">
        <v>544.12149999999997</v>
      </c>
      <c r="E22166" s="6">
        <v>3671.7260000000001</v>
      </c>
    </row>
    <row r="22167" spans="4:5" x14ac:dyDescent="0.25">
      <c r="D22167" s="6">
        <v>1046.713</v>
      </c>
      <c r="E22167" s="6">
        <v>759.20950000000005</v>
      </c>
    </row>
    <row r="22168" spans="4:5" x14ac:dyDescent="0.25">
      <c r="D22168" s="6">
        <v>768.13279999999997</v>
      </c>
      <c r="E22168" s="6">
        <v>571.97450000000003</v>
      </c>
    </row>
    <row r="22169" spans="4:5" x14ac:dyDescent="0.25">
      <c r="D22169" s="6">
        <v>701.51589999999999</v>
      </c>
      <c r="E22169" s="6">
        <v>6505.2640000000001</v>
      </c>
    </row>
    <row r="22170" spans="4:5" x14ac:dyDescent="0.25">
      <c r="D22170" s="6">
        <v>720.76949999999999</v>
      </c>
      <c r="E22170" s="6">
        <v>6312.8860000000004</v>
      </c>
    </row>
    <row r="22171" spans="4:5" x14ac:dyDescent="0.25">
      <c r="D22171" s="6">
        <v>643.29870000000005</v>
      </c>
      <c r="E22171" s="6">
        <v>4949.2979999999998</v>
      </c>
    </row>
    <row r="22172" spans="4:5" x14ac:dyDescent="0.25">
      <c r="D22172" s="6">
        <v>623.9674</v>
      </c>
      <c r="E22172" s="6">
        <v>637.88549999999998</v>
      </c>
    </row>
    <row r="22173" spans="4:5" x14ac:dyDescent="0.25">
      <c r="D22173" s="6">
        <v>764.19330000000002</v>
      </c>
      <c r="E22173" s="6">
        <v>740.63900000000001</v>
      </c>
    </row>
    <row r="22174" spans="4:5" x14ac:dyDescent="0.25">
      <c r="D22174" s="6">
        <v>760.11300000000006</v>
      </c>
      <c r="E22174" s="6">
        <v>8699</v>
      </c>
    </row>
    <row r="22175" spans="4:5" x14ac:dyDescent="0.25">
      <c r="D22175" s="6">
        <v>561.2029</v>
      </c>
      <c r="E22175" s="6">
        <v>1244.58</v>
      </c>
    </row>
    <row r="22176" spans="4:5" x14ac:dyDescent="0.25">
      <c r="D22176" s="6">
        <v>650.73829999999998</v>
      </c>
      <c r="E22176" s="6">
        <v>2273.5529999999999</v>
      </c>
    </row>
    <row r="22177" spans="4:5" x14ac:dyDescent="0.25">
      <c r="D22177" s="6">
        <v>3241</v>
      </c>
      <c r="E22177" s="6">
        <v>701.72760000000005</v>
      </c>
    </row>
    <row r="22178" spans="4:5" x14ac:dyDescent="0.25">
      <c r="D22178" s="6">
        <v>489.2405</v>
      </c>
      <c r="E22178" s="6">
        <v>6890.63</v>
      </c>
    </row>
    <row r="22179" spans="4:5" x14ac:dyDescent="0.25">
      <c r="D22179" s="6">
        <v>814.65840000000003</v>
      </c>
      <c r="E22179" s="6">
        <v>7191.1660000000002</v>
      </c>
    </row>
    <row r="22180" spans="4:5" x14ac:dyDescent="0.25">
      <c r="D22180" s="6">
        <v>887.7029</v>
      </c>
      <c r="E22180" s="6">
        <v>909.4796</v>
      </c>
    </row>
    <row r="22181" spans="4:5" x14ac:dyDescent="0.25">
      <c r="D22181" s="6">
        <v>1520.6790000000001</v>
      </c>
      <c r="E22181" s="6">
        <v>657.71429999999998</v>
      </c>
    </row>
    <row r="22182" spans="4:5" x14ac:dyDescent="0.25">
      <c r="D22182" s="6">
        <v>734.54549999999995</v>
      </c>
      <c r="E22182" s="6">
        <v>4526.9269999999997</v>
      </c>
    </row>
    <row r="22183" spans="4:5" x14ac:dyDescent="0.25">
      <c r="D22183" s="6">
        <v>599.3424</v>
      </c>
      <c r="E22183" s="6">
        <v>787.07690000000002</v>
      </c>
    </row>
    <row r="22184" spans="4:5" x14ac:dyDescent="0.25">
      <c r="D22184" s="6">
        <v>598.58929999999998</v>
      </c>
      <c r="E22184" s="6">
        <v>2250.6190000000001</v>
      </c>
    </row>
    <row r="22185" spans="4:5" x14ac:dyDescent="0.25">
      <c r="D22185" s="6">
        <v>663.45029999999997</v>
      </c>
      <c r="E22185" s="6">
        <v>625.12599999999998</v>
      </c>
    </row>
    <row r="22186" spans="4:5" x14ac:dyDescent="0.25">
      <c r="D22186" s="6">
        <v>801.78549999999996</v>
      </c>
      <c r="E22186" s="6">
        <v>754.0693</v>
      </c>
    </row>
    <row r="22187" spans="4:5" x14ac:dyDescent="0.25">
      <c r="D22187" s="6">
        <v>562.00400000000002</v>
      </c>
      <c r="E22187" s="6">
        <v>959.78579999999999</v>
      </c>
    </row>
    <row r="22188" spans="4:5" x14ac:dyDescent="0.25">
      <c r="D22188" s="6">
        <v>512.1925</v>
      </c>
      <c r="E22188" s="6">
        <v>5988.9160000000002</v>
      </c>
    </row>
    <row r="22189" spans="4:5" x14ac:dyDescent="0.25">
      <c r="D22189" s="6">
        <v>590</v>
      </c>
      <c r="E22189" s="6">
        <v>6156.5320000000002</v>
      </c>
    </row>
    <row r="22190" spans="4:5" x14ac:dyDescent="0.25">
      <c r="D22190" s="6">
        <v>899.07460000000003</v>
      </c>
      <c r="E22190" s="6">
        <v>677</v>
      </c>
    </row>
    <row r="22191" spans="4:5" x14ac:dyDescent="0.25">
      <c r="D22191" s="6">
        <v>689.13310000000001</v>
      </c>
      <c r="E22191" s="6">
        <v>623.3329</v>
      </c>
    </row>
    <row r="22192" spans="4:5" x14ac:dyDescent="0.25">
      <c r="D22192" s="6">
        <v>511.8</v>
      </c>
      <c r="E22192" s="6">
        <v>497.12169999999998</v>
      </c>
    </row>
    <row r="22193" spans="4:5" x14ac:dyDescent="0.25">
      <c r="D22193" s="6">
        <v>667.79160000000002</v>
      </c>
      <c r="E22193" s="6">
        <v>2024.87</v>
      </c>
    </row>
    <row r="22194" spans="4:5" x14ac:dyDescent="0.25">
      <c r="D22194" s="6">
        <v>739.74829999999997</v>
      </c>
      <c r="E22194" s="6">
        <v>5795.2030000000004</v>
      </c>
    </row>
    <row r="22195" spans="4:5" x14ac:dyDescent="0.25">
      <c r="D22195" s="6">
        <v>1007.794</v>
      </c>
      <c r="E22195" s="6">
        <v>671.95579999999995</v>
      </c>
    </row>
    <row r="22196" spans="4:5" x14ac:dyDescent="0.25">
      <c r="D22196" s="6">
        <v>613.90639999999996</v>
      </c>
      <c r="E22196" s="6">
        <v>549.35640000000001</v>
      </c>
    </row>
    <row r="22197" spans="4:5" x14ac:dyDescent="0.25">
      <c r="D22197" s="6">
        <v>688.57730000000004</v>
      </c>
      <c r="E22197" s="6">
        <v>867.24689999999998</v>
      </c>
    </row>
    <row r="22198" spans="4:5" x14ac:dyDescent="0.25">
      <c r="D22198" s="6">
        <v>715.33140000000003</v>
      </c>
      <c r="E22198" s="6">
        <v>4513.7070000000003</v>
      </c>
    </row>
    <row r="22199" spans="4:5" x14ac:dyDescent="0.25">
      <c r="D22199" s="6">
        <v>735.62120000000004</v>
      </c>
      <c r="E22199" s="6">
        <v>1410.07</v>
      </c>
    </row>
    <row r="22200" spans="4:5" x14ac:dyDescent="0.25">
      <c r="D22200" s="6">
        <v>613.68650000000002</v>
      </c>
      <c r="E22200" s="6">
        <v>696.42409999999995</v>
      </c>
    </row>
    <row r="22201" spans="4:5" x14ac:dyDescent="0.25">
      <c r="D22201" s="6">
        <v>1106.2149999999999</v>
      </c>
      <c r="E22201" s="6">
        <v>697.98099999999999</v>
      </c>
    </row>
    <row r="22202" spans="4:5" x14ac:dyDescent="0.25">
      <c r="D22202" s="6">
        <v>736.49099999999999</v>
      </c>
      <c r="E22202" s="6">
        <v>776.61080000000004</v>
      </c>
    </row>
    <row r="22203" spans="4:5" x14ac:dyDescent="0.25">
      <c r="D22203" s="6">
        <v>1110.1679999999999</v>
      </c>
      <c r="E22203" s="6">
        <v>6704.4579999999996</v>
      </c>
    </row>
    <row r="22204" spans="4:5" x14ac:dyDescent="0.25">
      <c r="D22204" s="6">
        <v>627</v>
      </c>
      <c r="E22204" s="6">
        <v>1516.819</v>
      </c>
    </row>
    <row r="22205" spans="4:5" x14ac:dyDescent="0.25">
      <c r="D22205" s="6">
        <v>686.28189999999995</v>
      </c>
      <c r="E22205" s="6">
        <v>828.38099999999997</v>
      </c>
    </row>
    <row r="22206" spans="4:5" x14ac:dyDescent="0.25">
      <c r="D22206" s="6">
        <v>1072.4549999999999</v>
      </c>
      <c r="E22206" s="6">
        <v>807.81320000000005</v>
      </c>
    </row>
    <row r="22207" spans="4:5" x14ac:dyDescent="0.25">
      <c r="D22207" s="6">
        <v>630.10730000000001</v>
      </c>
      <c r="E22207" s="6">
        <v>727.37139999999999</v>
      </c>
    </row>
    <row r="22208" spans="4:5" x14ac:dyDescent="0.25">
      <c r="D22208" s="6">
        <v>7826.4870000000001</v>
      </c>
      <c r="E22208" s="6">
        <v>5789.1540000000005</v>
      </c>
    </row>
    <row r="22209" spans="4:5" x14ac:dyDescent="0.25">
      <c r="D22209" s="6">
        <v>7574.924</v>
      </c>
      <c r="E22209" s="6">
        <v>1600.66</v>
      </c>
    </row>
    <row r="22210" spans="4:5" x14ac:dyDescent="0.25">
      <c r="D22210" s="6">
        <v>697.74570000000006</v>
      </c>
      <c r="E22210" s="6">
        <v>787.22349999999994</v>
      </c>
    </row>
    <row r="22211" spans="4:5" x14ac:dyDescent="0.25">
      <c r="D22211" s="6">
        <v>868.81700000000001</v>
      </c>
      <c r="E22211" s="6">
        <v>758.07590000000005</v>
      </c>
    </row>
    <row r="22212" spans="4:5" x14ac:dyDescent="0.25">
      <c r="D22212" s="6">
        <v>803.79859999999996</v>
      </c>
      <c r="E22212" s="6">
        <v>476.38760000000002</v>
      </c>
    </row>
    <row r="22213" spans="4:5" x14ac:dyDescent="0.25">
      <c r="D22213" s="6">
        <v>901.77520000000004</v>
      </c>
      <c r="E22213" s="6">
        <v>705.29690000000005</v>
      </c>
    </row>
    <row r="22214" spans="4:5" x14ac:dyDescent="0.25">
      <c r="D22214" s="6">
        <v>636.96510000000001</v>
      </c>
      <c r="E22214" s="6">
        <v>542.47019999999998</v>
      </c>
    </row>
    <row r="22215" spans="4:5" x14ac:dyDescent="0.25">
      <c r="D22215" s="6">
        <v>1109.1079999999999</v>
      </c>
      <c r="E22215" s="6">
        <v>803.85789999999997</v>
      </c>
    </row>
    <row r="22216" spans="4:5" x14ac:dyDescent="0.25">
      <c r="D22216" s="6">
        <v>959.03700000000003</v>
      </c>
      <c r="E22216" s="6">
        <v>770.46749999999997</v>
      </c>
    </row>
    <row r="22217" spans="4:5" x14ac:dyDescent="0.25">
      <c r="D22217" s="6">
        <v>1596.6110000000001</v>
      </c>
      <c r="E22217" s="6">
        <v>825.61569999999995</v>
      </c>
    </row>
    <row r="22218" spans="4:5" x14ac:dyDescent="0.25">
      <c r="D22218" s="6">
        <v>702.96119999999996</v>
      </c>
      <c r="E22218" s="6">
        <v>708.50639999999999</v>
      </c>
    </row>
    <row r="22219" spans="4:5" x14ac:dyDescent="0.25">
      <c r="D22219" s="6">
        <v>643.80679999999995</v>
      </c>
      <c r="E22219" s="6">
        <v>639.53639999999996</v>
      </c>
    </row>
    <row r="22220" spans="4:5" x14ac:dyDescent="0.25">
      <c r="D22220" s="6">
        <v>694.59410000000003</v>
      </c>
      <c r="E22220" s="6">
        <v>612.96339999999998</v>
      </c>
    </row>
    <row r="22221" spans="4:5" x14ac:dyDescent="0.25">
      <c r="D22221" s="6">
        <v>608.71429999999998</v>
      </c>
      <c r="E22221" s="6">
        <v>814.49789999999996</v>
      </c>
    </row>
    <row r="22222" spans="4:5" x14ac:dyDescent="0.25">
      <c r="D22222" s="6">
        <v>591.73180000000002</v>
      </c>
      <c r="E22222" s="6">
        <v>696.26260000000002</v>
      </c>
    </row>
    <row r="22223" spans="4:5" x14ac:dyDescent="0.25">
      <c r="D22223" s="6">
        <v>686.69920000000002</v>
      </c>
      <c r="E22223" s="6">
        <v>5520.277</v>
      </c>
    </row>
    <row r="22224" spans="4:5" x14ac:dyDescent="0.25">
      <c r="D22224" s="6">
        <v>747.21939999999995</v>
      </c>
      <c r="E22224" s="6">
        <v>585.95740000000001</v>
      </c>
    </row>
    <row r="22225" spans="4:5" x14ac:dyDescent="0.25">
      <c r="D22225" s="6">
        <v>712.28570000000002</v>
      </c>
      <c r="E22225" s="6">
        <v>847.97990000000004</v>
      </c>
    </row>
    <row r="22226" spans="4:5" x14ac:dyDescent="0.25">
      <c r="D22226" s="6">
        <v>1331.5340000000001</v>
      </c>
      <c r="E22226" s="6">
        <v>8677.75</v>
      </c>
    </row>
    <row r="22227" spans="4:5" x14ac:dyDescent="0.25">
      <c r="D22227" s="6">
        <v>375.75689999999997</v>
      </c>
      <c r="E22227" s="6">
        <v>12433.56</v>
      </c>
    </row>
    <row r="22228" spans="4:5" x14ac:dyDescent="0.25">
      <c r="D22228" s="6">
        <v>1949.1659999999999</v>
      </c>
      <c r="E22228" s="6">
        <v>805.07399999999996</v>
      </c>
    </row>
    <row r="22229" spans="4:5" x14ac:dyDescent="0.25">
      <c r="D22229" s="6">
        <v>734.9271</v>
      </c>
      <c r="E22229" s="6">
        <v>4610.4189999999999</v>
      </c>
    </row>
    <row r="22230" spans="4:5" x14ac:dyDescent="0.25">
      <c r="D22230" s="6">
        <v>1062.383</v>
      </c>
      <c r="E22230" s="6">
        <v>730.02800000000002</v>
      </c>
    </row>
    <row r="22231" spans="4:5" x14ac:dyDescent="0.25">
      <c r="D22231" s="6">
        <v>649.84870000000001</v>
      </c>
      <c r="E22231" s="6">
        <v>677.04349999999999</v>
      </c>
    </row>
    <row r="22232" spans="4:5" x14ac:dyDescent="0.25">
      <c r="D22232" s="6">
        <v>569.62270000000001</v>
      </c>
      <c r="E22232" s="6">
        <v>525.58519999999999</v>
      </c>
    </row>
    <row r="22233" spans="4:5" x14ac:dyDescent="0.25">
      <c r="D22233" s="6">
        <v>550.5</v>
      </c>
      <c r="E22233" s="6">
        <v>729.3347</v>
      </c>
    </row>
    <row r="22234" spans="4:5" x14ac:dyDescent="0.25">
      <c r="D22234" s="6">
        <v>1111.8209999999999</v>
      </c>
      <c r="E22234" s="6">
        <v>5205.7889999999998</v>
      </c>
    </row>
    <row r="22235" spans="4:5" x14ac:dyDescent="0.25">
      <c r="D22235" s="6">
        <v>1109.1489999999999</v>
      </c>
      <c r="E22235" s="6">
        <v>762.74159999999995</v>
      </c>
    </row>
    <row r="22236" spans="4:5" x14ac:dyDescent="0.25">
      <c r="D22236" s="6">
        <v>704.03629999999998</v>
      </c>
      <c r="E22236" s="6">
        <v>3433.1970000000001</v>
      </c>
    </row>
    <row r="22237" spans="4:5" x14ac:dyDescent="0.25">
      <c r="D22237" s="6">
        <v>951.86670000000004</v>
      </c>
      <c r="E22237" s="6">
        <v>894.54539999999997</v>
      </c>
    </row>
    <row r="22238" spans="4:5" x14ac:dyDescent="0.25">
      <c r="D22238" s="6">
        <v>645.35350000000005</v>
      </c>
      <c r="E22238" s="6">
        <v>2101.0909999999999</v>
      </c>
    </row>
    <row r="22239" spans="4:5" x14ac:dyDescent="0.25">
      <c r="D22239" s="6">
        <v>685.24069999999995</v>
      </c>
      <c r="E22239" s="6">
        <v>3410.0889999999999</v>
      </c>
    </row>
    <row r="22240" spans="4:5" x14ac:dyDescent="0.25">
      <c r="D22240" s="6">
        <v>916.86969999999997</v>
      </c>
      <c r="E22240" s="6">
        <v>611.66020000000003</v>
      </c>
    </row>
    <row r="22241" spans="4:5" x14ac:dyDescent="0.25">
      <c r="D22241" s="6">
        <v>950.80399999999997</v>
      </c>
      <c r="E22241" s="6">
        <v>707.03620000000001</v>
      </c>
    </row>
    <row r="22242" spans="4:5" x14ac:dyDescent="0.25">
      <c r="D22242" s="6">
        <v>681.13019999999995</v>
      </c>
      <c r="E22242" s="6">
        <v>719.19910000000004</v>
      </c>
    </row>
    <row r="22243" spans="4:5" x14ac:dyDescent="0.25">
      <c r="D22243" s="6">
        <v>855.33079999999995</v>
      </c>
      <c r="E22243" s="6">
        <v>987.87530000000004</v>
      </c>
    </row>
    <row r="22244" spans="4:5" x14ac:dyDescent="0.25">
      <c r="D22244" s="6">
        <v>603.70690000000002</v>
      </c>
      <c r="E22244" s="6">
        <v>558.00800000000004</v>
      </c>
    </row>
    <row r="22245" spans="4:5" x14ac:dyDescent="0.25">
      <c r="D22245" s="6">
        <v>1017.778</v>
      </c>
      <c r="E22245" s="6">
        <v>766.96960000000001</v>
      </c>
    </row>
    <row r="22246" spans="4:5" x14ac:dyDescent="0.25">
      <c r="D22246" s="6">
        <v>1119.913</v>
      </c>
      <c r="E22246" s="6">
        <v>1020.5940000000001</v>
      </c>
    </row>
    <row r="22247" spans="4:5" x14ac:dyDescent="0.25">
      <c r="D22247" s="6">
        <v>732.52390000000003</v>
      </c>
      <c r="E22247" s="6">
        <v>5996.1419999999998</v>
      </c>
    </row>
    <row r="22248" spans="4:5" x14ac:dyDescent="0.25">
      <c r="D22248" s="6">
        <v>692.7971</v>
      </c>
      <c r="E22248" s="6">
        <v>4232.2389999999996</v>
      </c>
    </row>
    <row r="22249" spans="4:5" x14ac:dyDescent="0.25">
      <c r="D22249" s="6">
        <v>496.56740000000002</v>
      </c>
      <c r="E22249" s="6">
        <v>817.85130000000004</v>
      </c>
    </row>
    <row r="22250" spans="4:5" x14ac:dyDescent="0.25">
      <c r="D22250" s="6">
        <v>512.95979999999997</v>
      </c>
      <c r="E22250" s="6">
        <v>8686.4259999999995</v>
      </c>
    </row>
    <row r="22251" spans="4:5" x14ac:dyDescent="0.25">
      <c r="D22251" s="6">
        <v>675.46450000000004</v>
      </c>
      <c r="E22251" s="6">
        <v>746.56780000000003</v>
      </c>
    </row>
    <row r="22252" spans="4:5" x14ac:dyDescent="0.25">
      <c r="D22252" s="6">
        <v>737.27359999999999</v>
      </c>
      <c r="E22252" s="6">
        <v>1087.0409999999999</v>
      </c>
    </row>
    <row r="22253" spans="4:5" x14ac:dyDescent="0.25">
      <c r="D22253" s="6">
        <v>482.48230000000001</v>
      </c>
      <c r="E22253" s="6">
        <v>659.11270000000002</v>
      </c>
    </row>
    <row r="22254" spans="4:5" x14ac:dyDescent="0.25">
      <c r="D22254" s="6">
        <v>912.13199999999995</v>
      </c>
      <c r="E22254" s="6">
        <v>2181.3139999999999</v>
      </c>
    </row>
    <row r="22255" spans="4:5" x14ac:dyDescent="0.25">
      <c r="D22255" s="6">
        <v>828.22969999999998</v>
      </c>
      <c r="E22255" s="6">
        <v>736.7953</v>
      </c>
    </row>
    <row r="22256" spans="4:5" x14ac:dyDescent="0.25">
      <c r="D22256" s="6">
        <v>846.33969999999999</v>
      </c>
      <c r="E22256" s="6">
        <v>3364.2530000000002</v>
      </c>
    </row>
    <row r="22257" spans="4:5" x14ac:dyDescent="0.25">
      <c r="D22257" s="6">
        <v>1070.424</v>
      </c>
      <c r="E22257" s="6">
        <v>729.97</v>
      </c>
    </row>
    <row r="22258" spans="4:5" x14ac:dyDescent="0.25">
      <c r="D22258" s="6">
        <v>670.35919999999999</v>
      </c>
      <c r="E22258" s="6">
        <v>661.19860000000006</v>
      </c>
    </row>
    <row r="22259" spans="4:5" x14ac:dyDescent="0.25">
      <c r="D22259" s="6">
        <v>981.14269999999999</v>
      </c>
      <c r="E22259" s="6">
        <v>838.64260000000002</v>
      </c>
    </row>
    <row r="22260" spans="4:5" x14ac:dyDescent="0.25">
      <c r="D22260" s="6">
        <v>879.21489999999994</v>
      </c>
      <c r="E22260" s="6">
        <v>1013</v>
      </c>
    </row>
    <row r="22261" spans="4:5" x14ac:dyDescent="0.25">
      <c r="D22261" s="6">
        <v>792.27919999999995</v>
      </c>
      <c r="E22261" s="6">
        <v>1815</v>
      </c>
    </row>
    <row r="22262" spans="4:5" x14ac:dyDescent="0.25">
      <c r="D22262" s="6">
        <v>602.24270000000001</v>
      </c>
      <c r="E22262" s="6">
        <v>852.96429999999998</v>
      </c>
    </row>
    <row r="22263" spans="4:5" x14ac:dyDescent="0.25">
      <c r="D22263" s="6">
        <v>805.75810000000001</v>
      </c>
      <c r="E22263" s="6">
        <v>622.82259999999997</v>
      </c>
    </row>
    <row r="22264" spans="4:5" x14ac:dyDescent="0.25">
      <c r="D22264" s="6">
        <v>853.52409999999998</v>
      </c>
      <c r="E22264" s="6">
        <v>730.66359999999997</v>
      </c>
    </row>
    <row r="22265" spans="4:5" x14ac:dyDescent="0.25">
      <c r="D22265" s="6">
        <v>671.80799999999999</v>
      </c>
      <c r="E22265" s="6">
        <v>747.77549999999997</v>
      </c>
    </row>
    <row r="22266" spans="4:5" x14ac:dyDescent="0.25">
      <c r="D22266" s="6">
        <v>695</v>
      </c>
      <c r="E22266" s="6">
        <v>535.34580000000005</v>
      </c>
    </row>
    <row r="22267" spans="4:5" x14ac:dyDescent="0.25">
      <c r="D22267" s="6">
        <v>677.94740000000002</v>
      </c>
      <c r="E22267" s="6">
        <v>719.07420000000002</v>
      </c>
    </row>
    <row r="22268" spans="4:5" x14ac:dyDescent="0.25">
      <c r="D22268" s="6">
        <v>910.90509999999995</v>
      </c>
      <c r="E22268" s="6">
        <v>1802.146</v>
      </c>
    </row>
    <row r="22269" spans="4:5" x14ac:dyDescent="0.25">
      <c r="D22269" s="6">
        <v>724.14459999999997</v>
      </c>
      <c r="E22269" s="6">
        <v>813.38750000000005</v>
      </c>
    </row>
    <row r="22270" spans="4:5" x14ac:dyDescent="0.25">
      <c r="D22270" s="6">
        <v>812.53129999999999</v>
      </c>
      <c r="E22270" s="6">
        <v>1071.1690000000001</v>
      </c>
    </row>
    <row r="22271" spans="4:5" x14ac:dyDescent="0.25">
      <c r="D22271" s="6">
        <v>694.63789999999995</v>
      </c>
      <c r="E22271" s="6">
        <v>611.21169999999995</v>
      </c>
    </row>
    <row r="22272" spans="4:5" x14ac:dyDescent="0.25">
      <c r="D22272" s="6">
        <v>770.20910000000003</v>
      </c>
      <c r="E22272" s="6">
        <v>658.81730000000005</v>
      </c>
    </row>
    <row r="22273" spans="4:5" x14ac:dyDescent="0.25">
      <c r="D22273" s="6">
        <v>635.88</v>
      </c>
      <c r="E22273" s="6">
        <v>878.36720000000003</v>
      </c>
    </row>
    <row r="22274" spans="4:5" x14ac:dyDescent="0.25">
      <c r="D22274" s="6">
        <v>852.90980000000002</v>
      </c>
      <c r="E22274" s="6">
        <v>4505.5</v>
      </c>
    </row>
    <row r="22275" spans="4:5" x14ac:dyDescent="0.25">
      <c r="D22275" s="6">
        <v>602.8175</v>
      </c>
      <c r="E22275" s="6">
        <v>3466.8310000000001</v>
      </c>
    </row>
    <row r="22276" spans="4:5" x14ac:dyDescent="0.25">
      <c r="D22276" s="6">
        <v>574.60979999999995</v>
      </c>
      <c r="E22276" s="6">
        <v>794.6</v>
      </c>
    </row>
    <row r="22277" spans="4:5" x14ac:dyDescent="0.25">
      <c r="D22277" s="6">
        <v>741.48360000000002</v>
      </c>
      <c r="E22277" s="6">
        <v>789.50519999999995</v>
      </c>
    </row>
    <row r="22278" spans="4:5" x14ac:dyDescent="0.25">
      <c r="D22278" s="6">
        <v>837.92539999999997</v>
      </c>
      <c r="E22278" s="6">
        <v>782.71429999999998</v>
      </c>
    </row>
    <row r="22279" spans="4:5" x14ac:dyDescent="0.25">
      <c r="D22279" s="6">
        <v>565.54409999999996</v>
      </c>
      <c r="E22279" s="6">
        <v>2443.1819999999998</v>
      </c>
    </row>
    <row r="22280" spans="4:5" x14ac:dyDescent="0.25">
      <c r="D22280" s="6">
        <v>1653.038</v>
      </c>
      <c r="E22280" s="6">
        <v>567.88160000000005</v>
      </c>
    </row>
    <row r="22281" spans="4:5" x14ac:dyDescent="0.25">
      <c r="D22281" s="6">
        <v>726.41160000000002</v>
      </c>
      <c r="E22281" s="6">
        <v>1272.8420000000001</v>
      </c>
    </row>
    <row r="22282" spans="4:5" x14ac:dyDescent="0.25">
      <c r="D22282" s="6">
        <v>3630.8</v>
      </c>
      <c r="E22282" s="6">
        <v>691.83270000000005</v>
      </c>
    </row>
    <row r="22283" spans="4:5" x14ac:dyDescent="0.25">
      <c r="D22283" s="6">
        <v>751.24360000000001</v>
      </c>
      <c r="E22283" s="6">
        <v>5549.3670000000002</v>
      </c>
    </row>
    <row r="22284" spans="4:5" x14ac:dyDescent="0.25">
      <c r="D22284" s="6">
        <v>1007.367</v>
      </c>
      <c r="E22284" s="6">
        <v>1837.12</v>
      </c>
    </row>
    <row r="22285" spans="4:5" x14ac:dyDescent="0.25">
      <c r="D22285" s="6">
        <v>744.00149999999996</v>
      </c>
      <c r="E22285" s="6">
        <v>544.41390000000001</v>
      </c>
    </row>
    <row r="22286" spans="4:5" x14ac:dyDescent="0.25">
      <c r="D22286" s="6">
        <v>884.18679999999995</v>
      </c>
      <c r="E22286" s="6">
        <v>734.64649999999995</v>
      </c>
    </row>
    <row r="22287" spans="4:5" x14ac:dyDescent="0.25">
      <c r="D22287" s="6">
        <v>604.15060000000005</v>
      </c>
      <c r="E22287" s="6">
        <v>697.05899999999997</v>
      </c>
    </row>
    <row r="22288" spans="4:5" x14ac:dyDescent="0.25">
      <c r="D22288" s="6">
        <v>4803.2839999999997</v>
      </c>
      <c r="E22288" s="6">
        <v>499.7278</v>
      </c>
    </row>
    <row r="22289" spans="4:5" x14ac:dyDescent="0.25">
      <c r="D22289" s="6">
        <v>814.75639999999999</v>
      </c>
      <c r="E22289" s="6">
        <v>754.35839999999996</v>
      </c>
    </row>
    <row r="22290" spans="4:5" x14ac:dyDescent="0.25">
      <c r="D22290" s="6">
        <v>1422.576</v>
      </c>
      <c r="E22290" s="6">
        <v>1112.259</v>
      </c>
    </row>
    <row r="22291" spans="4:5" x14ac:dyDescent="0.25">
      <c r="D22291" s="6">
        <v>792.1848</v>
      </c>
      <c r="E22291" s="6">
        <v>761.07449999999994</v>
      </c>
    </row>
    <row r="22292" spans="4:5" x14ac:dyDescent="0.25">
      <c r="D22292" s="6">
        <v>709.50390000000004</v>
      </c>
      <c r="E22292" s="6">
        <v>839.85410000000002</v>
      </c>
    </row>
    <row r="22293" spans="4:5" x14ac:dyDescent="0.25">
      <c r="D22293" s="6">
        <v>727.66610000000003</v>
      </c>
      <c r="E22293" s="6">
        <v>768.99419999999998</v>
      </c>
    </row>
    <row r="22294" spans="4:5" x14ac:dyDescent="0.25">
      <c r="D22294" s="6">
        <v>499.36079999999998</v>
      </c>
      <c r="E22294" s="6">
        <v>704.48760000000004</v>
      </c>
    </row>
    <row r="22295" spans="4:5" x14ac:dyDescent="0.25">
      <c r="D22295" s="6">
        <v>992.39739999999995</v>
      </c>
      <c r="E22295" s="6">
        <v>997.45169999999996</v>
      </c>
    </row>
    <row r="22296" spans="4:5" x14ac:dyDescent="0.25">
      <c r="D22296" s="6">
        <v>11938.39</v>
      </c>
      <c r="E22296" s="6">
        <v>562.54539999999997</v>
      </c>
    </row>
    <row r="22297" spans="4:5" x14ac:dyDescent="0.25">
      <c r="D22297" s="6">
        <v>581.65440000000001</v>
      </c>
      <c r="E22297" s="6">
        <v>895.01170000000002</v>
      </c>
    </row>
    <row r="22298" spans="4:5" x14ac:dyDescent="0.25">
      <c r="D22298" s="6">
        <v>678.74249999999995</v>
      </c>
      <c r="E22298" s="6">
        <v>735.41869999999994</v>
      </c>
    </row>
    <row r="22299" spans="4:5" x14ac:dyDescent="0.25">
      <c r="D22299" s="6">
        <v>1594.6189999999999</v>
      </c>
      <c r="E22299" s="6">
        <v>921.2174</v>
      </c>
    </row>
    <row r="22300" spans="4:5" x14ac:dyDescent="0.25">
      <c r="D22300" s="6">
        <v>712.5</v>
      </c>
      <c r="E22300" s="6">
        <v>877.51210000000003</v>
      </c>
    </row>
    <row r="22301" spans="4:5" x14ac:dyDescent="0.25">
      <c r="D22301" s="6">
        <v>636.31899999999996</v>
      </c>
      <c r="E22301" s="6">
        <v>1145.2329999999999</v>
      </c>
    </row>
    <row r="22302" spans="4:5" x14ac:dyDescent="0.25">
      <c r="D22302" s="6">
        <v>2566.2280000000001</v>
      </c>
      <c r="E22302" s="6">
        <v>775.7473</v>
      </c>
    </row>
    <row r="22303" spans="4:5" x14ac:dyDescent="0.25">
      <c r="D22303" s="6">
        <v>762.74030000000005</v>
      </c>
      <c r="E22303" s="6">
        <v>442.93279999999999</v>
      </c>
    </row>
    <row r="22304" spans="4:5" x14ac:dyDescent="0.25">
      <c r="D22304" s="6">
        <v>681.21119999999996</v>
      </c>
      <c r="E22304" s="6">
        <v>802.18179999999995</v>
      </c>
    </row>
    <row r="22305" spans="4:5" x14ac:dyDescent="0.25">
      <c r="D22305" s="6">
        <v>918.13509999999997</v>
      </c>
      <c r="E22305" s="6">
        <v>624.12239999999997</v>
      </c>
    </row>
    <row r="22306" spans="4:5" x14ac:dyDescent="0.25">
      <c r="D22306" s="6">
        <v>567.78070000000002</v>
      </c>
      <c r="E22306" s="6">
        <v>667.84050000000002</v>
      </c>
    </row>
    <row r="22307" spans="4:5" x14ac:dyDescent="0.25">
      <c r="D22307" s="6">
        <v>689.04880000000003</v>
      </c>
      <c r="E22307" s="6">
        <v>744.55370000000005</v>
      </c>
    </row>
    <row r="22308" spans="4:5" x14ac:dyDescent="0.25">
      <c r="D22308" s="6">
        <v>564.46339999999998</v>
      </c>
      <c r="E22308" s="6">
        <v>715.57460000000003</v>
      </c>
    </row>
    <row r="22309" spans="4:5" x14ac:dyDescent="0.25">
      <c r="D22309" s="6">
        <v>936.57669999999996</v>
      </c>
      <c r="E22309" s="6">
        <v>1070.0630000000001</v>
      </c>
    </row>
    <row r="22310" spans="4:5" x14ac:dyDescent="0.25">
      <c r="D22310" s="6">
        <v>576.5</v>
      </c>
      <c r="E22310" s="6">
        <v>810.471</v>
      </c>
    </row>
    <row r="22311" spans="4:5" x14ac:dyDescent="0.25">
      <c r="D22311" s="6">
        <v>2862.75</v>
      </c>
      <c r="E22311" s="6">
        <v>3538.6489999999999</v>
      </c>
    </row>
    <row r="22312" spans="4:5" x14ac:dyDescent="0.25">
      <c r="D22312" s="6">
        <v>699.70730000000003</v>
      </c>
      <c r="E22312" s="6">
        <v>1756.126</v>
      </c>
    </row>
    <row r="22313" spans="4:5" x14ac:dyDescent="0.25">
      <c r="D22313" s="6">
        <v>650.06330000000003</v>
      </c>
      <c r="E22313" s="6">
        <v>661.2242</v>
      </c>
    </row>
    <row r="22314" spans="4:5" x14ac:dyDescent="0.25">
      <c r="D22314" s="6">
        <v>590.34010000000001</v>
      </c>
      <c r="E22314" s="6">
        <v>1455.0260000000001</v>
      </c>
    </row>
    <row r="22315" spans="4:5" x14ac:dyDescent="0.25">
      <c r="D22315" s="6">
        <v>627.56690000000003</v>
      </c>
      <c r="E22315" s="6">
        <v>845.44290000000001</v>
      </c>
    </row>
    <row r="22316" spans="4:5" x14ac:dyDescent="0.25">
      <c r="D22316" s="6">
        <v>673.34939999999995</v>
      </c>
      <c r="E22316" s="6">
        <v>781.04970000000003</v>
      </c>
    </row>
    <row r="22317" spans="4:5" x14ac:dyDescent="0.25">
      <c r="D22317" s="6">
        <v>666.71690000000001</v>
      </c>
      <c r="E22317" s="6">
        <v>614.81479999999999</v>
      </c>
    </row>
    <row r="22318" spans="4:5" x14ac:dyDescent="0.25">
      <c r="D22318" s="6">
        <v>964.31060000000002</v>
      </c>
      <c r="E22318" s="6">
        <v>743.57740000000001</v>
      </c>
    </row>
    <row r="22319" spans="4:5" x14ac:dyDescent="0.25">
      <c r="D22319" s="6">
        <v>651.49480000000005</v>
      </c>
      <c r="E22319" s="6">
        <v>786.35479999999995</v>
      </c>
    </row>
    <row r="22320" spans="4:5" x14ac:dyDescent="0.25">
      <c r="D22320" s="6">
        <v>1255.5</v>
      </c>
      <c r="E22320" s="6">
        <v>736.10159999999996</v>
      </c>
    </row>
    <row r="22321" spans="4:5" x14ac:dyDescent="0.25">
      <c r="D22321" s="6">
        <v>778.62940000000003</v>
      </c>
      <c r="E22321" s="6">
        <v>908.86620000000005</v>
      </c>
    </row>
    <row r="22322" spans="4:5" x14ac:dyDescent="0.25">
      <c r="D22322" s="6">
        <v>614.99749999999995</v>
      </c>
      <c r="E22322" s="6">
        <v>1946.664</v>
      </c>
    </row>
    <row r="22323" spans="4:5" x14ac:dyDescent="0.25">
      <c r="D22323" s="6">
        <v>1138.789</v>
      </c>
      <c r="E22323" s="6">
        <v>1714.067</v>
      </c>
    </row>
    <row r="22324" spans="4:5" x14ac:dyDescent="0.25">
      <c r="D22324" s="6">
        <v>799.1268</v>
      </c>
      <c r="E22324" s="6">
        <v>818.41200000000003</v>
      </c>
    </row>
    <row r="22325" spans="4:5" x14ac:dyDescent="0.25">
      <c r="D22325" s="6">
        <v>858.1454</v>
      </c>
      <c r="E22325" s="6">
        <v>500.94409999999999</v>
      </c>
    </row>
    <row r="22326" spans="4:5" x14ac:dyDescent="0.25">
      <c r="D22326" s="6">
        <v>964.0951</v>
      </c>
      <c r="E22326" s="6">
        <v>1486.7180000000001</v>
      </c>
    </row>
    <row r="22327" spans="4:5" x14ac:dyDescent="0.25">
      <c r="D22327" s="6">
        <v>859.34580000000005</v>
      </c>
      <c r="E22327" s="6">
        <v>878.75419999999997</v>
      </c>
    </row>
    <row r="22328" spans="4:5" x14ac:dyDescent="0.25">
      <c r="D22328" s="6">
        <v>788.06209999999999</v>
      </c>
      <c r="E22328" s="6">
        <v>1054.3679999999999</v>
      </c>
    </row>
    <row r="22329" spans="4:5" x14ac:dyDescent="0.25">
      <c r="D22329" s="6">
        <v>6242.7120000000004</v>
      </c>
      <c r="E22329" s="6">
        <v>1300.306</v>
      </c>
    </row>
    <row r="22330" spans="4:5" x14ac:dyDescent="0.25">
      <c r="D22330" s="6">
        <v>1269.9000000000001</v>
      </c>
      <c r="E22330" s="6">
        <v>2917.4110000000001</v>
      </c>
    </row>
    <row r="22331" spans="4:5" x14ac:dyDescent="0.25">
      <c r="D22331" s="6">
        <v>967.50930000000005</v>
      </c>
      <c r="E22331" s="6">
        <v>579.71659999999997</v>
      </c>
    </row>
    <row r="22332" spans="4:5" x14ac:dyDescent="0.25">
      <c r="D22332" s="6">
        <v>723.80600000000004</v>
      </c>
      <c r="E22332" s="6">
        <v>3625.2660000000001</v>
      </c>
    </row>
    <row r="22333" spans="4:5" x14ac:dyDescent="0.25">
      <c r="D22333" s="6">
        <v>1172.511</v>
      </c>
      <c r="E22333" s="6">
        <v>561.71040000000005</v>
      </c>
    </row>
    <row r="22334" spans="4:5" x14ac:dyDescent="0.25">
      <c r="D22334" s="6">
        <v>582.9307</v>
      </c>
      <c r="E22334" s="6">
        <v>801.28409999999997</v>
      </c>
    </row>
    <row r="22335" spans="4:5" x14ac:dyDescent="0.25">
      <c r="D22335" s="6">
        <v>721.26689999999996</v>
      </c>
      <c r="E22335" s="6">
        <v>605.41570000000002</v>
      </c>
    </row>
    <row r="22336" spans="4:5" x14ac:dyDescent="0.25">
      <c r="D22336" s="6">
        <v>5271.7340000000004</v>
      </c>
      <c r="E22336" s="6">
        <v>751.34040000000005</v>
      </c>
    </row>
    <row r="22337" spans="4:5" x14ac:dyDescent="0.25">
      <c r="D22337" s="6">
        <v>650.5</v>
      </c>
      <c r="E22337" s="6">
        <v>1254.348</v>
      </c>
    </row>
    <row r="22338" spans="4:5" x14ac:dyDescent="0.25">
      <c r="D22338" s="6">
        <v>647.41120000000001</v>
      </c>
      <c r="E22338" s="6">
        <v>666.27260000000001</v>
      </c>
    </row>
    <row r="22339" spans="4:5" x14ac:dyDescent="0.25">
      <c r="D22339" s="6">
        <v>1864.807</v>
      </c>
      <c r="E22339" s="6">
        <v>742.30089999999996</v>
      </c>
    </row>
    <row r="22340" spans="4:5" x14ac:dyDescent="0.25">
      <c r="D22340" s="6">
        <v>757.78899999999999</v>
      </c>
      <c r="E22340" s="6">
        <v>7962.75</v>
      </c>
    </row>
    <row r="22341" spans="4:5" x14ac:dyDescent="0.25">
      <c r="D22341" s="6">
        <v>668.52210000000002</v>
      </c>
      <c r="E22341" s="6">
        <v>752.57219999999995</v>
      </c>
    </row>
    <row r="22342" spans="4:5" x14ac:dyDescent="0.25">
      <c r="D22342" s="6">
        <v>3050.7</v>
      </c>
      <c r="E22342" s="6">
        <v>379.33300000000003</v>
      </c>
    </row>
    <row r="22343" spans="4:5" x14ac:dyDescent="0.25">
      <c r="D22343" s="6">
        <v>682.92899999999997</v>
      </c>
      <c r="E22343" s="6">
        <v>732.89440000000002</v>
      </c>
    </row>
    <row r="22344" spans="4:5" x14ac:dyDescent="0.25">
      <c r="D22344" s="6">
        <v>1024.1379999999999</v>
      </c>
      <c r="E22344" s="6">
        <v>590.18359999999996</v>
      </c>
    </row>
    <row r="22345" spans="4:5" x14ac:dyDescent="0.25">
      <c r="D22345" s="6">
        <v>581.43709999999999</v>
      </c>
      <c r="E22345" s="6">
        <v>1197.136</v>
      </c>
    </row>
    <row r="22346" spans="4:5" x14ac:dyDescent="0.25">
      <c r="D22346" s="6">
        <v>559.25720000000001</v>
      </c>
      <c r="E22346" s="6">
        <v>457.68079999999998</v>
      </c>
    </row>
    <row r="22347" spans="4:5" x14ac:dyDescent="0.25">
      <c r="D22347" s="6">
        <v>648.29010000000005</v>
      </c>
      <c r="E22347" s="6">
        <v>723.32500000000005</v>
      </c>
    </row>
    <row r="22348" spans="4:5" x14ac:dyDescent="0.25">
      <c r="D22348" s="6">
        <v>719.57249999999999</v>
      </c>
      <c r="E22348" s="6">
        <v>6800</v>
      </c>
    </row>
    <row r="22349" spans="4:5" x14ac:dyDescent="0.25">
      <c r="D22349" s="6">
        <v>559.39499999999998</v>
      </c>
      <c r="E22349" s="6">
        <v>749.04700000000003</v>
      </c>
    </row>
    <row r="22350" spans="4:5" x14ac:dyDescent="0.25">
      <c r="D22350" s="6">
        <v>759.74429999999995</v>
      </c>
      <c r="E22350" s="6">
        <v>750.81769999999995</v>
      </c>
    </row>
    <row r="22351" spans="4:5" x14ac:dyDescent="0.25">
      <c r="D22351" s="6">
        <v>868.96349999999995</v>
      </c>
      <c r="E22351" s="6">
        <v>709</v>
      </c>
    </row>
    <row r="22352" spans="4:5" x14ac:dyDescent="0.25">
      <c r="D22352" s="6">
        <v>790.74680000000001</v>
      </c>
      <c r="E22352" s="6">
        <v>1079.624</v>
      </c>
    </row>
    <row r="22353" spans="4:5" x14ac:dyDescent="0.25">
      <c r="D22353" s="6">
        <v>589.27189999999996</v>
      </c>
      <c r="E22353" s="6">
        <v>750.53989999999999</v>
      </c>
    </row>
    <row r="22354" spans="4:5" x14ac:dyDescent="0.25">
      <c r="D22354" s="6">
        <v>1107.5350000000001</v>
      </c>
      <c r="E22354" s="6">
        <v>1516.9570000000001</v>
      </c>
    </row>
    <row r="22355" spans="4:5" x14ac:dyDescent="0.25">
      <c r="D22355" s="6">
        <v>707.23929999999996</v>
      </c>
      <c r="E22355" s="6">
        <v>2472.973</v>
      </c>
    </row>
    <row r="22356" spans="4:5" x14ac:dyDescent="0.25">
      <c r="D22356" s="6">
        <v>656.02679999999998</v>
      </c>
      <c r="E22356" s="6">
        <v>669.35479999999995</v>
      </c>
    </row>
    <row r="22357" spans="4:5" x14ac:dyDescent="0.25">
      <c r="D22357" s="6">
        <v>453.03559999999999</v>
      </c>
      <c r="E22357" s="6">
        <v>423.3716</v>
      </c>
    </row>
    <row r="22358" spans="4:5" x14ac:dyDescent="0.25">
      <c r="D22358" s="6">
        <v>828.10119999999995</v>
      </c>
      <c r="E22358" s="6">
        <v>789.62360000000001</v>
      </c>
    </row>
    <row r="22359" spans="4:5" x14ac:dyDescent="0.25">
      <c r="D22359" s="6">
        <v>1750.0519999999999</v>
      </c>
      <c r="E22359" s="6">
        <v>823.08969999999999</v>
      </c>
    </row>
    <row r="22360" spans="4:5" x14ac:dyDescent="0.25">
      <c r="D22360" s="6">
        <v>773.58109999999999</v>
      </c>
      <c r="E22360" s="6">
        <v>1076.933</v>
      </c>
    </row>
    <row r="22361" spans="4:5" x14ac:dyDescent="0.25">
      <c r="D22361" s="6">
        <v>752.23270000000002</v>
      </c>
      <c r="E22361" s="6">
        <v>682.63679999999999</v>
      </c>
    </row>
    <row r="22362" spans="4:5" x14ac:dyDescent="0.25">
      <c r="D22362" s="6">
        <v>673.3537</v>
      </c>
      <c r="E22362" s="6">
        <v>1508.528</v>
      </c>
    </row>
    <row r="22363" spans="4:5" x14ac:dyDescent="0.25">
      <c r="D22363" s="6">
        <v>674.7002</v>
      </c>
      <c r="E22363" s="6">
        <v>912.35699999999997</v>
      </c>
    </row>
    <row r="22364" spans="4:5" x14ac:dyDescent="0.25">
      <c r="D22364" s="6">
        <v>1022.52</v>
      </c>
      <c r="E22364" s="6">
        <v>1782.5889999999999</v>
      </c>
    </row>
    <row r="22365" spans="4:5" x14ac:dyDescent="0.25">
      <c r="D22365" s="6">
        <v>710.84109999999998</v>
      </c>
      <c r="E22365" s="6">
        <v>679.71849999999995</v>
      </c>
    </row>
    <row r="22366" spans="4:5" x14ac:dyDescent="0.25">
      <c r="D22366" s="6">
        <v>785.11059999999998</v>
      </c>
      <c r="E22366" s="6">
        <v>485.68380000000002</v>
      </c>
    </row>
    <row r="22367" spans="4:5" x14ac:dyDescent="0.25">
      <c r="D22367" s="6">
        <v>1078.991</v>
      </c>
      <c r="E22367" s="6">
        <v>605</v>
      </c>
    </row>
    <row r="22368" spans="4:5" x14ac:dyDescent="0.25">
      <c r="D22368" s="6">
        <v>466.9391</v>
      </c>
      <c r="E22368" s="6">
        <v>2075.6840000000002</v>
      </c>
    </row>
    <row r="22369" spans="4:5" x14ac:dyDescent="0.25">
      <c r="D22369" s="6">
        <v>733.57180000000005</v>
      </c>
      <c r="E22369" s="6">
        <v>848.98649999999998</v>
      </c>
    </row>
    <row r="22370" spans="4:5" x14ac:dyDescent="0.25">
      <c r="D22370" s="6">
        <v>1856.1769999999999</v>
      </c>
      <c r="E22370" s="6">
        <v>2799.0749999999998</v>
      </c>
    </row>
    <row r="22371" spans="4:5" x14ac:dyDescent="0.25">
      <c r="D22371" s="6">
        <v>795.91570000000002</v>
      </c>
      <c r="E22371" s="6">
        <v>1128.7449999999999</v>
      </c>
    </row>
    <row r="22372" spans="4:5" x14ac:dyDescent="0.25">
      <c r="D22372" s="6">
        <v>854.1816</v>
      </c>
      <c r="E22372" s="6">
        <v>725.91110000000003</v>
      </c>
    </row>
    <row r="22373" spans="4:5" x14ac:dyDescent="0.25">
      <c r="D22373" s="6">
        <v>569.81690000000003</v>
      </c>
      <c r="E22373" s="6">
        <v>7962.6580000000004</v>
      </c>
    </row>
    <row r="22374" spans="4:5" x14ac:dyDescent="0.25">
      <c r="D22374" s="6">
        <v>881.96439999999996</v>
      </c>
      <c r="E22374" s="6">
        <v>1327.011</v>
      </c>
    </row>
    <row r="22375" spans="4:5" x14ac:dyDescent="0.25">
      <c r="D22375" s="6">
        <v>672.76850000000002</v>
      </c>
      <c r="E22375" s="6">
        <v>5027.375</v>
      </c>
    </row>
    <row r="22376" spans="4:5" x14ac:dyDescent="0.25">
      <c r="D22376" s="6">
        <v>685.59879999999998</v>
      </c>
      <c r="E22376" s="6">
        <v>1438.567</v>
      </c>
    </row>
    <row r="22377" spans="4:5" x14ac:dyDescent="0.25">
      <c r="D22377" s="6">
        <v>906.49990000000003</v>
      </c>
      <c r="E22377" s="6">
        <v>661.69719999999995</v>
      </c>
    </row>
    <row r="22378" spans="4:5" x14ac:dyDescent="0.25">
      <c r="D22378" s="6">
        <v>509.40210000000002</v>
      </c>
      <c r="E22378" s="6">
        <v>842.75840000000005</v>
      </c>
    </row>
    <row r="22379" spans="4:5" x14ac:dyDescent="0.25">
      <c r="D22379" s="6">
        <v>862.03869999999995</v>
      </c>
      <c r="E22379" s="6">
        <v>1015.5890000000001</v>
      </c>
    </row>
    <row r="22380" spans="4:5" x14ac:dyDescent="0.25">
      <c r="D22380" s="6">
        <v>607.78750000000002</v>
      </c>
      <c r="E22380" s="6">
        <v>1877.1669999999999</v>
      </c>
    </row>
    <row r="22381" spans="4:5" x14ac:dyDescent="0.25">
      <c r="D22381" s="6">
        <v>563.9126</v>
      </c>
      <c r="E22381" s="6">
        <v>7761.2110000000002</v>
      </c>
    </row>
    <row r="22382" spans="4:5" x14ac:dyDescent="0.25">
      <c r="D22382" s="6">
        <v>875.29570000000001</v>
      </c>
      <c r="E22382" s="6">
        <v>689.08100000000002</v>
      </c>
    </row>
    <row r="22383" spans="4:5" x14ac:dyDescent="0.25">
      <c r="D22383" s="6">
        <v>1057.1379999999999</v>
      </c>
      <c r="E22383" s="6">
        <v>597.22370000000001</v>
      </c>
    </row>
    <row r="22384" spans="4:5" x14ac:dyDescent="0.25">
      <c r="D22384" s="6">
        <v>668.11279999999999</v>
      </c>
      <c r="E22384" s="6">
        <v>4371.5820000000003</v>
      </c>
    </row>
    <row r="22385" spans="4:5" x14ac:dyDescent="0.25">
      <c r="D22385" s="6">
        <v>599.1345</v>
      </c>
      <c r="E22385" s="6">
        <v>5611.9830000000002</v>
      </c>
    </row>
    <row r="22386" spans="4:5" x14ac:dyDescent="0.25">
      <c r="D22386" s="6">
        <v>729.52859999999998</v>
      </c>
      <c r="E22386" s="6">
        <v>6005.3209999999999</v>
      </c>
    </row>
    <row r="22387" spans="4:5" x14ac:dyDescent="0.25">
      <c r="D22387" s="6">
        <v>726.43100000000004</v>
      </c>
      <c r="E22387" s="6">
        <v>716.25940000000003</v>
      </c>
    </row>
    <row r="22388" spans="4:5" x14ac:dyDescent="0.25">
      <c r="D22388" s="6">
        <v>777</v>
      </c>
      <c r="E22388" s="6">
        <v>621.13549999999998</v>
      </c>
    </row>
    <row r="22389" spans="4:5" x14ac:dyDescent="0.25">
      <c r="D22389" s="6">
        <v>643.44749999999999</v>
      </c>
      <c r="E22389" s="6">
        <v>809.35440000000006</v>
      </c>
    </row>
    <row r="22390" spans="4:5" x14ac:dyDescent="0.25">
      <c r="D22390" s="6">
        <v>740.79520000000002</v>
      </c>
      <c r="E22390" s="6">
        <v>768.65170000000001</v>
      </c>
    </row>
    <row r="22391" spans="4:5" x14ac:dyDescent="0.25">
      <c r="D22391" s="6">
        <v>493.0575</v>
      </c>
      <c r="E22391" s="6">
        <v>3427</v>
      </c>
    </row>
    <row r="22392" spans="4:5" x14ac:dyDescent="0.25">
      <c r="D22392" s="6">
        <v>649.38980000000004</v>
      </c>
      <c r="E22392" s="6">
        <v>940.31420000000003</v>
      </c>
    </row>
    <row r="22393" spans="4:5" x14ac:dyDescent="0.25">
      <c r="D22393" s="6">
        <v>881.73889999999994</v>
      </c>
      <c r="E22393" s="6">
        <v>670.8</v>
      </c>
    </row>
    <row r="22394" spans="4:5" x14ac:dyDescent="0.25">
      <c r="D22394" s="6">
        <v>739.84410000000003</v>
      </c>
      <c r="E22394" s="6">
        <v>744.00189999999998</v>
      </c>
    </row>
    <row r="22395" spans="4:5" x14ac:dyDescent="0.25">
      <c r="D22395" s="6">
        <v>852.50429999999994</v>
      </c>
      <c r="E22395" s="6">
        <v>1287.271</v>
      </c>
    </row>
    <row r="22396" spans="4:5" x14ac:dyDescent="0.25">
      <c r="D22396" s="6">
        <v>3273.547</v>
      </c>
      <c r="E22396" s="6">
        <v>771.88699999999994</v>
      </c>
    </row>
    <row r="22397" spans="4:5" x14ac:dyDescent="0.25">
      <c r="D22397" s="6">
        <v>1426.778</v>
      </c>
      <c r="E22397" s="6">
        <v>753.22749999999996</v>
      </c>
    </row>
    <row r="22398" spans="4:5" x14ac:dyDescent="0.25">
      <c r="D22398" s="6">
        <v>656.77329999999995</v>
      </c>
      <c r="E22398" s="6">
        <v>2184.1060000000002</v>
      </c>
    </row>
    <row r="22399" spans="4:5" x14ac:dyDescent="0.25">
      <c r="D22399" s="6">
        <v>749.37040000000002</v>
      </c>
      <c r="E22399" s="6">
        <v>818.89469999999994</v>
      </c>
    </row>
    <row r="22400" spans="4:5" x14ac:dyDescent="0.25">
      <c r="D22400" s="6">
        <v>617.83810000000005</v>
      </c>
      <c r="E22400" s="6">
        <v>1013.857</v>
      </c>
    </row>
    <row r="22401" spans="4:5" x14ac:dyDescent="0.25">
      <c r="D22401" s="6">
        <v>761</v>
      </c>
      <c r="E22401" s="6">
        <v>884.94839999999999</v>
      </c>
    </row>
    <row r="22402" spans="4:5" x14ac:dyDescent="0.25">
      <c r="D22402" s="6">
        <v>847.72479999999996</v>
      </c>
      <c r="E22402" s="6">
        <v>1214.127</v>
      </c>
    </row>
    <row r="22403" spans="4:5" x14ac:dyDescent="0.25">
      <c r="D22403" s="6">
        <v>919.97829999999999</v>
      </c>
      <c r="E22403" s="6">
        <v>583.64710000000002</v>
      </c>
    </row>
    <row r="22404" spans="4:5" x14ac:dyDescent="0.25">
      <c r="D22404" s="6">
        <v>668.29899999999998</v>
      </c>
      <c r="E22404" s="6">
        <v>547.82380000000001</v>
      </c>
    </row>
    <row r="22405" spans="4:5" x14ac:dyDescent="0.25">
      <c r="D22405" s="6">
        <v>726.15049999999997</v>
      </c>
      <c r="E22405" s="6">
        <v>665.75549999999998</v>
      </c>
    </row>
    <row r="22406" spans="4:5" x14ac:dyDescent="0.25">
      <c r="D22406" s="6">
        <v>767.79139999999995</v>
      </c>
      <c r="E22406" s="6">
        <v>802.03240000000005</v>
      </c>
    </row>
    <row r="22407" spans="4:5" x14ac:dyDescent="0.25">
      <c r="D22407" s="6">
        <v>984.61699999999996</v>
      </c>
      <c r="E22407" s="6">
        <v>629.87819999999999</v>
      </c>
    </row>
    <row r="22408" spans="4:5" x14ac:dyDescent="0.25">
      <c r="D22408" s="6">
        <v>640.71950000000004</v>
      </c>
      <c r="E22408" s="6">
        <v>757.22239999999999</v>
      </c>
    </row>
    <row r="22409" spans="4:5" x14ac:dyDescent="0.25">
      <c r="D22409" s="6">
        <v>1048.0809999999999</v>
      </c>
      <c r="E22409" s="6">
        <v>5200.5519999999997</v>
      </c>
    </row>
    <row r="22410" spans="4:5" x14ac:dyDescent="0.25">
      <c r="D22410" s="6">
        <v>609.33879999999999</v>
      </c>
      <c r="E22410" s="6">
        <v>1731.05</v>
      </c>
    </row>
    <row r="22411" spans="4:5" x14ac:dyDescent="0.25">
      <c r="D22411" s="6">
        <v>924.76660000000004</v>
      </c>
      <c r="E22411" s="6">
        <v>811.74850000000004</v>
      </c>
    </row>
    <row r="22412" spans="4:5" x14ac:dyDescent="0.25">
      <c r="D22412" s="6">
        <v>616.89909999999998</v>
      </c>
      <c r="E22412" s="6">
        <v>685.68110000000001</v>
      </c>
    </row>
    <row r="22413" spans="4:5" x14ac:dyDescent="0.25">
      <c r="D22413" s="6">
        <v>938.16769999999997</v>
      </c>
      <c r="E22413" s="6">
        <v>1078.221</v>
      </c>
    </row>
    <row r="22414" spans="4:5" x14ac:dyDescent="0.25">
      <c r="D22414" s="6">
        <v>894.13800000000003</v>
      </c>
      <c r="E22414" s="6">
        <v>5800.326</v>
      </c>
    </row>
    <row r="22415" spans="4:5" x14ac:dyDescent="0.25">
      <c r="D22415" s="6">
        <v>706.7183</v>
      </c>
      <c r="E22415" s="6">
        <v>476.37430000000001</v>
      </c>
    </row>
    <row r="22416" spans="4:5" x14ac:dyDescent="0.25">
      <c r="D22416" s="6">
        <v>1155.1790000000001</v>
      </c>
      <c r="E22416" s="6">
        <v>511.37549999999999</v>
      </c>
    </row>
    <row r="22417" spans="4:5" x14ac:dyDescent="0.25">
      <c r="D22417" s="6">
        <v>644.59640000000002</v>
      </c>
      <c r="E22417" s="6">
        <v>837.66759999999999</v>
      </c>
    </row>
    <row r="22418" spans="4:5" x14ac:dyDescent="0.25">
      <c r="D22418" s="6">
        <v>732.33960000000002</v>
      </c>
      <c r="E22418" s="6">
        <v>445</v>
      </c>
    </row>
    <row r="22419" spans="4:5" x14ac:dyDescent="0.25">
      <c r="D22419" s="6">
        <v>6010.4440000000004</v>
      </c>
      <c r="E22419" s="6">
        <v>1928</v>
      </c>
    </row>
    <row r="22420" spans="4:5" x14ac:dyDescent="0.25">
      <c r="D22420" s="6">
        <v>868.8528</v>
      </c>
      <c r="E22420" s="6">
        <v>910.74490000000003</v>
      </c>
    </row>
    <row r="22421" spans="4:5" x14ac:dyDescent="0.25">
      <c r="D22421" s="6">
        <v>567.4</v>
      </c>
      <c r="E22421" s="6">
        <v>2155.1999999999998</v>
      </c>
    </row>
    <row r="22422" spans="4:5" x14ac:dyDescent="0.25">
      <c r="D22422" s="6">
        <v>613.75739999999996</v>
      </c>
      <c r="E22422" s="6">
        <v>783.72619999999995</v>
      </c>
    </row>
    <row r="22423" spans="4:5" x14ac:dyDescent="0.25">
      <c r="D22423" s="6">
        <v>1124.8019999999999</v>
      </c>
      <c r="E22423" s="6">
        <v>609.72829999999999</v>
      </c>
    </row>
    <row r="22424" spans="4:5" x14ac:dyDescent="0.25">
      <c r="D22424" s="6">
        <v>787.6807</v>
      </c>
      <c r="E22424" s="6">
        <v>670.87750000000005</v>
      </c>
    </row>
    <row r="22425" spans="4:5" x14ac:dyDescent="0.25">
      <c r="D22425" s="6">
        <v>777.98519999999996</v>
      </c>
      <c r="E22425" s="6">
        <v>701.68560000000002</v>
      </c>
    </row>
    <row r="22426" spans="4:5" x14ac:dyDescent="0.25">
      <c r="D22426" s="6">
        <v>675.16819999999996</v>
      </c>
      <c r="E22426" s="6">
        <v>636.4126</v>
      </c>
    </row>
    <row r="22427" spans="4:5" x14ac:dyDescent="0.25">
      <c r="D22427" s="6">
        <v>835.6558</v>
      </c>
      <c r="E22427" s="6">
        <v>1194.6379999999999</v>
      </c>
    </row>
    <row r="22428" spans="4:5" x14ac:dyDescent="0.25">
      <c r="D22428" s="6">
        <v>644.74360000000001</v>
      </c>
      <c r="E22428" s="6">
        <v>562.67880000000002</v>
      </c>
    </row>
    <row r="22429" spans="4:5" x14ac:dyDescent="0.25">
      <c r="D22429" s="6">
        <v>777.61760000000004</v>
      </c>
      <c r="E22429" s="6">
        <v>710.44330000000002</v>
      </c>
    </row>
    <row r="22430" spans="4:5" x14ac:dyDescent="0.25">
      <c r="D22430" s="6">
        <v>693.9058</v>
      </c>
      <c r="E22430" s="6">
        <v>900.19560000000001</v>
      </c>
    </row>
    <row r="22431" spans="4:5" x14ac:dyDescent="0.25">
      <c r="D22431" s="6">
        <v>1030.9000000000001</v>
      </c>
      <c r="E22431" s="6">
        <v>2968.8789999999999</v>
      </c>
    </row>
    <row r="22432" spans="4:5" x14ac:dyDescent="0.25">
      <c r="D22432" s="6">
        <v>577.33119999999997</v>
      </c>
      <c r="E22432" s="6">
        <v>722.67939999999999</v>
      </c>
    </row>
    <row r="22433" spans="4:5" x14ac:dyDescent="0.25">
      <c r="D22433" s="6">
        <v>483.87950000000001</v>
      </c>
      <c r="E22433" s="6">
        <v>838.93520000000001</v>
      </c>
    </row>
    <row r="22434" spans="4:5" x14ac:dyDescent="0.25">
      <c r="D22434" s="6">
        <v>604.69230000000005</v>
      </c>
      <c r="E22434" s="6">
        <v>936.83339999999998</v>
      </c>
    </row>
    <row r="22435" spans="4:5" x14ac:dyDescent="0.25">
      <c r="D22435" s="6">
        <v>737.14890000000003</v>
      </c>
      <c r="E22435" s="6">
        <v>876.55250000000001</v>
      </c>
    </row>
    <row r="22436" spans="4:5" x14ac:dyDescent="0.25">
      <c r="D22436" s="6">
        <v>841.11919999999998</v>
      </c>
      <c r="E22436" s="6">
        <v>7109.0820000000003</v>
      </c>
    </row>
    <row r="22437" spans="4:5" x14ac:dyDescent="0.25">
      <c r="D22437" s="6">
        <v>663.38750000000005</v>
      </c>
      <c r="E22437" s="6">
        <v>773.2826</v>
      </c>
    </row>
    <row r="22438" spans="4:5" x14ac:dyDescent="0.25">
      <c r="D22438" s="6">
        <v>959.55560000000003</v>
      </c>
      <c r="E22438" s="6">
        <v>809.34140000000002</v>
      </c>
    </row>
    <row r="22439" spans="4:5" x14ac:dyDescent="0.25">
      <c r="D22439" s="6">
        <v>4982.6310000000003</v>
      </c>
      <c r="E22439" s="6">
        <v>896.4289</v>
      </c>
    </row>
    <row r="22440" spans="4:5" x14ac:dyDescent="0.25">
      <c r="D22440" s="6">
        <v>658.50879999999995</v>
      </c>
      <c r="E22440" s="6">
        <v>2100.8319999999999</v>
      </c>
    </row>
    <row r="22441" spans="4:5" x14ac:dyDescent="0.25">
      <c r="D22441" s="6">
        <v>975.09780000000001</v>
      </c>
      <c r="E22441" s="6">
        <v>884.15380000000005</v>
      </c>
    </row>
    <row r="22442" spans="4:5" x14ac:dyDescent="0.25">
      <c r="D22442" s="6">
        <v>5167.0280000000002</v>
      </c>
      <c r="E22442" s="6">
        <v>6886.4489999999996</v>
      </c>
    </row>
    <row r="22443" spans="4:5" x14ac:dyDescent="0.25">
      <c r="D22443" s="6">
        <v>645.88649999999996</v>
      </c>
      <c r="E22443" s="6">
        <v>884.64469999999994</v>
      </c>
    </row>
    <row r="22444" spans="4:5" x14ac:dyDescent="0.25">
      <c r="D22444" s="6">
        <v>1065.972</v>
      </c>
      <c r="E22444" s="6">
        <v>795.92909999999995</v>
      </c>
    </row>
    <row r="22445" spans="4:5" x14ac:dyDescent="0.25">
      <c r="D22445" s="6">
        <v>658.78869999999995</v>
      </c>
      <c r="E22445" s="6">
        <v>610.95960000000002</v>
      </c>
    </row>
    <row r="22446" spans="4:5" x14ac:dyDescent="0.25">
      <c r="D22446" s="6">
        <v>1870.2170000000001</v>
      </c>
      <c r="E22446" s="6">
        <v>5915.39</v>
      </c>
    </row>
    <row r="22447" spans="4:5" x14ac:dyDescent="0.25">
      <c r="D22447" s="6">
        <v>880.12580000000003</v>
      </c>
      <c r="E22447" s="6">
        <v>5620.9849999999997</v>
      </c>
    </row>
    <row r="22448" spans="4:5" x14ac:dyDescent="0.25">
      <c r="D22448" s="6">
        <v>652.36950000000002</v>
      </c>
      <c r="E22448" s="6">
        <v>4824.3999999999996</v>
      </c>
    </row>
    <row r="22449" spans="4:5" x14ac:dyDescent="0.25">
      <c r="D22449" s="6">
        <v>710.82680000000005</v>
      </c>
      <c r="E22449" s="6">
        <v>5076.7129999999997</v>
      </c>
    </row>
    <row r="22450" spans="4:5" x14ac:dyDescent="0.25">
      <c r="D22450" s="6">
        <v>1187.951</v>
      </c>
      <c r="E22450" s="6">
        <v>6321.4189999999999</v>
      </c>
    </row>
    <row r="22451" spans="4:5" x14ac:dyDescent="0.25">
      <c r="D22451" s="6">
        <v>589.09280000000001</v>
      </c>
      <c r="E22451" s="6">
        <v>7236.5429999999997</v>
      </c>
    </row>
    <row r="22452" spans="4:5" x14ac:dyDescent="0.25">
      <c r="D22452" s="6">
        <v>1005.396</v>
      </c>
      <c r="E22452" s="6">
        <v>893.00810000000001</v>
      </c>
    </row>
    <row r="22453" spans="4:5" x14ac:dyDescent="0.25">
      <c r="D22453" s="6">
        <v>805.19380000000001</v>
      </c>
      <c r="E22453" s="6">
        <v>4768.8559999999998</v>
      </c>
    </row>
    <row r="22454" spans="4:5" x14ac:dyDescent="0.25">
      <c r="D22454" s="6">
        <v>634.34789999999998</v>
      </c>
      <c r="E22454" s="6">
        <v>6464.21</v>
      </c>
    </row>
    <row r="22455" spans="4:5" x14ac:dyDescent="0.25">
      <c r="D22455" s="6">
        <v>1286.7239999999999</v>
      </c>
      <c r="E22455" s="6">
        <v>664.10289999999998</v>
      </c>
    </row>
    <row r="22456" spans="4:5" x14ac:dyDescent="0.25">
      <c r="D22456" s="6">
        <v>505.27589999999998</v>
      </c>
      <c r="E22456" s="6">
        <v>646.25139999999999</v>
      </c>
    </row>
    <row r="22457" spans="4:5" x14ac:dyDescent="0.25">
      <c r="D22457" s="6">
        <v>4332.5</v>
      </c>
      <c r="E22457" s="6">
        <v>698.33839999999998</v>
      </c>
    </row>
    <row r="22458" spans="4:5" x14ac:dyDescent="0.25">
      <c r="D22458" s="6">
        <v>661.75580000000002</v>
      </c>
      <c r="E22458" s="6">
        <v>847.41480000000001</v>
      </c>
    </row>
    <row r="22459" spans="4:5" x14ac:dyDescent="0.25">
      <c r="D22459" s="6">
        <v>617.50360000000001</v>
      </c>
      <c r="E22459" s="6">
        <v>1914.3340000000001</v>
      </c>
    </row>
    <row r="22460" spans="4:5" x14ac:dyDescent="0.25">
      <c r="D22460" s="6">
        <v>594.61580000000004</v>
      </c>
      <c r="E22460" s="6">
        <v>4686.7860000000001</v>
      </c>
    </row>
    <row r="22461" spans="4:5" x14ac:dyDescent="0.25">
      <c r="D22461" s="6">
        <v>542.55600000000004</v>
      </c>
      <c r="E22461" s="6">
        <v>3561.5309999999999</v>
      </c>
    </row>
    <row r="22462" spans="4:5" x14ac:dyDescent="0.25">
      <c r="D22462" s="6">
        <v>1272.75</v>
      </c>
      <c r="E22462" s="6">
        <v>1121.1410000000001</v>
      </c>
    </row>
    <row r="22463" spans="4:5" x14ac:dyDescent="0.25">
      <c r="D22463" s="6">
        <v>704.28740000000005</v>
      </c>
      <c r="E22463" s="6">
        <v>794.17010000000005</v>
      </c>
    </row>
    <row r="22464" spans="4:5" x14ac:dyDescent="0.25">
      <c r="D22464" s="6">
        <v>765.14279999999997</v>
      </c>
      <c r="E22464" s="6">
        <v>516.76570000000004</v>
      </c>
    </row>
    <row r="22465" spans="4:5" x14ac:dyDescent="0.25">
      <c r="D22465" s="6">
        <v>536.07899999999995</v>
      </c>
      <c r="E22465" s="6">
        <v>2102.9879999999998</v>
      </c>
    </row>
    <row r="22466" spans="4:5" x14ac:dyDescent="0.25">
      <c r="D22466" s="6">
        <v>724.06179999999995</v>
      </c>
      <c r="E22466" s="6">
        <v>480.29770000000002</v>
      </c>
    </row>
    <row r="22467" spans="4:5" x14ac:dyDescent="0.25">
      <c r="D22467" s="6">
        <v>646.3827</v>
      </c>
      <c r="E22467" s="6">
        <v>1862.085</v>
      </c>
    </row>
    <row r="22468" spans="4:5" x14ac:dyDescent="0.25">
      <c r="D22468" s="6">
        <v>708.37220000000002</v>
      </c>
      <c r="E22468" s="6">
        <v>655.303</v>
      </c>
    </row>
    <row r="22469" spans="4:5" x14ac:dyDescent="0.25">
      <c r="D22469" s="6">
        <v>889.38220000000001</v>
      </c>
      <c r="E22469" s="6">
        <v>823.9837</v>
      </c>
    </row>
    <row r="22470" spans="4:5" x14ac:dyDescent="0.25">
      <c r="D22470" s="6">
        <v>658.29309999999998</v>
      </c>
      <c r="E22470" s="6">
        <v>667.05809999999997</v>
      </c>
    </row>
    <row r="22471" spans="4:5" x14ac:dyDescent="0.25">
      <c r="D22471" s="6">
        <v>839.61720000000003</v>
      </c>
      <c r="E22471" s="6">
        <v>1609.462</v>
      </c>
    </row>
    <row r="22472" spans="4:5" x14ac:dyDescent="0.25">
      <c r="D22472" s="6">
        <v>764.26250000000005</v>
      </c>
      <c r="E22472" s="6">
        <v>478.21289999999999</v>
      </c>
    </row>
    <row r="22473" spans="4:5" x14ac:dyDescent="0.25">
      <c r="D22473" s="6">
        <v>698.37199999999996</v>
      </c>
      <c r="E22473" s="6">
        <v>413.0326</v>
      </c>
    </row>
    <row r="22474" spans="4:5" x14ac:dyDescent="0.25">
      <c r="D22474" s="6">
        <v>3411.058</v>
      </c>
      <c r="E22474" s="6">
        <v>754.72580000000005</v>
      </c>
    </row>
    <row r="22475" spans="4:5" x14ac:dyDescent="0.25">
      <c r="D22475" s="6">
        <v>753.04110000000003</v>
      </c>
      <c r="E22475" s="6">
        <v>642.0471</v>
      </c>
    </row>
    <row r="22476" spans="4:5" x14ac:dyDescent="0.25">
      <c r="D22476" s="6">
        <v>617.4375</v>
      </c>
      <c r="E22476" s="6">
        <v>817.33399999999995</v>
      </c>
    </row>
    <row r="22477" spans="4:5" x14ac:dyDescent="0.25">
      <c r="D22477" s="6">
        <v>579.10239999999999</v>
      </c>
      <c r="E22477" s="6">
        <v>6145.7830000000004</v>
      </c>
    </row>
    <row r="22478" spans="4:5" x14ac:dyDescent="0.25">
      <c r="D22478" s="6">
        <v>831.51909999999998</v>
      </c>
      <c r="E22478" s="6">
        <v>801.79520000000002</v>
      </c>
    </row>
    <row r="22479" spans="4:5" x14ac:dyDescent="0.25">
      <c r="D22479" s="6">
        <v>895.88869999999997</v>
      </c>
      <c r="E22479" s="6">
        <v>690.41380000000004</v>
      </c>
    </row>
    <row r="22480" spans="4:5" x14ac:dyDescent="0.25">
      <c r="D22480" s="6">
        <v>7049.0370000000003</v>
      </c>
      <c r="E22480" s="6">
        <v>722.70339999999999</v>
      </c>
    </row>
    <row r="22481" spans="4:5" x14ac:dyDescent="0.25">
      <c r="D22481" s="6">
        <v>670.15139999999997</v>
      </c>
      <c r="E22481" s="6">
        <v>603.72199999999998</v>
      </c>
    </row>
    <row r="22482" spans="4:5" x14ac:dyDescent="0.25">
      <c r="D22482" s="6">
        <v>761.57399999999996</v>
      </c>
      <c r="E22482" s="6">
        <v>6227.1139999999996</v>
      </c>
    </row>
    <row r="22483" spans="4:5" x14ac:dyDescent="0.25">
      <c r="D22483" s="6">
        <v>626.05809999999997</v>
      </c>
      <c r="E22483" s="6">
        <v>683.29160000000002</v>
      </c>
    </row>
    <row r="22484" spans="4:5" x14ac:dyDescent="0.25">
      <c r="D22484" s="6">
        <v>497.58429999999998</v>
      </c>
      <c r="E22484" s="6">
        <v>737.10130000000004</v>
      </c>
    </row>
    <row r="22485" spans="4:5" x14ac:dyDescent="0.25">
      <c r="D22485" s="6">
        <v>546.50369999999998</v>
      </c>
      <c r="E22485" s="6">
        <v>1190.5</v>
      </c>
    </row>
    <row r="22486" spans="4:5" x14ac:dyDescent="0.25">
      <c r="D22486" s="6">
        <v>584.52610000000004</v>
      </c>
      <c r="E22486" s="6">
        <v>715.85379999999998</v>
      </c>
    </row>
    <row r="22487" spans="4:5" x14ac:dyDescent="0.25">
      <c r="D22487" s="6">
        <v>870.83489999999995</v>
      </c>
      <c r="E22487" s="6">
        <v>695.27340000000004</v>
      </c>
    </row>
    <row r="22488" spans="4:5" x14ac:dyDescent="0.25">
      <c r="D22488" s="6">
        <v>535.28989999999999</v>
      </c>
      <c r="E22488" s="6">
        <v>743.59389999999996</v>
      </c>
    </row>
    <row r="22489" spans="4:5" x14ac:dyDescent="0.25">
      <c r="D22489" s="6">
        <v>650.08960000000002</v>
      </c>
      <c r="E22489" s="6">
        <v>408.09449999999998</v>
      </c>
    </row>
    <row r="22490" spans="4:5" x14ac:dyDescent="0.25">
      <c r="D22490" s="6">
        <v>598.1866</v>
      </c>
      <c r="E22490" s="6">
        <v>729.72460000000001</v>
      </c>
    </row>
    <row r="22491" spans="4:5" x14ac:dyDescent="0.25">
      <c r="D22491" s="6">
        <v>881.74839999999995</v>
      </c>
      <c r="E22491" s="6">
        <v>736.9212</v>
      </c>
    </row>
    <row r="22492" spans="4:5" x14ac:dyDescent="0.25">
      <c r="D22492" s="6">
        <v>776.48320000000001</v>
      </c>
      <c r="E22492" s="6">
        <v>790.64149999999995</v>
      </c>
    </row>
    <row r="22493" spans="4:5" x14ac:dyDescent="0.25">
      <c r="D22493" s="6">
        <v>790.13390000000004</v>
      </c>
      <c r="E22493" s="6">
        <v>5874.9589999999998</v>
      </c>
    </row>
    <row r="22494" spans="4:5" x14ac:dyDescent="0.25">
      <c r="D22494" s="6">
        <v>2662.877</v>
      </c>
      <c r="E22494" s="6">
        <v>558.86350000000004</v>
      </c>
    </row>
    <row r="22495" spans="4:5" x14ac:dyDescent="0.25">
      <c r="D22495" s="6">
        <v>1063.4390000000001</v>
      </c>
      <c r="E22495" s="6">
        <v>1120.8710000000001</v>
      </c>
    </row>
    <row r="22496" spans="4:5" x14ac:dyDescent="0.25">
      <c r="D22496" s="6">
        <v>176.77070000000001</v>
      </c>
      <c r="E22496" s="6">
        <v>5848.835</v>
      </c>
    </row>
    <row r="22497" spans="4:5" x14ac:dyDescent="0.25">
      <c r="D22497" s="6">
        <v>603.31780000000003</v>
      </c>
      <c r="E22497" s="6">
        <v>663.79859999999996</v>
      </c>
    </row>
    <row r="22498" spans="4:5" x14ac:dyDescent="0.25">
      <c r="D22498" s="6">
        <v>686.64380000000006</v>
      </c>
      <c r="E22498" s="6">
        <v>896.48090000000002</v>
      </c>
    </row>
    <row r="22499" spans="4:5" x14ac:dyDescent="0.25">
      <c r="D22499" s="6">
        <v>540.50609999999995</v>
      </c>
      <c r="E22499" s="6">
        <v>732.24059999999997</v>
      </c>
    </row>
    <row r="22500" spans="4:5" x14ac:dyDescent="0.25">
      <c r="D22500" s="6">
        <v>620.40940000000001</v>
      </c>
      <c r="E22500" s="6">
        <v>588.33259999999996</v>
      </c>
    </row>
    <row r="22501" spans="4:5" x14ac:dyDescent="0.25">
      <c r="D22501" s="6">
        <v>827.55179999999996</v>
      </c>
      <c r="E22501" s="6">
        <v>624.798</v>
      </c>
    </row>
    <row r="22502" spans="4:5" x14ac:dyDescent="0.25">
      <c r="D22502" s="6">
        <v>591.12490000000003</v>
      </c>
      <c r="E22502" s="6">
        <v>5733.8019999999997</v>
      </c>
    </row>
    <row r="22503" spans="4:5" x14ac:dyDescent="0.25">
      <c r="D22503" s="6">
        <v>967.22220000000004</v>
      </c>
      <c r="E22503" s="6">
        <v>820.93079999999998</v>
      </c>
    </row>
    <row r="22504" spans="4:5" x14ac:dyDescent="0.25">
      <c r="D22504" s="6">
        <v>652.23209999999995</v>
      </c>
      <c r="E22504" s="6">
        <v>794.10059999999999</v>
      </c>
    </row>
    <row r="22505" spans="4:5" x14ac:dyDescent="0.25">
      <c r="D22505" s="6">
        <v>734.13919999999996</v>
      </c>
      <c r="E22505" s="6">
        <v>990.59990000000005</v>
      </c>
    </row>
    <row r="22506" spans="4:5" x14ac:dyDescent="0.25">
      <c r="D22506" s="6">
        <v>783.53200000000004</v>
      </c>
      <c r="E22506" s="6">
        <v>640.5</v>
      </c>
    </row>
    <row r="22507" spans="4:5" x14ac:dyDescent="0.25">
      <c r="D22507" s="6">
        <v>415.85910000000001</v>
      </c>
      <c r="E22507" s="6">
        <v>1947.6579999999999</v>
      </c>
    </row>
    <row r="22508" spans="4:5" x14ac:dyDescent="0.25">
      <c r="D22508" s="6">
        <v>1417.7280000000001</v>
      </c>
      <c r="E22508" s="6">
        <v>6265.3239999999996</v>
      </c>
    </row>
    <row r="22509" spans="4:5" x14ac:dyDescent="0.25">
      <c r="D22509" s="6">
        <v>554.11429999999996</v>
      </c>
      <c r="E22509" s="6">
        <v>6606.866</v>
      </c>
    </row>
    <row r="22510" spans="4:5" x14ac:dyDescent="0.25">
      <c r="D22510" s="6">
        <v>636.65809999999999</v>
      </c>
      <c r="E22510" s="6">
        <v>852.54399999999998</v>
      </c>
    </row>
    <row r="22511" spans="4:5" x14ac:dyDescent="0.25">
      <c r="D22511" s="6">
        <v>592.39419999999996</v>
      </c>
      <c r="E22511" s="6">
        <v>958.38490000000002</v>
      </c>
    </row>
    <row r="22512" spans="4:5" x14ac:dyDescent="0.25">
      <c r="D22512" s="6">
        <v>586.9171</v>
      </c>
      <c r="E22512" s="6">
        <v>595.76779999999997</v>
      </c>
    </row>
    <row r="22513" spans="4:5" x14ac:dyDescent="0.25">
      <c r="D22513" s="6">
        <v>631.84130000000005</v>
      </c>
      <c r="E22513" s="6">
        <v>669.94069999999999</v>
      </c>
    </row>
    <row r="22514" spans="4:5" x14ac:dyDescent="0.25">
      <c r="D22514" s="6">
        <v>806.79769999999996</v>
      </c>
      <c r="E22514" s="6">
        <v>766.82349999999997</v>
      </c>
    </row>
    <row r="22515" spans="4:5" x14ac:dyDescent="0.25">
      <c r="D22515" s="6">
        <v>600.83029999999997</v>
      </c>
      <c r="E22515" s="6">
        <v>6064.9629999999997</v>
      </c>
    </row>
    <row r="22516" spans="4:5" x14ac:dyDescent="0.25">
      <c r="D22516" s="6">
        <v>865.89269999999999</v>
      </c>
      <c r="E22516" s="6">
        <v>1008.824</v>
      </c>
    </row>
    <row r="22517" spans="4:5" x14ac:dyDescent="0.25">
      <c r="D22517" s="6">
        <v>632.03020000000004</v>
      </c>
      <c r="E22517" s="6">
        <v>1438.6010000000001</v>
      </c>
    </row>
    <row r="22518" spans="4:5" x14ac:dyDescent="0.25">
      <c r="D22518" s="6">
        <v>1089.3989999999999</v>
      </c>
      <c r="E22518" s="6">
        <v>2562.2060000000001</v>
      </c>
    </row>
    <row r="22519" spans="4:5" x14ac:dyDescent="0.25">
      <c r="D22519" s="6">
        <v>725.08259999999996</v>
      </c>
      <c r="E22519" s="6">
        <v>1246.943</v>
      </c>
    </row>
    <row r="22520" spans="4:5" x14ac:dyDescent="0.25">
      <c r="D22520" s="6">
        <v>1001.202</v>
      </c>
      <c r="E22520" s="6">
        <v>9508.4740000000002</v>
      </c>
    </row>
    <row r="22521" spans="4:5" x14ac:dyDescent="0.25">
      <c r="D22521" s="6">
        <v>1143.171</v>
      </c>
      <c r="E22521" s="6">
        <v>620.39589999999998</v>
      </c>
    </row>
    <row r="22522" spans="4:5" x14ac:dyDescent="0.25">
      <c r="D22522" s="6">
        <v>608.16039999999998</v>
      </c>
      <c r="E22522" s="6">
        <v>728.48209999999995</v>
      </c>
    </row>
    <row r="22523" spans="4:5" x14ac:dyDescent="0.25">
      <c r="D22523" s="6">
        <v>687.92470000000003</v>
      </c>
      <c r="E22523" s="6">
        <v>655.23450000000003</v>
      </c>
    </row>
    <row r="22524" spans="4:5" x14ac:dyDescent="0.25">
      <c r="D22524" s="6">
        <v>1083.152</v>
      </c>
      <c r="E22524" s="6">
        <v>6979.1570000000002</v>
      </c>
    </row>
    <row r="22525" spans="4:5" x14ac:dyDescent="0.25">
      <c r="D22525" s="6">
        <v>1272.905</v>
      </c>
      <c r="E22525" s="6">
        <v>959.17830000000004</v>
      </c>
    </row>
    <row r="22526" spans="4:5" x14ac:dyDescent="0.25">
      <c r="D22526" s="6">
        <v>679.46619999999996</v>
      </c>
      <c r="E22526" s="6">
        <v>734.09659999999997</v>
      </c>
    </row>
    <row r="22527" spans="4:5" x14ac:dyDescent="0.25">
      <c r="D22527" s="6">
        <v>713.41899999999998</v>
      </c>
      <c r="E22527" s="6">
        <v>795</v>
      </c>
    </row>
    <row r="22528" spans="4:5" x14ac:dyDescent="0.25">
      <c r="D22528" s="6">
        <v>574.02260000000001</v>
      </c>
      <c r="E22528" s="6">
        <v>1036.2429999999999</v>
      </c>
    </row>
    <row r="22529" spans="4:5" x14ac:dyDescent="0.25">
      <c r="D22529" s="6">
        <v>678.72090000000003</v>
      </c>
      <c r="E22529" s="6">
        <v>6146.0410000000002</v>
      </c>
    </row>
    <row r="22530" spans="4:5" x14ac:dyDescent="0.25">
      <c r="D22530" s="6">
        <v>707.0376</v>
      </c>
      <c r="E22530" s="6">
        <v>1659.1489999999999</v>
      </c>
    </row>
    <row r="22531" spans="4:5" x14ac:dyDescent="0.25">
      <c r="D22531" s="6">
        <v>721.80020000000002</v>
      </c>
      <c r="E22531" s="6">
        <v>867.03139999999996</v>
      </c>
    </row>
    <row r="22532" spans="4:5" x14ac:dyDescent="0.25">
      <c r="D22532" s="6">
        <v>614.47249999999997</v>
      </c>
      <c r="E22532" s="6">
        <v>730.32380000000001</v>
      </c>
    </row>
    <row r="22533" spans="4:5" x14ac:dyDescent="0.25">
      <c r="D22533" s="6">
        <v>741.58079999999995</v>
      </c>
      <c r="E22533" s="6">
        <v>774.04139999999995</v>
      </c>
    </row>
    <row r="22534" spans="4:5" x14ac:dyDescent="0.25">
      <c r="D22534" s="6">
        <v>942.71429999999998</v>
      </c>
      <c r="E22534" s="6">
        <v>487.3073</v>
      </c>
    </row>
    <row r="22535" spans="4:5" x14ac:dyDescent="0.25">
      <c r="D22535" s="6">
        <v>620.51499999999999</v>
      </c>
      <c r="E22535" s="6">
        <v>5008.4309999999996</v>
      </c>
    </row>
    <row r="22536" spans="4:5" x14ac:dyDescent="0.25">
      <c r="D22536" s="6">
        <v>723.67610000000002</v>
      </c>
      <c r="E22536" s="6">
        <v>490.00150000000002</v>
      </c>
    </row>
    <row r="22537" spans="4:5" x14ac:dyDescent="0.25">
      <c r="D22537" s="6">
        <v>808.02549999999997</v>
      </c>
      <c r="E22537" s="6">
        <v>794.01750000000004</v>
      </c>
    </row>
    <row r="22538" spans="4:5" x14ac:dyDescent="0.25">
      <c r="D22538" s="6">
        <v>611.81799999999998</v>
      </c>
      <c r="E22538" s="6">
        <v>3057.096</v>
      </c>
    </row>
    <row r="22539" spans="4:5" x14ac:dyDescent="0.25">
      <c r="D22539" s="6">
        <v>1188.2539999999999</v>
      </c>
      <c r="E22539" s="6">
        <v>850.42740000000003</v>
      </c>
    </row>
    <row r="22540" spans="4:5" x14ac:dyDescent="0.25">
      <c r="D22540" s="6">
        <v>1328.9469999999999</v>
      </c>
      <c r="E22540" s="6">
        <v>834.6644</v>
      </c>
    </row>
    <row r="22541" spans="4:5" x14ac:dyDescent="0.25">
      <c r="D22541" s="6">
        <v>794.48209999999995</v>
      </c>
      <c r="E22541" s="6">
        <v>4290.6419999999998</v>
      </c>
    </row>
    <row r="22542" spans="4:5" x14ac:dyDescent="0.25">
      <c r="D22542" s="6">
        <v>745.82650000000001</v>
      </c>
      <c r="E22542" s="6">
        <v>5532.4440000000004</v>
      </c>
    </row>
    <row r="22543" spans="4:5" x14ac:dyDescent="0.25">
      <c r="D22543" s="6">
        <v>506.51679999999999</v>
      </c>
      <c r="E22543" s="6">
        <v>784.40589999999997</v>
      </c>
    </row>
    <row r="22544" spans="4:5" x14ac:dyDescent="0.25">
      <c r="D22544" s="6">
        <v>570.92679999999996</v>
      </c>
      <c r="E22544" s="6">
        <v>1570.884</v>
      </c>
    </row>
    <row r="22545" spans="4:5" x14ac:dyDescent="0.25">
      <c r="D22545" s="6">
        <v>587.9</v>
      </c>
      <c r="E22545" s="6">
        <v>599.5788</v>
      </c>
    </row>
    <row r="22546" spans="4:5" x14ac:dyDescent="0.25">
      <c r="D22546" s="6">
        <v>558.4941</v>
      </c>
      <c r="E22546" s="6">
        <v>2301.2460000000001</v>
      </c>
    </row>
    <row r="22547" spans="4:5" x14ac:dyDescent="0.25">
      <c r="D22547" s="6">
        <v>879.72320000000002</v>
      </c>
      <c r="E22547" s="6">
        <v>784.75519999999995</v>
      </c>
    </row>
    <row r="22548" spans="4:5" x14ac:dyDescent="0.25">
      <c r="D22548" s="6">
        <v>773.00440000000003</v>
      </c>
      <c r="E22548" s="6">
        <v>709.70920000000001</v>
      </c>
    </row>
    <row r="22549" spans="4:5" x14ac:dyDescent="0.25">
      <c r="D22549" s="6">
        <v>640.47220000000004</v>
      </c>
      <c r="E22549" s="6">
        <v>689.35839999999996</v>
      </c>
    </row>
    <row r="22550" spans="4:5" x14ac:dyDescent="0.25">
      <c r="D22550" s="6">
        <v>865.08519999999999</v>
      </c>
      <c r="E22550" s="6">
        <v>529</v>
      </c>
    </row>
    <row r="22551" spans="4:5" x14ac:dyDescent="0.25">
      <c r="D22551" s="6">
        <v>537.54449999999997</v>
      </c>
      <c r="E22551" s="6">
        <v>795.31169999999997</v>
      </c>
    </row>
    <row r="22552" spans="4:5" x14ac:dyDescent="0.25">
      <c r="D22552" s="6">
        <v>540.19150000000002</v>
      </c>
      <c r="E22552" s="6">
        <v>965.91780000000006</v>
      </c>
    </row>
    <row r="22553" spans="4:5" x14ac:dyDescent="0.25">
      <c r="D22553" s="6">
        <v>877.9384</v>
      </c>
      <c r="E22553" s="6">
        <v>762.7174</v>
      </c>
    </row>
    <row r="22554" spans="4:5" x14ac:dyDescent="0.25">
      <c r="D22554" s="6">
        <v>858.91200000000003</v>
      </c>
      <c r="E22554" s="6">
        <v>1255.2850000000001</v>
      </c>
    </row>
    <row r="22555" spans="4:5" x14ac:dyDescent="0.25">
      <c r="D22555" s="6">
        <v>676.55840000000001</v>
      </c>
      <c r="E22555" s="6">
        <v>967.61469999999997</v>
      </c>
    </row>
    <row r="22556" spans="4:5" x14ac:dyDescent="0.25">
      <c r="D22556" s="6">
        <v>752.76160000000004</v>
      </c>
      <c r="E22556" s="6">
        <v>1074.9690000000001</v>
      </c>
    </row>
    <row r="22557" spans="4:5" x14ac:dyDescent="0.25">
      <c r="D22557" s="6">
        <v>794.71439999999996</v>
      </c>
      <c r="E22557" s="6">
        <v>4565.3959999999997</v>
      </c>
    </row>
    <row r="22558" spans="4:5" x14ac:dyDescent="0.25">
      <c r="D22558" s="6">
        <v>597.07259999999997</v>
      </c>
      <c r="E22558" s="6">
        <v>772.82849999999996</v>
      </c>
    </row>
    <row r="22559" spans="4:5" x14ac:dyDescent="0.25">
      <c r="D22559" s="6">
        <v>7047</v>
      </c>
      <c r="E22559" s="6">
        <v>656.15269999999998</v>
      </c>
    </row>
    <row r="22560" spans="4:5" x14ac:dyDescent="0.25">
      <c r="D22560" s="6">
        <v>578.03470000000004</v>
      </c>
      <c r="E22560" s="6">
        <v>630.31659999999999</v>
      </c>
    </row>
    <row r="22561" spans="4:5" x14ac:dyDescent="0.25">
      <c r="D22561" s="6">
        <v>723.43349999999998</v>
      </c>
      <c r="E22561" s="6">
        <v>1070.5329999999999</v>
      </c>
    </row>
    <row r="22562" spans="4:5" x14ac:dyDescent="0.25">
      <c r="D22562" s="6">
        <v>689.43200000000002</v>
      </c>
      <c r="E22562" s="6">
        <v>738.0136</v>
      </c>
    </row>
    <row r="22563" spans="4:5" x14ac:dyDescent="0.25">
      <c r="D22563" s="6">
        <v>870.4058</v>
      </c>
      <c r="E22563" s="6">
        <v>729.2364</v>
      </c>
    </row>
    <row r="22564" spans="4:5" x14ac:dyDescent="0.25">
      <c r="D22564" s="6">
        <v>1017.2670000000001</v>
      </c>
      <c r="E22564" s="6">
        <v>1288.114</v>
      </c>
    </row>
    <row r="22565" spans="4:5" x14ac:dyDescent="0.25">
      <c r="D22565" s="6">
        <v>617.02419999999995</v>
      </c>
      <c r="E22565" s="6">
        <v>6136.6170000000002</v>
      </c>
    </row>
    <row r="22566" spans="4:5" x14ac:dyDescent="0.25">
      <c r="D22566" s="6">
        <v>690.7998</v>
      </c>
      <c r="E22566" s="6">
        <v>649.2672</v>
      </c>
    </row>
    <row r="22567" spans="4:5" x14ac:dyDescent="0.25">
      <c r="D22567" s="6">
        <v>634.08119999999997</v>
      </c>
      <c r="E22567" s="6">
        <v>466.8</v>
      </c>
    </row>
    <row r="22568" spans="4:5" x14ac:dyDescent="0.25">
      <c r="D22568" s="6">
        <v>1822.0350000000001</v>
      </c>
      <c r="E22568" s="6">
        <v>729.1825</v>
      </c>
    </row>
    <row r="22569" spans="4:5" x14ac:dyDescent="0.25">
      <c r="D22569" s="6">
        <v>684.80050000000006</v>
      </c>
      <c r="E22569" s="6">
        <v>765.28160000000003</v>
      </c>
    </row>
    <row r="22570" spans="4:5" x14ac:dyDescent="0.25">
      <c r="D22570" s="6">
        <v>852.94960000000003</v>
      </c>
      <c r="E22570" s="6">
        <v>955.83619999999996</v>
      </c>
    </row>
    <row r="22571" spans="4:5" x14ac:dyDescent="0.25">
      <c r="D22571" s="6">
        <v>531.97270000000003</v>
      </c>
      <c r="E22571" s="6">
        <v>792.178</v>
      </c>
    </row>
    <row r="22572" spans="4:5" x14ac:dyDescent="0.25">
      <c r="D22572" s="6">
        <v>4187.8599999999997</v>
      </c>
      <c r="E22572" s="6">
        <v>756.84389999999996</v>
      </c>
    </row>
    <row r="22573" spans="4:5" x14ac:dyDescent="0.25">
      <c r="D22573" s="6">
        <v>797.92870000000005</v>
      </c>
      <c r="E22573" s="6">
        <v>723.60239999999999</v>
      </c>
    </row>
    <row r="22574" spans="4:5" x14ac:dyDescent="0.25">
      <c r="D22574" s="6">
        <v>497.51080000000002</v>
      </c>
      <c r="E22574" s="6">
        <v>757.93020000000001</v>
      </c>
    </row>
    <row r="22575" spans="4:5" x14ac:dyDescent="0.25">
      <c r="D22575" s="6">
        <v>2024.885</v>
      </c>
      <c r="E22575" s="6">
        <v>751.66369999999995</v>
      </c>
    </row>
    <row r="22576" spans="4:5" x14ac:dyDescent="0.25">
      <c r="D22576" s="6">
        <v>711.20939999999996</v>
      </c>
      <c r="E22576" s="6">
        <v>1011</v>
      </c>
    </row>
    <row r="22577" spans="4:5" x14ac:dyDescent="0.25">
      <c r="D22577" s="6">
        <v>1424.6669999999999</v>
      </c>
      <c r="E22577" s="6">
        <v>614.75720000000001</v>
      </c>
    </row>
    <row r="22578" spans="4:5" x14ac:dyDescent="0.25">
      <c r="D22578" s="6">
        <v>592.44830000000002</v>
      </c>
      <c r="E22578" s="6">
        <v>706.53420000000006</v>
      </c>
    </row>
    <row r="22579" spans="4:5" x14ac:dyDescent="0.25">
      <c r="D22579" s="6">
        <v>620.16459999999995</v>
      </c>
      <c r="E22579" s="6">
        <v>817.28530000000001</v>
      </c>
    </row>
    <row r="22580" spans="4:5" x14ac:dyDescent="0.25">
      <c r="D22580" s="6">
        <v>854.2</v>
      </c>
      <c r="E22580" s="6">
        <v>635.24</v>
      </c>
    </row>
    <row r="22581" spans="4:5" x14ac:dyDescent="0.25">
      <c r="D22581" s="6">
        <v>567.63070000000005</v>
      </c>
      <c r="E22581" s="6">
        <v>745.18150000000003</v>
      </c>
    </row>
    <row r="22582" spans="4:5" x14ac:dyDescent="0.25">
      <c r="D22582" s="6">
        <v>872.83330000000001</v>
      </c>
      <c r="E22582" s="6">
        <v>780.10640000000001</v>
      </c>
    </row>
    <row r="22583" spans="4:5" x14ac:dyDescent="0.25">
      <c r="D22583" s="6">
        <v>819.22249999999997</v>
      </c>
      <c r="E22583" s="6">
        <v>615.05409999999995</v>
      </c>
    </row>
    <row r="22584" spans="4:5" x14ac:dyDescent="0.25">
      <c r="D22584" s="6">
        <v>707.42510000000004</v>
      </c>
      <c r="E22584" s="6">
        <v>5667.7529999999997</v>
      </c>
    </row>
    <row r="22585" spans="4:5" x14ac:dyDescent="0.25">
      <c r="D22585" s="6">
        <v>806.93600000000004</v>
      </c>
      <c r="E22585" s="6">
        <v>842.65560000000005</v>
      </c>
    </row>
    <row r="22586" spans="4:5" x14ac:dyDescent="0.25">
      <c r="D22586" s="6">
        <v>629.92859999999996</v>
      </c>
      <c r="E22586" s="6">
        <v>755.05499999999995</v>
      </c>
    </row>
    <row r="22587" spans="4:5" x14ac:dyDescent="0.25">
      <c r="D22587" s="6">
        <v>626.70889999999997</v>
      </c>
      <c r="E22587" s="6">
        <v>864.42200000000003</v>
      </c>
    </row>
    <row r="22588" spans="4:5" x14ac:dyDescent="0.25">
      <c r="D22588" s="6">
        <v>908.67660000000001</v>
      </c>
      <c r="E22588" s="6">
        <v>797.44889999999998</v>
      </c>
    </row>
    <row r="22589" spans="4:5" x14ac:dyDescent="0.25">
      <c r="D22589" s="6">
        <v>565.85029999999995</v>
      </c>
      <c r="E22589" s="6">
        <v>822.02099999999996</v>
      </c>
    </row>
    <row r="22590" spans="4:5" x14ac:dyDescent="0.25">
      <c r="D22590" s="6">
        <v>589.77070000000003</v>
      </c>
      <c r="E22590" s="6">
        <v>615.50289999999995</v>
      </c>
    </row>
    <row r="22591" spans="4:5" x14ac:dyDescent="0.25">
      <c r="D22591" s="6">
        <v>701.81910000000005</v>
      </c>
      <c r="E22591" s="6">
        <v>5356.8760000000002</v>
      </c>
    </row>
    <row r="22592" spans="4:5" x14ac:dyDescent="0.25">
      <c r="D22592" s="6">
        <v>1541.3710000000001</v>
      </c>
      <c r="E22592" s="6">
        <v>719.72410000000002</v>
      </c>
    </row>
    <row r="22593" spans="4:5" x14ac:dyDescent="0.25">
      <c r="D22593" s="6">
        <v>670.5856</v>
      </c>
      <c r="E22593" s="6">
        <v>951.35699999999997</v>
      </c>
    </row>
    <row r="22594" spans="4:5" x14ac:dyDescent="0.25">
      <c r="D22594" s="6">
        <v>1487.231</v>
      </c>
      <c r="E22594" s="6">
        <v>6737.759</v>
      </c>
    </row>
    <row r="22595" spans="4:5" x14ac:dyDescent="0.25">
      <c r="D22595" s="6">
        <v>665.23040000000003</v>
      </c>
      <c r="E22595" s="6">
        <v>4830.5630000000001</v>
      </c>
    </row>
    <row r="22596" spans="4:5" x14ac:dyDescent="0.25">
      <c r="D22596" s="6">
        <v>582.20809999999994</v>
      </c>
      <c r="E22596" s="6">
        <v>1346.92</v>
      </c>
    </row>
    <row r="22597" spans="4:5" x14ac:dyDescent="0.25">
      <c r="D22597" s="6">
        <v>708.44280000000003</v>
      </c>
      <c r="E22597" s="6">
        <v>931.13990000000001</v>
      </c>
    </row>
    <row r="22598" spans="4:5" x14ac:dyDescent="0.25">
      <c r="D22598" s="6">
        <v>848.27409999999998</v>
      </c>
      <c r="E22598" s="6">
        <v>607.79359999999997</v>
      </c>
    </row>
    <row r="22599" spans="4:5" x14ac:dyDescent="0.25">
      <c r="D22599" s="6">
        <v>697.62519999999995</v>
      </c>
      <c r="E22599" s="6">
        <v>864.98829999999998</v>
      </c>
    </row>
    <row r="22600" spans="4:5" x14ac:dyDescent="0.25">
      <c r="D22600" s="6">
        <v>950.77509999999995</v>
      </c>
      <c r="E22600" s="6">
        <v>1957.338</v>
      </c>
    </row>
    <row r="22601" spans="4:5" x14ac:dyDescent="0.25">
      <c r="D22601" s="6">
        <v>612.96180000000004</v>
      </c>
      <c r="E22601" s="6">
        <v>606.77329999999995</v>
      </c>
    </row>
    <row r="22602" spans="4:5" x14ac:dyDescent="0.25">
      <c r="D22602" s="6">
        <v>567.94780000000003</v>
      </c>
      <c r="E22602" s="6">
        <v>784.22609999999997</v>
      </c>
    </row>
    <row r="22603" spans="4:5" x14ac:dyDescent="0.25">
      <c r="D22603" s="6">
        <v>644.49400000000003</v>
      </c>
      <c r="E22603" s="6">
        <v>8084.47</v>
      </c>
    </row>
    <row r="22604" spans="4:5" x14ac:dyDescent="0.25">
      <c r="D22604" s="6">
        <v>6714.3419999999996</v>
      </c>
      <c r="E22604" s="6">
        <v>829.43640000000005</v>
      </c>
    </row>
    <row r="22605" spans="4:5" x14ac:dyDescent="0.25">
      <c r="D22605" s="6">
        <v>730.25099999999998</v>
      </c>
      <c r="E22605" s="6">
        <v>783.07889999999998</v>
      </c>
    </row>
    <row r="22606" spans="4:5" x14ac:dyDescent="0.25">
      <c r="D22606" s="6">
        <v>1386.2829999999999</v>
      </c>
      <c r="E22606" s="6">
        <v>6324.4979999999996</v>
      </c>
    </row>
    <row r="22607" spans="4:5" x14ac:dyDescent="0.25">
      <c r="D22607" s="6">
        <v>509.15640000000002</v>
      </c>
      <c r="E22607" s="6">
        <v>651.59670000000006</v>
      </c>
    </row>
    <row r="22608" spans="4:5" x14ac:dyDescent="0.25">
      <c r="D22608" s="6">
        <v>997.73979999999995</v>
      </c>
      <c r="E22608" s="6">
        <v>1484.2439999999999</v>
      </c>
    </row>
    <row r="22609" spans="4:5" x14ac:dyDescent="0.25">
      <c r="D22609" s="6">
        <v>772.55719999999997</v>
      </c>
      <c r="E22609" s="6">
        <v>482.75689999999997</v>
      </c>
    </row>
    <row r="22610" spans="4:5" x14ac:dyDescent="0.25">
      <c r="D22610" s="6">
        <v>782.4556</v>
      </c>
      <c r="E22610" s="6">
        <v>800.94640000000004</v>
      </c>
    </row>
    <row r="22611" spans="4:5" x14ac:dyDescent="0.25">
      <c r="D22611" s="6">
        <v>1443.0409999999999</v>
      </c>
      <c r="E22611" s="6">
        <v>3038.4630000000002</v>
      </c>
    </row>
    <row r="22612" spans="4:5" x14ac:dyDescent="0.25">
      <c r="D22612" s="6">
        <v>544.90419999999995</v>
      </c>
      <c r="E22612" s="6">
        <v>670.77930000000003</v>
      </c>
    </row>
    <row r="22613" spans="4:5" x14ac:dyDescent="0.25">
      <c r="D22613" s="6">
        <v>656.85270000000003</v>
      </c>
      <c r="E22613" s="6">
        <v>1288.943</v>
      </c>
    </row>
    <row r="22614" spans="4:5" x14ac:dyDescent="0.25">
      <c r="D22614" s="6">
        <v>738.83839999999998</v>
      </c>
      <c r="E22614" s="6">
        <v>753.08550000000002</v>
      </c>
    </row>
    <row r="22615" spans="4:5" x14ac:dyDescent="0.25">
      <c r="D22615" s="6">
        <v>574.34709999999995</v>
      </c>
      <c r="E22615" s="6">
        <v>632.19979999999998</v>
      </c>
    </row>
    <row r="22616" spans="4:5" x14ac:dyDescent="0.25">
      <c r="D22616" s="6">
        <v>679.08600000000001</v>
      </c>
      <c r="E22616" s="6">
        <v>8463.2860000000001</v>
      </c>
    </row>
    <row r="22617" spans="4:5" x14ac:dyDescent="0.25">
      <c r="D22617" s="6">
        <v>641.13239999999996</v>
      </c>
      <c r="E22617" s="6">
        <v>464.33879999999999</v>
      </c>
    </row>
    <row r="22618" spans="4:5" x14ac:dyDescent="0.25">
      <c r="D22618" s="6">
        <v>553.36670000000004</v>
      </c>
      <c r="E22618" s="6">
        <v>694.21249999999998</v>
      </c>
    </row>
    <row r="22619" spans="4:5" x14ac:dyDescent="0.25">
      <c r="D22619" s="6">
        <v>615.73739999999998</v>
      </c>
      <c r="E22619" s="6">
        <v>789.95</v>
      </c>
    </row>
    <row r="22620" spans="4:5" x14ac:dyDescent="0.25">
      <c r="D22620" s="6">
        <v>2807.26</v>
      </c>
      <c r="E22620" s="6">
        <v>580.69539999999995</v>
      </c>
    </row>
    <row r="22621" spans="4:5" x14ac:dyDescent="0.25">
      <c r="D22621" s="6">
        <v>630.91669999999999</v>
      </c>
      <c r="E22621" s="6">
        <v>787.71389999999997</v>
      </c>
    </row>
    <row r="22622" spans="4:5" x14ac:dyDescent="0.25">
      <c r="D22622" s="6">
        <v>666.15039999999999</v>
      </c>
      <c r="E22622" s="6">
        <v>660.60990000000004</v>
      </c>
    </row>
    <row r="22623" spans="4:5" x14ac:dyDescent="0.25">
      <c r="D22623" s="6">
        <v>761.07910000000004</v>
      </c>
      <c r="E22623" s="6">
        <v>292.12990000000002</v>
      </c>
    </row>
    <row r="22624" spans="4:5" x14ac:dyDescent="0.25">
      <c r="D22624" s="6">
        <v>516.92049999999995</v>
      </c>
      <c r="E22624" s="6">
        <v>1029.7149999999999</v>
      </c>
    </row>
    <row r="22625" spans="4:5" x14ac:dyDescent="0.25">
      <c r="D22625" s="6">
        <v>819.92489999999998</v>
      </c>
      <c r="E22625" s="6">
        <v>4522.46</v>
      </c>
    </row>
    <row r="22626" spans="4:5" x14ac:dyDescent="0.25">
      <c r="D22626" s="6">
        <v>633.43349999999998</v>
      </c>
      <c r="E22626" s="6">
        <v>696.63059999999996</v>
      </c>
    </row>
    <row r="22627" spans="4:5" x14ac:dyDescent="0.25">
      <c r="D22627" s="6">
        <v>568.14290000000005</v>
      </c>
      <c r="E22627" s="6">
        <v>1101.0070000000001</v>
      </c>
    </row>
    <row r="22628" spans="4:5" x14ac:dyDescent="0.25">
      <c r="D22628" s="6">
        <v>541.28959999999995</v>
      </c>
      <c r="E22628" s="6">
        <v>6153.5879999999997</v>
      </c>
    </row>
    <row r="22629" spans="4:5" x14ac:dyDescent="0.25">
      <c r="D22629" s="6">
        <v>677.35440000000006</v>
      </c>
      <c r="E22629" s="6">
        <v>731.60649999999998</v>
      </c>
    </row>
    <row r="22630" spans="4:5" x14ac:dyDescent="0.25">
      <c r="D22630" s="6">
        <v>794.37710000000004</v>
      </c>
      <c r="E22630" s="6">
        <v>458.89030000000002</v>
      </c>
    </row>
    <row r="22631" spans="4:5" x14ac:dyDescent="0.25">
      <c r="D22631" s="6">
        <v>5102.1189999999997</v>
      </c>
      <c r="E22631" s="6">
        <v>694.86009999999999</v>
      </c>
    </row>
    <row r="22632" spans="4:5" x14ac:dyDescent="0.25">
      <c r="D22632" s="6">
        <v>714.37670000000003</v>
      </c>
      <c r="E22632" s="6">
        <v>879.23220000000003</v>
      </c>
    </row>
    <row r="22633" spans="4:5" x14ac:dyDescent="0.25">
      <c r="D22633" s="6">
        <v>721.19159999999999</v>
      </c>
      <c r="E22633" s="6">
        <v>649.61789999999996</v>
      </c>
    </row>
    <row r="22634" spans="4:5" x14ac:dyDescent="0.25">
      <c r="D22634" s="6">
        <v>771.8569</v>
      </c>
      <c r="E22634" s="6">
        <v>5798.7510000000002</v>
      </c>
    </row>
    <row r="22635" spans="4:5" x14ac:dyDescent="0.25">
      <c r="D22635" s="6">
        <v>722.26869999999997</v>
      </c>
      <c r="E22635" s="6">
        <v>728.12339999999995</v>
      </c>
    </row>
    <row r="22636" spans="4:5" x14ac:dyDescent="0.25">
      <c r="D22636" s="6">
        <v>733.37270000000001</v>
      </c>
      <c r="E22636" s="6">
        <v>691.06700000000001</v>
      </c>
    </row>
    <row r="22637" spans="4:5" x14ac:dyDescent="0.25">
      <c r="D22637" s="6">
        <v>674.14859999999999</v>
      </c>
      <c r="E22637" s="6">
        <v>3187.8879999999999</v>
      </c>
    </row>
    <row r="22638" spans="4:5" x14ac:dyDescent="0.25">
      <c r="D22638" s="6">
        <v>479.0129</v>
      </c>
      <c r="E22638" s="6">
        <v>977.44640000000004</v>
      </c>
    </row>
    <row r="22639" spans="4:5" x14ac:dyDescent="0.25">
      <c r="D22639" s="6">
        <v>1669</v>
      </c>
      <c r="E22639" s="6">
        <v>1294.5930000000001</v>
      </c>
    </row>
    <row r="22640" spans="4:5" x14ac:dyDescent="0.25">
      <c r="D22640" s="6">
        <v>833.42010000000005</v>
      </c>
      <c r="E22640" s="6">
        <v>5338.857</v>
      </c>
    </row>
    <row r="22641" spans="4:5" x14ac:dyDescent="0.25">
      <c r="D22641" s="6">
        <v>607.59490000000005</v>
      </c>
      <c r="E22641" s="6">
        <v>818.42949999999996</v>
      </c>
    </row>
    <row r="22642" spans="4:5" x14ac:dyDescent="0.25">
      <c r="D22642" s="6">
        <v>812.26049999999998</v>
      </c>
      <c r="E22642" s="6">
        <v>659.22619999999995</v>
      </c>
    </row>
    <row r="22643" spans="4:5" x14ac:dyDescent="0.25">
      <c r="D22643" s="6">
        <v>558.99270000000001</v>
      </c>
      <c r="E22643" s="6">
        <v>617.14949999999999</v>
      </c>
    </row>
    <row r="22644" spans="4:5" x14ac:dyDescent="0.25">
      <c r="D22644" s="6">
        <v>612.02430000000004</v>
      </c>
      <c r="E22644" s="6">
        <v>838.3329</v>
      </c>
    </row>
    <row r="22645" spans="4:5" x14ac:dyDescent="0.25">
      <c r="D22645" s="6">
        <v>826.86170000000004</v>
      </c>
      <c r="E22645" s="6">
        <v>1689.136</v>
      </c>
    </row>
    <row r="22646" spans="4:5" x14ac:dyDescent="0.25">
      <c r="D22646" s="6">
        <v>476.74169999999998</v>
      </c>
      <c r="E22646" s="6">
        <v>564.13170000000002</v>
      </c>
    </row>
    <row r="22647" spans="4:5" x14ac:dyDescent="0.25">
      <c r="D22647" s="6">
        <v>2380.9470000000001</v>
      </c>
      <c r="E22647" s="6">
        <v>4269.5</v>
      </c>
    </row>
    <row r="22648" spans="4:5" x14ac:dyDescent="0.25">
      <c r="D22648" s="6">
        <v>731.09619999999995</v>
      </c>
      <c r="E22648" s="6">
        <v>543.02080000000001</v>
      </c>
    </row>
    <row r="22649" spans="4:5" x14ac:dyDescent="0.25">
      <c r="D22649" s="6">
        <v>713.43420000000003</v>
      </c>
      <c r="E22649" s="6">
        <v>593.05960000000005</v>
      </c>
    </row>
    <row r="22650" spans="4:5" x14ac:dyDescent="0.25">
      <c r="D22650" s="6">
        <v>815.67570000000001</v>
      </c>
      <c r="E22650" s="6">
        <v>473.56470000000002</v>
      </c>
    </row>
    <row r="22651" spans="4:5" x14ac:dyDescent="0.25">
      <c r="D22651" s="6">
        <v>724.19349999999997</v>
      </c>
      <c r="E22651" s="6">
        <v>7701.8090000000002</v>
      </c>
    </row>
    <row r="22652" spans="4:5" x14ac:dyDescent="0.25">
      <c r="D22652" s="6">
        <v>704.48270000000002</v>
      </c>
      <c r="E22652" s="6">
        <v>603.91110000000003</v>
      </c>
    </row>
    <row r="22653" spans="4:5" x14ac:dyDescent="0.25">
      <c r="D22653" s="6">
        <v>1062.68</v>
      </c>
      <c r="E22653" s="6">
        <v>720.53880000000004</v>
      </c>
    </row>
    <row r="22654" spans="4:5" x14ac:dyDescent="0.25">
      <c r="D22654" s="6">
        <v>729.67989999999998</v>
      </c>
      <c r="E22654" s="6">
        <v>630.46029999999996</v>
      </c>
    </row>
    <row r="22655" spans="4:5" x14ac:dyDescent="0.25">
      <c r="D22655" s="6">
        <v>701.84990000000005</v>
      </c>
      <c r="E22655" s="6">
        <v>1078.8420000000001</v>
      </c>
    </row>
    <row r="22656" spans="4:5" x14ac:dyDescent="0.25">
      <c r="D22656" s="6">
        <v>736.12329999999997</v>
      </c>
      <c r="E22656" s="6">
        <v>834.83489999999995</v>
      </c>
    </row>
    <row r="22657" spans="4:5" x14ac:dyDescent="0.25">
      <c r="D22657" s="6">
        <v>705.50800000000004</v>
      </c>
      <c r="E22657" s="6">
        <v>1185</v>
      </c>
    </row>
    <row r="22658" spans="4:5" x14ac:dyDescent="0.25">
      <c r="D22658" s="6">
        <v>758.61239999999998</v>
      </c>
      <c r="E22658" s="6">
        <v>2264.201</v>
      </c>
    </row>
    <row r="22659" spans="4:5" x14ac:dyDescent="0.25">
      <c r="D22659" s="6">
        <v>9227.7129999999997</v>
      </c>
      <c r="E22659" s="6">
        <v>1745.527</v>
      </c>
    </row>
    <row r="22660" spans="4:5" x14ac:dyDescent="0.25">
      <c r="D22660" s="6">
        <v>3532.8240000000001</v>
      </c>
      <c r="E22660" s="6">
        <v>694.10239999999999</v>
      </c>
    </row>
    <row r="22661" spans="4:5" x14ac:dyDescent="0.25">
      <c r="D22661" s="6">
        <v>637.77390000000003</v>
      </c>
      <c r="E22661" s="6">
        <v>938.25710000000004</v>
      </c>
    </row>
    <row r="22662" spans="4:5" x14ac:dyDescent="0.25">
      <c r="D22662" s="6">
        <v>670.48850000000004</v>
      </c>
      <c r="E22662" s="6">
        <v>743.92809999999997</v>
      </c>
    </row>
    <row r="22663" spans="4:5" x14ac:dyDescent="0.25">
      <c r="D22663" s="6">
        <v>485.6</v>
      </c>
      <c r="E22663" s="6">
        <v>878.31709999999998</v>
      </c>
    </row>
    <row r="22664" spans="4:5" x14ac:dyDescent="0.25">
      <c r="D22664" s="6">
        <v>598.85270000000003</v>
      </c>
      <c r="E22664" s="6">
        <v>669.5856</v>
      </c>
    </row>
    <row r="22665" spans="4:5" x14ac:dyDescent="0.25">
      <c r="D22665" s="6">
        <v>842.07849999999996</v>
      </c>
      <c r="E22665" s="6">
        <v>941.59519999999998</v>
      </c>
    </row>
    <row r="22666" spans="4:5" x14ac:dyDescent="0.25">
      <c r="D22666" s="6">
        <v>6908.7749999999996</v>
      </c>
      <c r="E22666" s="6">
        <v>708.58489999999995</v>
      </c>
    </row>
    <row r="22667" spans="4:5" x14ac:dyDescent="0.25">
      <c r="D22667" s="6">
        <v>3432.7</v>
      </c>
      <c r="E22667" s="6">
        <v>738.96010000000001</v>
      </c>
    </row>
    <row r="22668" spans="4:5" x14ac:dyDescent="0.25">
      <c r="D22668" s="6">
        <v>708.19100000000003</v>
      </c>
      <c r="E22668" s="6">
        <v>823.74369999999999</v>
      </c>
    </row>
    <row r="22669" spans="4:5" x14ac:dyDescent="0.25">
      <c r="D22669" s="6">
        <v>841.06719999999996</v>
      </c>
      <c r="E22669" s="6">
        <v>565.89340000000004</v>
      </c>
    </row>
    <row r="22670" spans="4:5" x14ac:dyDescent="0.25">
      <c r="D22670" s="6">
        <v>508.33330000000001</v>
      </c>
      <c r="E22670" s="6">
        <v>2603.13</v>
      </c>
    </row>
    <row r="22671" spans="4:5" x14ac:dyDescent="0.25">
      <c r="D22671" s="6">
        <v>695.85519999999997</v>
      </c>
      <c r="E22671" s="6">
        <v>1239.847</v>
      </c>
    </row>
    <row r="22672" spans="4:5" x14ac:dyDescent="0.25">
      <c r="D22672" s="6">
        <v>730.01409999999998</v>
      </c>
      <c r="E22672" s="6">
        <v>6193.5510000000004</v>
      </c>
    </row>
    <row r="22673" spans="4:5" x14ac:dyDescent="0.25">
      <c r="D22673" s="6">
        <v>691.80160000000001</v>
      </c>
      <c r="E22673" s="6">
        <v>825.13559999999995</v>
      </c>
    </row>
    <row r="22674" spans="4:5" x14ac:dyDescent="0.25">
      <c r="D22674" s="6">
        <v>1263.375</v>
      </c>
      <c r="E22674" s="6">
        <v>949.46759999999995</v>
      </c>
    </row>
    <row r="22675" spans="4:5" x14ac:dyDescent="0.25">
      <c r="D22675" s="6">
        <v>1059.2809999999999</v>
      </c>
      <c r="E22675" s="6">
        <v>620.19190000000003</v>
      </c>
    </row>
    <row r="22676" spans="4:5" x14ac:dyDescent="0.25">
      <c r="D22676" s="6">
        <v>644.96109999999999</v>
      </c>
      <c r="E22676" s="6">
        <v>763.19529999999997</v>
      </c>
    </row>
    <row r="22677" spans="4:5" x14ac:dyDescent="0.25">
      <c r="D22677" s="6">
        <v>4554</v>
      </c>
      <c r="E22677" s="6">
        <v>935.17859999999996</v>
      </c>
    </row>
    <row r="22678" spans="4:5" x14ac:dyDescent="0.25">
      <c r="D22678" s="6">
        <v>727.13070000000005</v>
      </c>
      <c r="E22678" s="6">
        <v>592</v>
      </c>
    </row>
    <row r="22679" spans="4:5" x14ac:dyDescent="0.25">
      <c r="D22679" s="6">
        <v>3363.5729999999999</v>
      </c>
      <c r="E22679" s="6">
        <v>763</v>
      </c>
    </row>
    <row r="22680" spans="4:5" x14ac:dyDescent="0.25">
      <c r="D22680" s="6">
        <v>703.03480000000002</v>
      </c>
      <c r="E22680" s="6">
        <v>850.97</v>
      </c>
    </row>
    <row r="22681" spans="4:5" x14ac:dyDescent="0.25">
      <c r="D22681" s="6">
        <v>1782.694</v>
      </c>
      <c r="E22681" s="6">
        <v>889.05830000000003</v>
      </c>
    </row>
    <row r="22682" spans="4:5" x14ac:dyDescent="0.25">
      <c r="D22682" s="6">
        <v>683.3107</v>
      </c>
      <c r="E22682" s="6">
        <v>1038.193</v>
      </c>
    </row>
    <row r="22683" spans="4:5" x14ac:dyDescent="0.25">
      <c r="D22683" s="6">
        <v>879.27679999999998</v>
      </c>
      <c r="E22683" s="6">
        <v>791.56690000000003</v>
      </c>
    </row>
    <row r="22684" spans="4:5" x14ac:dyDescent="0.25">
      <c r="D22684" s="6">
        <v>599.04070000000002</v>
      </c>
      <c r="E22684" s="6">
        <v>714.255</v>
      </c>
    </row>
    <row r="22685" spans="4:5" x14ac:dyDescent="0.25">
      <c r="D22685" s="6">
        <v>597.18219999999997</v>
      </c>
      <c r="E22685" s="6">
        <v>689.53639999999996</v>
      </c>
    </row>
    <row r="22686" spans="4:5" x14ac:dyDescent="0.25">
      <c r="D22686" s="6">
        <v>608.54359999999997</v>
      </c>
      <c r="E22686" s="6">
        <v>4517.8220000000001</v>
      </c>
    </row>
    <row r="22687" spans="4:5" x14ac:dyDescent="0.25">
      <c r="D22687" s="6">
        <v>1037.856</v>
      </c>
      <c r="E22687" s="6">
        <v>728.5924</v>
      </c>
    </row>
    <row r="22688" spans="4:5" x14ac:dyDescent="0.25">
      <c r="D22688" s="6">
        <v>1014.0940000000001</v>
      </c>
      <c r="E22688" s="6">
        <v>5358.5990000000002</v>
      </c>
    </row>
    <row r="22689" spans="4:5" x14ac:dyDescent="0.25">
      <c r="D22689" s="6">
        <v>732.02269999999999</v>
      </c>
      <c r="E22689" s="6">
        <v>602.77080000000001</v>
      </c>
    </row>
    <row r="22690" spans="4:5" x14ac:dyDescent="0.25">
      <c r="D22690" s="6">
        <v>657.89449999999999</v>
      </c>
      <c r="E22690" s="6">
        <v>734.24919999999997</v>
      </c>
    </row>
    <row r="22691" spans="4:5" x14ac:dyDescent="0.25">
      <c r="D22691" s="6">
        <v>870.37249999999995</v>
      </c>
      <c r="E22691" s="6">
        <v>657.78530000000001</v>
      </c>
    </row>
    <row r="22692" spans="4:5" x14ac:dyDescent="0.25">
      <c r="D22692" s="6">
        <v>1134.8119999999999</v>
      </c>
      <c r="E22692" s="6">
        <v>720.41840000000002</v>
      </c>
    </row>
    <row r="22693" spans="4:5" x14ac:dyDescent="0.25">
      <c r="D22693" s="6">
        <v>597.52729999999997</v>
      </c>
      <c r="E22693" s="6">
        <v>787.22249999999997</v>
      </c>
    </row>
    <row r="22694" spans="4:5" x14ac:dyDescent="0.25">
      <c r="D22694" s="6">
        <v>856.36710000000005</v>
      </c>
      <c r="E22694" s="6">
        <v>597.05870000000004</v>
      </c>
    </row>
    <row r="22695" spans="4:5" x14ac:dyDescent="0.25">
      <c r="D22695" s="6">
        <v>653.7482</v>
      </c>
      <c r="E22695" s="6">
        <v>712.74770000000001</v>
      </c>
    </row>
    <row r="22696" spans="4:5" x14ac:dyDescent="0.25">
      <c r="D22696" s="6">
        <v>840.3143</v>
      </c>
      <c r="E22696" s="6">
        <v>3911.8389999999999</v>
      </c>
    </row>
    <row r="22697" spans="4:5" x14ac:dyDescent="0.25">
      <c r="D22697" s="6">
        <v>732.54510000000005</v>
      </c>
      <c r="E22697" s="6">
        <v>1438.634</v>
      </c>
    </row>
    <row r="22698" spans="4:5" x14ac:dyDescent="0.25">
      <c r="D22698" s="6">
        <v>766.58230000000003</v>
      </c>
      <c r="E22698" s="6">
        <v>991.18299999999999</v>
      </c>
    </row>
    <row r="22699" spans="4:5" x14ac:dyDescent="0.25">
      <c r="D22699" s="6">
        <v>529.34900000000005</v>
      </c>
      <c r="E22699" s="6">
        <v>652.82000000000005</v>
      </c>
    </row>
    <row r="22700" spans="4:5" x14ac:dyDescent="0.25">
      <c r="D22700" s="6">
        <v>1095.241</v>
      </c>
      <c r="E22700" s="6">
        <v>690.14589999999998</v>
      </c>
    </row>
    <row r="22701" spans="4:5" x14ac:dyDescent="0.25">
      <c r="D22701" s="6">
        <v>700.44010000000003</v>
      </c>
      <c r="E22701" s="6">
        <v>4341.2740000000003</v>
      </c>
    </row>
    <row r="22702" spans="4:5" x14ac:dyDescent="0.25">
      <c r="D22702" s="6">
        <v>730.553</v>
      </c>
      <c r="E22702" s="6">
        <v>821.36339999999996</v>
      </c>
    </row>
    <row r="22703" spans="4:5" x14ac:dyDescent="0.25">
      <c r="D22703" s="6">
        <v>698.67529999999999</v>
      </c>
      <c r="E22703" s="6">
        <v>6766.7730000000001</v>
      </c>
    </row>
    <row r="22704" spans="4:5" x14ac:dyDescent="0.25">
      <c r="D22704" s="6">
        <v>856.68230000000005</v>
      </c>
      <c r="E22704" s="6">
        <v>635.33330000000001</v>
      </c>
    </row>
    <row r="22705" spans="4:5" x14ac:dyDescent="0.25">
      <c r="D22705" s="6">
        <v>851.42899999999997</v>
      </c>
      <c r="E22705" s="6">
        <v>4506.5</v>
      </c>
    </row>
    <row r="22706" spans="4:5" x14ac:dyDescent="0.25">
      <c r="D22706" s="6">
        <v>537.20699999999999</v>
      </c>
      <c r="E22706" s="6">
        <v>475.57049999999998</v>
      </c>
    </row>
    <row r="22707" spans="4:5" x14ac:dyDescent="0.25">
      <c r="D22707" s="6">
        <v>734.64170000000001</v>
      </c>
      <c r="E22707" s="6">
        <v>723.46709999999996</v>
      </c>
    </row>
    <row r="22708" spans="4:5" x14ac:dyDescent="0.25">
      <c r="D22708" s="6">
        <v>657.46879999999999</v>
      </c>
      <c r="E22708" s="6">
        <v>1982.8489999999999</v>
      </c>
    </row>
    <row r="22709" spans="4:5" x14ac:dyDescent="0.25">
      <c r="D22709" s="6">
        <v>740.26679999999999</v>
      </c>
      <c r="E22709" s="6">
        <v>709.97699999999998</v>
      </c>
    </row>
    <row r="22710" spans="4:5" x14ac:dyDescent="0.25">
      <c r="D22710" s="6">
        <v>598.06399999999996</v>
      </c>
      <c r="E22710" s="6">
        <v>640.24689999999998</v>
      </c>
    </row>
    <row r="22711" spans="4:5" x14ac:dyDescent="0.25">
      <c r="D22711" s="6">
        <v>720.02760000000001</v>
      </c>
      <c r="E22711" s="6">
        <v>592.03769999999997</v>
      </c>
    </row>
    <row r="22712" spans="4:5" x14ac:dyDescent="0.25">
      <c r="D22712" s="6">
        <v>792.19830000000002</v>
      </c>
      <c r="E22712" s="6">
        <v>531.04560000000004</v>
      </c>
    </row>
    <row r="22713" spans="4:5" x14ac:dyDescent="0.25">
      <c r="D22713" s="6">
        <v>701.15099999999995</v>
      </c>
      <c r="E22713" s="6">
        <v>520.71619999999996</v>
      </c>
    </row>
    <row r="22714" spans="4:5" x14ac:dyDescent="0.25">
      <c r="D22714" s="6">
        <v>925.84090000000003</v>
      </c>
      <c r="E22714" s="6">
        <v>766.15070000000003</v>
      </c>
    </row>
    <row r="22715" spans="4:5" x14ac:dyDescent="0.25">
      <c r="D22715" s="6">
        <v>797.96749999999997</v>
      </c>
      <c r="E22715" s="6">
        <v>1559.2560000000001</v>
      </c>
    </row>
    <row r="22716" spans="4:5" x14ac:dyDescent="0.25">
      <c r="D22716" s="6">
        <v>741.58820000000003</v>
      </c>
      <c r="E22716" s="6">
        <v>881.16669999999999</v>
      </c>
    </row>
    <row r="22717" spans="4:5" x14ac:dyDescent="0.25">
      <c r="D22717" s="6">
        <v>716.76919999999996</v>
      </c>
      <c r="E22717" s="6">
        <v>1020.431</v>
      </c>
    </row>
    <row r="22718" spans="4:5" x14ac:dyDescent="0.25">
      <c r="D22718" s="6">
        <v>807.12840000000006</v>
      </c>
      <c r="E22718" s="6">
        <v>779.26469999999995</v>
      </c>
    </row>
    <row r="22719" spans="4:5" x14ac:dyDescent="0.25">
      <c r="D22719" s="6">
        <v>1123.69</v>
      </c>
      <c r="E22719" s="6">
        <v>729.98249999999996</v>
      </c>
    </row>
    <row r="22720" spans="4:5" x14ac:dyDescent="0.25">
      <c r="D22720" s="6">
        <v>748.61900000000003</v>
      </c>
      <c r="E22720" s="6">
        <v>763.41049999999996</v>
      </c>
    </row>
    <row r="22721" spans="4:5" x14ac:dyDescent="0.25">
      <c r="D22721" s="6">
        <v>768.56240000000003</v>
      </c>
      <c r="E22721" s="6">
        <v>722.09140000000002</v>
      </c>
    </row>
    <row r="22722" spans="4:5" x14ac:dyDescent="0.25">
      <c r="D22722" s="6">
        <v>931.79669999999999</v>
      </c>
      <c r="E22722" s="6">
        <v>835.41750000000002</v>
      </c>
    </row>
    <row r="22723" spans="4:5" x14ac:dyDescent="0.25">
      <c r="D22723" s="6">
        <v>629.69960000000003</v>
      </c>
      <c r="E22723" s="6">
        <v>920.22500000000002</v>
      </c>
    </row>
    <row r="22724" spans="4:5" x14ac:dyDescent="0.25">
      <c r="D22724" s="6">
        <v>542.4375</v>
      </c>
      <c r="E22724" s="6">
        <v>1620.894</v>
      </c>
    </row>
    <row r="22725" spans="4:5" x14ac:dyDescent="0.25">
      <c r="D22725" s="6">
        <v>1077.5820000000001</v>
      </c>
      <c r="E22725" s="6">
        <v>921.94650000000001</v>
      </c>
    </row>
    <row r="22726" spans="4:5" x14ac:dyDescent="0.25">
      <c r="D22726" s="6">
        <v>4643.4709999999995</v>
      </c>
      <c r="E22726" s="6">
        <v>617.62379999999996</v>
      </c>
    </row>
    <row r="22727" spans="4:5" x14ac:dyDescent="0.25">
      <c r="D22727" s="6">
        <v>571.11109999999996</v>
      </c>
      <c r="E22727" s="6">
        <v>795.71389999999997</v>
      </c>
    </row>
    <row r="22728" spans="4:5" x14ac:dyDescent="0.25">
      <c r="D22728" s="6">
        <v>745.71460000000002</v>
      </c>
      <c r="E22728" s="6">
        <v>679.39179999999999</v>
      </c>
    </row>
    <row r="22729" spans="4:5" x14ac:dyDescent="0.25">
      <c r="D22729" s="6">
        <v>925.1155</v>
      </c>
      <c r="E22729" s="6">
        <v>876.86040000000003</v>
      </c>
    </row>
    <row r="22730" spans="4:5" x14ac:dyDescent="0.25">
      <c r="D22730" s="6">
        <v>639.66959999999995</v>
      </c>
      <c r="E22730" s="6">
        <v>1063.2470000000001</v>
      </c>
    </row>
    <row r="22731" spans="4:5" x14ac:dyDescent="0.25">
      <c r="D22731" s="6">
        <v>643.06359999999995</v>
      </c>
      <c r="E22731" s="6">
        <v>810.13890000000004</v>
      </c>
    </row>
    <row r="22732" spans="4:5" x14ac:dyDescent="0.25">
      <c r="D22732" s="6">
        <v>825.73289999999997</v>
      </c>
      <c r="E22732" s="6">
        <v>5978.4780000000001</v>
      </c>
    </row>
    <row r="22733" spans="4:5" x14ac:dyDescent="0.25">
      <c r="D22733" s="6">
        <v>1099.5</v>
      </c>
      <c r="E22733" s="6">
        <v>2882.5320000000002</v>
      </c>
    </row>
    <row r="22734" spans="4:5" x14ac:dyDescent="0.25">
      <c r="D22734" s="6">
        <v>485.95350000000002</v>
      </c>
      <c r="E22734" s="6">
        <v>767.69</v>
      </c>
    </row>
    <row r="22735" spans="4:5" x14ac:dyDescent="0.25">
      <c r="D22735" s="6">
        <v>710.35090000000002</v>
      </c>
      <c r="E22735" s="6">
        <v>998.06910000000005</v>
      </c>
    </row>
    <row r="22736" spans="4:5" x14ac:dyDescent="0.25">
      <c r="D22736" s="6">
        <v>682.67319999999995</v>
      </c>
      <c r="E22736" s="6">
        <v>6604.2860000000001</v>
      </c>
    </row>
    <row r="22737" spans="4:5" x14ac:dyDescent="0.25">
      <c r="D22737" s="6">
        <v>756.55889999999999</v>
      </c>
      <c r="E22737" s="6">
        <v>856.3442</v>
      </c>
    </row>
    <row r="22738" spans="4:5" x14ac:dyDescent="0.25">
      <c r="D22738" s="6">
        <v>757.04430000000002</v>
      </c>
      <c r="E22738" s="6">
        <v>722.10360000000003</v>
      </c>
    </row>
    <row r="22739" spans="4:5" x14ac:dyDescent="0.25">
      <c r="D22739" s="6">
        <v>1080.3240000000001</v>
      </c>
      <c r="E22739" s="6">
        <v>739.66669999999999</v>
      </c>
    </row>
    <row r="22740" spans="4:5" x14ac:dyDescent="0.25">
      <c r="D22740" s="6">
        <v>1999.972</v>
      </c>
      <c r="E22740" s="6">
        <v>838.67449999999997</v>
      </c>
    </row>
    <row r="22741" spans="4:5" x14ac:dyDescent="0.25">
      <c r="D22741" s="6">
        <v>757.42639999999994</v>
      </c>
      <c r="E22741" s="6">
        <v>733.90610000000004</v>
      </c>
    </row>
    <row r="22742" spans="4:5" x14ac:dyDescent="0.25">
      <c r="D22742" s="6">
        <v>793.42380000000003</v>
      </c>
      <c r="E22742" s="6">
        <v>707.39009999999996</v>
      </c>
    </row>
    <row r="22743" spans="4:5" x14ac:dyDescent="0.25">
      <c r="D22743" s="6">
        <v>648.04759999999999</v>
      </c>
      <c r="E22743" s="6">
        <v>623.70659999999998</v>
      </c>
    </row>
    <row r="22744" spans="4:5" x14ac:dyDescent="0.25">
      <c r="D22744" s="6">
        <v>1615.4839999999999</v>
      </c>
      <c r="E22744" s="6">
        <v>909.6585</v>
      </c>
    </row>
    <row r="22745" spans="4:5" x14ac:dyDescent="0.25">
      <c r="D22745" s="6">
        <v>687.2355</v>
      </c>
      <c r="E22745" s="6">
        <v>584.66669999999999</v>
      </c>
    </row>
    <row r="22746" spans="4:5" x14ac:dyDescent="0.25">
      <c r="D22746" s="6">
        <v>863.96550000000002</v>
      </c>
      <c r="E22746" s="6">
        <v>920.18759999999997</v>
      </c>
    </row>
    <row r="22747" spans="4:5" x14ac:dyDescent="0.25">
      <c r="D22747" s="6">
        <v>773.94849999999997</v>
      </c>
      <c r="E22747" s="6">
        <v>637.84079999999994</v>
      </c>
    </row>
    <row r="22748" spans="4:5" x14ac:dyDescent="0.25">
      <c r="D22748" s="6">
        <v>507.73570000000001</v>
      </c>
      <c r="E22748" s="6">
        <v>633.52949999999998</v>
      </c>
    </row>
    <row r="22749" spans="4:5" x14ac:dyDescent="0.25">
      <c r="D22749" s="6">
        <v>615.60029999999995</v>
      </c>
      <c r="E22749" s="6">
        <v>685.51229999999998</v>
      </c>
    </row>
    <row r="22750" spans="4:5" x14ac:dyDescent="0.25">
      <c r="D22750" s="6">
        <v>784.54949999999997</v>
      </c>
      <c r="E22750" s="6">
        <v>721.34849999999994</v>
      </c>
    </row>
    <row r="22751" spans="4:5" x14ac:dyDescent="0.25">
      <c r="D22751" s="6">
        <v>854.6173</v>
      </c>
      <c r="E22751" s="6">
        <v>1220.857</v>
      </c>
    </row>
    <row r="22752" spans="4:5" x14ac:dyDescent="0.25">
      <c r="D22752" s="6">
        <v>1201.5</v>
      </c>
      <c r="E22752" s="6">
        <v>640.99199999999996</v>
      </c>
    </row>
    <row r="22753" spans="4:5" x14ac:dyDescent="0.25">
      <c r="D22753" s="6">
        <v>649.44889999999998</v>
      </c>
      <c r="E22753" s="6">
        <v>2054.5920000000001</v>
      </c>
    </row>
    <row r="22754" spans="4:5" x14ac:dyDescent="0.25">
      <c r="D22754" s="6">
        <v>755.54089999999997</v>
      </c>
      <c r="E22754" s="6">
        <v>818.09130000000005</v>
      </c>
    </row>
    <row r="22755" spans="4:5" x14ac:dyDescent="0.25">
      <c r="D22755" s="6">
        <v>1668.1320000000001</v>
      </c>
      <c r="E22755" s="6">
        <v>3717.22</v>
      </c>
    </row>
    <row r="22756" spans="4:5" x14ac:dyDescent="0.25">
      <c r="D22756" s="6">
        <v>1462.87</v>
      </c>
      <c r="E22756" s="6">
        <v>648.73410000000001</v>
      </c>
    </row>
    <row r="22757" spans="4:5" x14ac:dyDescent="0.25">
      <c r="D22757" s="6">
        <v>664.94190000000003</v>
      </c>
      <c r="E22757" s="6">
        <v>739.00429999999994</v>
      </c>
    </row>
    <row r="22758" spans="4:5" x14ac:dyDescent="0.25">
      <c r="D22758" s="6">
        <v>8110.3950000000004</v>
      </c>
      <c r="E22758" s="6">
        <v>1535.848</v>
      </c>
    </row>
    <row r="22759" spans="4:5" x14ac:dyDescent="0.25">
      <c r="D22759" s="6">
        <v>1289.7809999999999</v>
      </c>
      <c r="E22759" s="6">
        <v>807.43219999999997</v>
      </c>
    </row>
    <row r="22760" spans="4:5" x14ac:dyDescent="0.25">
      <c r="D22760" s="6">
        <v>550.76390000000004</v>
      </c>
      <c r="E22760" s="6">
        <v>601.19439999999997</v>
      </c>
    </row>
    <row r="22761" spans="4:5" x14ac:dyDescent="0.25">
      <c r="D22761" s="6">
        <v>400.7833</v>
      </c>
      <c r="E22761" s="6">
        <v>638.94470000000001</v>
      </c>
    </row>
    <row r="22762" spans="4:5" x14ac:dyDescent="0.25">
      <c r="D22762" s="6">
        <v>695.4932</v>
      </c>
      <c r="E22762" s="6">
        <v>6613.5519999999997</v>
      </c>
    </row>
    <row r="22763" spans="4:5" x14ac:dyDescent="0.25">
      <c r="D22763" s="6">
        <v>685.04819999999995</v>
      </c>
      <c r="E22763" s="6">
        <v>732.35730000000001</v>
      </c>
    </row>
    <row r="22764" spans="4:5" x14ac:dyDescent="0.25">
      <c r="D22764" s="6">
        <v>542.12329999999997</v>
      </c>
      <c r="E22764" s="6">
        <v>623.01800000000003</v>
      </c>
    </row>
    <row r="22765" spans="4:5" x14ac:dyDescent="0.25">
      <c r="D22765" s="6">
        <v>653.35730000000001</v>
      </c>
      <c r="E22765" s="6">
        <v>841.77059999999994</v>
      </c>
    </row>
    <row r="22766" spans="4:5" x14ac:dyDescent="0.25">
      <c r="D22766" s="6">
        <v>531.31420000000003</v>
      </c>
      <c r="E22766" s="6">
        <v>874.4</v>
      </c>
    </row>
    <row r="22767" spans="4:5" x14ac:dyDescent="0.25">
      <c r="D22767" s="6">
        <v>527.01890000000003</v>
      </c>
      <c r="E22767" s="6">
        <v>790.5181</v>
      </c>
    </row>
    <row r="22768" spans="4:5" x14ac:dyDescent="0.25">
      <c r="D22768" s="6">
        <v>717.26769999999999</v>
      </c>
      <c r="E22768" s="6">
        <v>570.90139999999997</v>
      </c>
    </row>
    <row r="22769" spans="4:5" x14ac:dyDescent="0.25">
      <c r="D22769" s="6">
        <v>1082.2840000000001</v>
      </c>
      <c r="E22769" s="6">
        <v>716.19590000000005</v>
      </c>
    </row>
    <row r="22770" spans="4:5" x14ac:dyDescent="0.25">
      <c r="D22770" s="6">
        <v>1104.271</v>
      </c>
      <c r="E22770" s="6">
        <v>723.76160000000004</v>
      </c>
    </row>
    <row r="22771" spans="4:5" x14ac:dyDescent="0.25">
      <c r="D22771" s="6">
        <v>1123.3409999999999</v>
      </c>
      <c r="E22771" s="6">
        <v>610.9615</v>
      </c>
    </row>
    <row r="22772" spans="4:5" x14ac:dyDescent="0.25">
      <c r="D22772" s="6">
        <v>831.85709999999995</v>
      </c>
      <c r="E22772" s="6">
        <v>3203.549</v>
      </c>
    </row>
    <row r="22773" spans="4:5" x14ac:dyDescent="0.25">
      <c r="D22773" s="6">
        <v>754.78279999999995</v>
      </c>
      <c r="E22773" s="6">
        <v>724.49300000000005</v>
      </c>
    </row>
    <row r="22774" spans="4:5" x14ac:dyDescent="0.25">
      <c r="D22774" s="6">
        <v>628.46569999999997</v>
      </c>
      <c r="E22774" s="6">
        <v>757.4135</v>
      </c>
    </row>
    <row r="22775" spans="4:5" x14ac:dyDescent="0.25">
      <c r="D22775" s="6">
        <v>8165.1729999999998</v>
      </c>
      <c r="E22775" s="6">
        <v>2560.2440000000001</v>
      </c>
    </row>
    <row r="22776" spans="4:5" x14ac:dyDescent="0.25">
      <c r="D22776" s="6">
        <v>762.91</v>
      </c>
      <c r="E22776" s="6">
        <v>640.62189999999998</v>
      </c>
    </row>
    <row r="22777" spans="4:5" x14ac:dyDescent="0.25">
      <c r="D22777" s="6">
        <v>659.44309999999996</v>
      </c>
      <c r="E22777" s="6">
        <v>659.61220000000003</v>
      </c>
    </row>
    <row r="22778" spans="4:5" x14ac:dyDescent="0.25">
      <c r="D22778" s="6">
        <v>643.56470000000002</v>
      </c>
      <c r="E22778" s="6">
        <v>558.24099999999999</v>
      </c>
    </row>
    <row r="22779" spans="4:5" x14ac:dyDescent="0.25">
      <c r="D22779" s="6">
        <v>752.78020000000004</v>
      </c>
      <c r="E22779" s="6">
        <v>776.94159999999999</v>
      </c>
    </row>
    <row r="22780" spans="4:5" x14ac:dyDescent="0.25">
      <c r="D22780" s="6">
        <v>848.25800000000004</v>
      </c>
      <c r="E22780" s="6">
        <v>963.38160000000005</v>
      </c>
    </row>
    <row r="22781" spans="4:5" x14ac:dyDescent="0.25">
      <c r="D22781" s="6">
        <v>535.33609999999999</v>
      </c>
      <c r="E22781" s="6">
        <v>801.15030000000002</v>
      </c>
    </row>
    <row r="22782" spans="4:5" x14ac:dyDescent="0.25">
      <c r="D22782" s="6">
        <v>587.48990000000003</v>
      </c>
      <c r="E22782" s="6">
        <v>7075.7839999999997</v>
      </c>
    </row>
    <row r="22783" spans="4:5" x14ac:dyDescent="0.25">
      <c r="D22783" s="6">
        <v>576.45010000000002</v>
      </c>
      <c r="E22783" s="6">
        <v>2072</v>
      </c>
    </row>
    <row r="22784" spans="4:5" x14ac:dyDescent="0.25">
      <c r="D22784" s="6">
        <v>617.01220000000001</v>
      </c>
      <c r="E22784" s="6">
        <v>6148.7439999999997</v>
      </c>
    </row>
    <row r="22785" spans="4:5" x14ac:dyDescent="0.25">
      <c r="D22785" s="6">
        <v>482.86160000000001</v>
      </c>
      <c r="E22785" s="6">
        <v>1988.0229999999999</v>
      </c>
    </row>
    <row r="22786" spans="4:5" x14ac:dyDescent="0.25">
      <c r="D22786" s="6">
        <v>872.1096</v>
      </c>
      <c r="E22786" s="6">
        <v>581.72839999999997</v>
      </c>
    </row>
    <row r="22787" spans="4:5" x14ac:dyDescent="0.25">
      <c r="D22787" s="6">
        <v>786.90779999999995</v>
      </c>
      <c r="E22787" s="6">
        <v>723.26700000000005</v>
      </c>
    </row>
    <row r="22788" spans="4:5" x14ac:dyDescent="0.25">
      <c r="D22788" s="6">
        <v>683.78570000000002</v>
      </c>
      <c r="E22788" s="6">
        <v>830.06190000000004</v>
      </c>
    </row>
    <row r="22789" spans="4:5" x14ac:dyDescent="0.25">
      <c r="D22789" s="6">
        <v>734.33109999999999</v>
      </c>
      <c r="E22789" s="6">
        <v>991.62300000000005</v>
      </c>
    </row>
    <row r="22790" spans="4:5" x14ac:dyDescent="0.25">
      <c r="D22790" s="6">
        <v>925.44150000000002</v>
      </c>
      <c r="E22790" s="6">
        <v>774.20370000000003</v>
      </c>
    </row>
    <row r="22791" spans="4:5" x14ac:dyDescent="0.25">
      <c r="D22791" s="6">
        <v>779.35770000000002</v>
      </c>
      <c r="E22791" s="6">
        <v>801.60590000000002</v>
      </c>
    </row>
    <row r="22792" spans="4:5" x14ac:dyDescent="0.25">
      <c r="D22792" s="6">
        <v>819.02670000000001</v>
      </c>
      <c r="E22792" s="6">
        <v>490.9871</v>
      </c>
    </row>
    <row r="22793" spans="4:5" x14ac:dyDescent="0.25">
      <c r="D22793" s="6">
        <v>8462.5069999999996</v>
      </c>
      <c r="E22793" s="6">
        <v>862.8098</v>
      </c>
    </row>
    <row r="22794" spans="4:5" x14ac:dyDescent="0.25">
      <c r="D22794" s="6">
        <v>586.14880000000005</v>
      </c>
      <c r="E22794" s="6">
        <v>806.07299999999998</v>
      </c>
    </row>
    <row r="22795" spans="4:5" x14ac:dyDescent="0.25">
      <c r="D22795" s="6">
        <v>767.24030000000005</v>
      </c>
      <c r="E22795" s="6">
        <v>502.02609999999999</v>
      </c>
    </row>
    <row r="22796" spans="4:5" x14ac:dyDescent="0.25">
      <c r="D22796" s="6">
        <v>613.0308</v>
      </c>
      <c r="E22796" s="6">
        <v>641.03689999999995</v>
      </c>
    </row>
    <row r="22797" spans="4:5" x14ac:dyDescent="0.25">
      <c r="D22797" s="6">
        <v>1053.44</v>
      </c>
      <c r="E22797" s="6">
        <v>1289.337</v>
      </c>
    </row>
    <row r="22798" spans="4:5" x14ac:dyDescent="0.25">
      <c r="D22798" s="6">
        <v>660.58450000000005</v>
      </c>
      <c r="E22798" s="6">
        <v>6222.0630000000001</v>
      </c>
    </row>
    <row r="22799" spans="4:5" x14ac:dyDescent="0.25">
      <c r="D22799" s="6">
        <v>741.13879999999995</v>
      </c>
      <c r="E22799" s="6">
        <v>577.73919999999998</v>
      </c>
    </row>
    <row r="22800" spans="4:5" x14ac:dyDescent="0.25">
      <c r="D22800" s="6">
        <v>599.83879999999999</v>
      </c>
      <c r="E22800" s="6">
        <v>909.93629999999996</v>
      </c>
    </row>
    <row r="22801" spans="4:5" x14ac:dyDescent="0.25">
      <c r="D22801" s="6">
        <v>1068.297</v>
      </c>
      <c r="E22801" s="6">
        <v>646.01729999999998</v>
      </c>
    </row>
    <row r="22802" spans="4:5" x14ac:dyDescent="0.25">
      <c r="D22802" s="6">
        <v>744.32709999999997</v>
      </c>
      <c r="E22802" s="6">
        <v>536.46190000000001</v>
      </c>
    </row>
    <row r="22803" spans="4:5" x14ac:dyDescent="0.25">
      <c r="D22803" s="6">
        <v>668.71230000000003</v>
      </c>
      <c r="E22803" s="6">
        <v>7293.915</v>
      </c>
    </row>
    <row r="22804" spans="4:5" x14ac:dyDescent="0.25">
      <c r="D22804" s="6">
        <v>634.32240000000002</v>
      </c>
      <c r="E22804" s="6">
        <v>4547.8739999999998</v>
      </c>
    </row>
    <row r="22805" spans="4:5" x14ac:dyDescent="0.25">
      <c r="D22805" s="6">
        <v>891.77639999999997</v>
      </c>
      <c r="E22805" s="6">
        <v>704.22159999999997</v>
      </c>
    </row>
    <row r="22806" spans="4:5" x14ac:dyDescent="0.25">
      <c r="D22806" s="6">
        <v>644.8116</v>
      </c>
      <c r="E22806" s="6">
        <v>745.44219999999996</v>
      </c>
    </row>
    <row r="22807" spans="4:5" x14ac:dyDescent="0.25">
      <c r="D22807" s="6">
        <v>687.22339999999997</v>
      </c>
      <c r="E22807" s="6">
        <v>658.68290000000002</v>
      </c>
    </row>
    <row r="22808" spans="4:5" x14ac:dyDescent="0.25">
      <c r="D22808" s="6">
        <v>587.51859999999999</v>
      </c>
      <c r="E22808" s="6">
        <v>5193.018</v>
      </c>
    </row>
    <row r="22809" spans="4:5" x14ac:dyDescent="0.25">
      <c r="D22809" s="6">
        <v>694.55309999999997</v>
      </c>
      <c r="E22809" s="6">
        <v>730.0625</v>
      </c>
    </row>
    <row r="22810" spans="4:5" x14ac:dyDescent="0.25">
      <c r="D22810" s="6">
        <v>675.01589999999999</v>
      </c>
      <c r="E22810" s="6">
        <v>665.74030000000005</v>
      </c>
    </row>
    <row r="22811" spans="4:5" x14ac:dyDescent="0.25">
      <c r="D22811" s="6">
        <v>728.06960000000004</v>
      </c>
      <c r="E22811" s="6">
        <v>714.54190000000006</v>
      </c>
    </row>
    <row r="22812" spans="4:5" x14ac:dyDescent="0.25">
      <c r="D22812" s="6">
        <v>720.31399999999996</v>
      </c>
      <c r="E22812" s="6">
        <v>717.45519999999999</v>
      </c>
    </row>
    <row r="22813" spans="4:5" x14ac:dyDescent="0.25">
      <c r="D22813" s="6">
        <v>659.68610000000001</v>
      </c>
      <c r="E22813" s="6">
        <v>354.49239999999998</v>
      </c>
    </row>
    <row r="22814" spans="4:5" x14ac:dyDescent="0.25">
      <c r="D22814" s="6">
        <v>884.34680000000003</v>
      </c>
      <c r="E22814" s="6">
        <v>707.21050000000002</v>
      </c>
    </row>
    <row r="22815" spans="4:5" x14ac:dyDescent="0.25">
      <c r="D22815" s="6">
        <v>646.77110000000005</v>
      </c>
      <c r="E22815" s="6">
        <v>819.90120000000002</v>
      </c>
    </row>
    <row r="22816" spans="4:5" x14ac:dyDescent="0.25">
      <c r="D22816" s="6">
        <v>533.58799999999997</v>
      </c>
      <c r="E22816" s="6">
        <v>655.8673</v>
      </c>
    </row>
    <row r="22817" spans="4:5" x14ac:dyDescent="0.25">
      <c r="D22817" s="6">
        <v>718.84490000000005</v>
      </c>
      <c r="E22817" s="6">
        <v>454.44299999999998</v>
      </c>
    </row>
    <row r="22818" spans="4:5" x14ac:dyDescent="0.25">
      <c r="D22818" s="6">
        <v>773.80380000000002</v>
      </c>
      <c r="E22818" s="6">
        <v>860.05520000000001</v>
      </c>
    </row>
    <row r="22819" spans="4:5" x14ac:dyDescent="0.25">
      <c r="D22819" s="6">
        <v>824.78359999999998</v>
      </c>
      <c r="E22819" s="6">
        <v>752.23620000000005</v>
      </c>
    </row>
    <row r="22820" spans="4:5" x14ac:dyDescent="0.25">
      <c r="D22820" s="6">
        <v>696.35069999999996</v>
      </c>
      <c r="E22820" s="6">
        <v>683.04930000000002</v>
      </c>
    </row>
    <row r="22821" spans="4:5" x14ac:dyDescent="0.25">
      <c r="D22821" s="6">
        <v>495.5849</v>
      </c>
      <c r="E22821" s="6">
        <v>1356.874</v>
      </c>
    </row>
    <row r="22822" spans="4:5" x14ac:dyDescent="0.25">
      <c r="D22822" s="6">
        <v>835.35469999999998</v>
      </c>
      <c r="E22822" s="6">
        <v>4961.6790000000001</v>
      </c>
    </row>
    <row r="22823" spans="4:5" x14ac:dyDescent="0.25">
      <c r="D22823" s="6">
        <v>671.71749999999997</v>
      </c>
      <c r="E22823" s="6">
        <v>1095.3530000000001</v>
      </c>
    </row>
    <row r="22824" spans="4:5" x14ac:dyDescent="0.25">
      <c r="D22824" s="6">
        <v>543.80219999999997</v>
      </c>
      <c r="E22824" s="6">
        <v>786.30150000000003</v>
      </c>
    </row>
    <row r="22825" spans="4:5" x14ac:dyDescent="0.25">
      <c r="D22825" s="6">
        <v>625.16110000000003</v>
      </c>
      <c r="E22825" s="6">
        <v>1058.0630000000001</v>
      </c>
    </row>
    <row r="22826" spans="4:5" x14ac:dyDescent="0.25">
      <c r="D22826" s="6">
        <v>678.11500000000001</v>
      </c>
      <c r="E22826" s="6">
        <v>722.61829999999998</v>
      </c>
    </row>
    <row r="22827" spans="4:5" x14ac:dyDescent="0.25">
      <c r="D22827" s="6">
        <v>788.6748</v>
      </c>
      <c r="E22827" s="6">
        <v>3013.777</v>
      </c>
    </row>
    <row r="22828" spans="4:5" x14ac:dyDescent="0.25">
      <c r="D22828" s="6">
        <v>655.80420000000004</v>
      </c>
      <c r="E22828" s="6">
        <v>669.01580000000001</v>
      </c>
    </row>
    <row r="22829" spans="4:5" x14ac:dyDescent="0.25">
      <c r="D22829" s="6">
        <v>625.53030000000001</v>
      </c>
      <c r="E22829" s="6">
        <v>6127.3040000000001</v>
      </c>
    </row>
    <row r="22830" spans="4:5" x14ac:dyDescent="0.25">
      <c r="D22830" s="6">
        <v>1162.924</v>
      </c>
      <c r="E22830" s="6">
        <v>682.17139999999995</v>
      </c>
    </row>
    <row r="22831" spans="4:5" x14ac:dyDescent="0.25">
      <c r="D22831" s="6">
        <v>747.03409999999997</v>
      </c>
      <c r="E22831" s="6">
        <v>1946.375</v>
      </c>
    </row>
    <row r="22832" spans="4:5" x14ac:dyDescent="0.25">
      <c r="D22832" s="6">
        <v>673.42679999999996</v>
      </c>
      <c r="E22832" s="6">
        <v>807.53980000000001</v>
      </c>
    </row>
    <row r="22833" spans="4:5" x14ac:dyDescent="0.25">
      <c r="D22833" s="6">
        <v>2149</v>
      </c>
      <c r="E22833" s="6">
        <v>455.94569999999999</v>
      </c>
    </row>
    <row r="22834" spans="4:5" x14ac:dyDescent="0.25">
      <c r="D22834" s="6">
        <v>753.39599999999996</v>
      </c>
      <c r="E22834" s="6">
        <v>5188.42</v>
      </c>
    </row>
    <row r="22835" spans="4:5" x14ac:dyDescent="0.25">
      <c r="D22835" s="6">
        <v>657.60469999999998</v>
      </c>
      <c r="E22835" s="6">
        <v>820.34630000000004</v>
      </c>
    </row>
    <row r="22836" spans="4:5" x14ac:dyDescent="0.25">
      <c r="D22836" s="6">
        <v>505.2287</v>
      </c>
      <c r="E22836" s="6">
        <v>748.19880000000001</v>
      </c>
    </row>
    <row r="22837" spans="4:5" x14ac:dyDescent="0.25">
      <c r="D22837" s="6">
        <v>7462.8739999999998</v>
      </c>
      <c r="E22837" s="6">
        <v>931.15110000000004</v>
      </c>
    </row>
    <row r="22838" spans="4:5" x14ac:dyDescent="0.25">
      <c r="D22838" s="6">
        <v>1100.328</v>
      </c>
      <c r="E22838" s="6">
        <v>2529.145</v>
      </c>
    </row>
    <row r="22839" spans="4:5" x14ac:dyDescent="0.25">
      <c r="D22839" s="6">
        <v>4024.3339999999998</v>
      </c>
      <c r="E22839" s="6">
        <v>736.43640000000005</v>
      </c>
    </row>
    <row r="22840" spans="4:5" x14ac:dyDescent="0.25">
      <c r="D22840" s="6">
        <v>2011.31</v>
      </c>
      <c r="E22840" s="6">
        <v>770.17920000000004</v>
      </c>
    </row>
    <row r="22841" spans="4:5" x14ac:dyDescent="0.25">
      <c r="D22841" s="6">
        <v>718.73620000000005</v>
      </c>
      <c r="E22841" s="6">
        <v>1382.1990000000001</v>
      </c>
    </row>
    <row r="22842" spans="4:5" x14ac:dyDescent="0.25">
      <c r="D22842" s="6">
        <v>601.05050000000006</v>
      </c>
      <c r="E22842" s="6">
        <v>633.31550000000004</v>
      </c>
    </row>
    <row r="22843" spans="4:5" x14ac:dyDescent="0.25">
      <c r="D22843" s="6">
        <v>815.79190000000006</v>
      </c>
      <c r="E22843" s="6">
        <v>829.95780000000002</v>
      </c>
    </row>
    <row r="22844" spans="4:5" x14ac:dyDescent="0.25">
      <c r="D22844" s="6">
        <v>1147.473</v>
      </c>
      <c r="E22844" s="6">
        <v>606.73760000000004</v>
      </c>
    </row>
    <row r="22845" spans="4:5" x14ac:dyDescent="0.25">
      <c r="D22845" s="6">
        <v>699.62810000000002</v>
      </c>
      <c r="E22845" s="6">
        <v>758.55150000000003</v>
      </c>
    </row>
    <row r="22846" spans="4:5" x14ac:dyDescent="0.25">
      <c r="D22846" s="6">
        <v>644.08190000000002</v>
      </c>
      <c r="E22846" s="6">
        <v>1631.308</v>
      </c>
    </row>
    <row r="22847" spans="4:5" x14ac:dyDescent="0.25">
      <c r="D22847" s="6">
        <v>738.84939999999995</v>
      </c>
      <c r="E22847" s="6">
        <v>1769.59</v>
      </c>
    </row>
    <row r="22848" spans="4:5" x14ac:dyDescent="0.25">
      <c r="D22848" s="6">
        <v>1009.787</v>
      </c>
      <c r="E22848" s="6">
        <v>661.81809999999996</v>
      </c>
    </row>
    <row r="22849" spans="4:5" x14ac:dyDescent="0.25">
      <c r="D22849" s="6">
        <v>806.89689999999996</v>
      </c>
      <c r="E22849" s="6">
        <v>657.16489999999999</v>
      </c>
    </row>
    <row r="22850" spans="4:5" x14ac:dyDescent="0.25">
      <c r="D22850" s="6">
        <v>594.16279999999995</v>
      </c>
      <c r="E22850" s="6">
        <v>648.07920000000001</v>
      </c>
    </row>
    <row r="22851" spans="4:5" x14ac:dyDescent="0.25">
      <c r="D22851" s="6">
        <v>815.95330000000001</v>
      </c>
      <c r="E22851" s="6">
        <v>4162.4870000000001</v>
      </c>
    </row>
    <row r="22852" spans="4:5" x14ac:dyDescent="0.25">
      <c r="D22852" s="6">
        <v>652.94060000000002</v>
      </c>
      <c r="E22852" s="6">
        <v>507.64359999999999</v>
      </c>
    </row>
    <row r="22853" spans="4:5" x14ac:dyDescent="0.25">
      <c r="D22853" s="6">
        <v>881.88459999999998</v>
      </c>
      <c r="E22853" s="6">
        <v>6253.951</v>
      </c>
    </row>
    <row r="22854" spans="4:5" x14ac:dyDescent="0.25">
      <c r="D22854" s="6">
        <v>644.08489999999995</v>
      </c>
      <c r="E22854" s="6">
        <v>697.22469999999998</v>
      </c>
    </row>
    <row r="22855" spans="4:5" x14ac:dyDescent="0.25">
      <c r="D22855" s="6">
        <v>1185.03</v>
      </c>
      <c r="E22855" s="6">
        <v>700.01350000000002</v>
      </c>
    </row>
    <row r="22856" spans="4:5" x14ac:dyDescent="0.25">
      <c r="D22856" s="6">
        <v>608.16690000000006</v>
      </c>
      <c r="E22856" s="6">
        <v>872.86869999999999</v>
      </c>
    </row>
    <row r="22857" spans="4:5" x14ac:dyDescent="0.25">
      <c r="D22857" s="6">
        <v>5714.9070000000002</v>
      </c>
      <c r="E22857" s="6">
        <v>692.95889999999997</v>
      </c>
    </row>
    <row r="22858" spans="4:5" x14ac:dyDescent="0.25">
      <c r="D22858" s="6">
        <v>709.10789999999997</v>
      </c>
      <c r="E22858" s="6">
        <v>418.02789999999999</v>
      </c>
    </row>
    <row r="22859" spans="4:5" x14ac:dyDescent="0.25">
      <c r="D22859" s="6">
        <v>697.22820000000002</v>
      </c>
      <c r="E22859" s="6">
        <v>524.96559999999999</v>
      </c>
    </row>
    <row r="22860" spans="4:5" x14ac:dyDescent="0.25">
      <c r="D22860" s="6">
        <v>695.02880000000005</v>
      </c>
      <c r="E22860" s="6">
        <v>665.75879999999995</v>
      </c>
    </row>
    <row r="22861" spans="4:5" x14ac:dyDescent="0.25">
      <c r="D22861" s="6">
        <v>696.5009</v>
      </c>
      <c r="E22861" s="6">
        <v>795.49760000000003</v>
      </c>
    </row>
    <row r="22862" spans="4:5" x14ac:dyDescent="0.25">
      <c r="D22862" s="6">
        <v>667.59990000000005</v>
      </c>
      <c r="E22862" s="6">
        <v>723.19299999999998</v>
      </c>
    </row>
    <row r="22863" spans="4:5" x14ac:dyDescent="0.25">
      <c r="D22863" s="6">
        <v>845.06650000000002</v>
      </c>
      <c r="E22863" s="6">
        <v>852.36189999999999</v>
      </c>
    </row>
    <row r="22864" spans="4:5" x14ac:dyDescent="0.25">
      <c r="D22864" s="6">
        <v>1762.778</v>
      </c>
      <c r="E22864" s="6">
        <v>593.22550000000001</v>
      </c>
    </row>
    <row r="22865" spans="4:5" x14ac:dyDescent="0.25">
      <c r="D22865" s="6">
        <v>676.91269999999997</v>
      </c>
      <c r="E22865" s="6">
        <v>638.7088</v>
      </c>
    </row>
    <row r="22866" spans="4:5" x14ac:dyDescent="0.25">
      <c r="D22866" s="6">
        <v>576.57439999999997</v>
      </c>
      <c r="E22866" s="6">
        <v>672.98800000000006</v>
      </c>
    </row>
    <row r="22867" spans="4:5" x14ac:dyDescent="0.25">
      <c r="D22867" s="6">
        <v>641.2867</v>
      </c>
      <c r="E22867" s="6">
        <v>784.61509999999998</v>
      </c>
    </row>
    <row r="22868" spans="4:5" x14ac:dyDescent="0.25">
      <c r="D22868" s="6">
        <v>722.59130000000005</v>
      </c>
      <c r="E22868" s="6">
        <v>758.91250000000002</v>
      </c>
    </row>
    <row r="22869" spans="4:5" x14ac:dyDescent="0.25">
      <c r="D22869" s="6">
        <v>715.86490000000003</v>
      </c>
      <c r="E22869" s="6">
        <v>852.9348</v>
      </c>
    </row>
    <row r="22870" spans="4:5" x14ac:dyDescent="0.25">
      <c r="D22870" s="6">
        <v>667.29629999999997</v>
      </c>
      <c r="E22870" s="6">
        <v>5829.1729999999998</v>
      </c>
    </row>
    <row r="22871" spans="4:5" x14ac:dyDescent="0.25">
      <c r="D22871" s="6">
        <v>586.24639999999999</v>
      </c>
      <c r="E22871" s="6">
        <v>565.02170000000001</v>
      </c>
    </row>
    <row r="22872" spans="4:5" x14ac:dyDescent="0.25">
      <c r="D22872" s="6">
        <v>562.82489999999996</v>
      </c>
      <c r="E22872" s="6">
        <v>541.58820000000003</v>
      </c>
    </row>
    <row r="22873" spans="4:5" x14ac:dyDescent="0.25">
      <c r="D22873" s="6">
        <v>835.02080000000001</v>
      </c>
      <c r="E22873" s="6">
        <v>798.78380000000004</v>
      </c>
    </row>
    <row r="22874" spans="4:5" x14ac:dyDescent="0.25">
      <c r="D22874" s="6">
        <v>706.68169999999998</v>
      </c>
      <c r="E22874" s="6">
        <v>6137.1419999999998</v>
      </c>
    </row>
    <row r="22875" spans="4:5" x14ac:dyDescent="0.25">
      <c r="D22875" s="6">
        <v>661.26689999999996</v>
      </c>
      <c r="E22875" s="6">
        <v>1245.4960000000001</v>
      </c>
    </row>
    <row r="22876" spans="4:5" x14ac:dyDescent="0.25">
      <c r="D22876" s="6">
        <v>1135.1279999999999</v>
      </c>
      <c r="E22876" s="6">
        <v>513.28989999999999</v>
      </c>
    </row>
    <row r="22877" spans="4:5" x14ac:dyDescent="0.25">
      <c r="D22877" s="6">
        <v>685.84820000000002</v>
      </c>
      <c r="E22877" s="6">
        <v>426.28769999999997</v>
      </c>
    </row>
    <row r="22878" spans="4:5" x14ac:dyDescent="0.25">
      <c r="D22878" s="6">
        <v>490.6</v>
      </c>
      <c r="E22878" s="6">
        <v>4358.9049999999997</v>
      </c>
    </row>
    <row r="22879" spans="4:5" x14ac:dyDescent="0.25">
      <c r="D22879" s="6">
        <v>691.13480000000004</v>
      </c>
      <c r="E22879" s="6">
        <v>449.65219999999999</v>
      </c>
    </row>
    <row r="22880" spans="4:5" x14ac:dyDescent="0.25">
      <c r="D22880" s="6">
        <v>627.67219999999998</v>
      </c>
      <c r="E22880" s="6">
        <v>778.57569999999998</v>
      </c>
    </row>
    <row r="22881" spans="4:5" x14ac:dyDescent="0.25">
      <c r="D22881" s="6">
        <v>755.75580000000002</v>
      </c>
      <c r="E22881" s="6">
        <v>922.18169999999998</v>
      </c>
    </row>
    <row r="22882" spans="4:5" x14ac:dyDescent="0.25">
      <c r="D22882" s="6">
        <v>661.20180000000005</v>
      </c>
      <c r="E22882" s="6">
        <v>608.60299999999995</v>
      </c>
    </row>
    <row r="22883" spans="4:5" x14ac:dyDescent="0.25">
      <c r="D22883" s="6">
        <v>730.28819999999996</v>
      </c>
      <c r="E22883" s="6">
        <v>696.85969999999998</v>
      </c>
    </row>
    <row r="22884" spans="4:5" x14ac:dyDescent="0.25">
      <c r="D22884" s="6">
        <v>687.26210000000003</v>
      </c>
      <c r="E22884" s="6">
        <v>1254.2639999999999</v>
      </c>
    </row>
    <row r="22885" spans="4:5" x14ac:dyDescent="0.25">
      <c r="D22885" s="6">
        <v>578.19709999999998</v>
      </c>
      <c r="E22885" s="6">
        <v>673.12869999999998</v>
      </c>
    </row>
    <row r="22886" spans="4:5" x14ac:dyDescent="0.25">
      <c r="D22886" s="6">
        <v>795.37649999999996</v>
      </c>
      <c r="E22886" s="6">
        <v>718.18539999999996</v>
      </c>
    </row>
    <row r="22887" spans="4:5" x14ac:dyDescent="0.25">
      <c r="D22887" s="6">
        <v>1078.2670000000001</v>
      </c>
      <c r="E22887" s="6">
        <v>4651.7870000000003</v>
      </c>
    </row>
    <row r="22888" spans="4:5" x14ac:dyDescent="0.25">
      <c r="D22888" s="6">
        <v>2125.7269999999999</v>
      </c>
      <c r="E22888" s="6">
        <v>4687</v>
      </c>
    </row>
    <row r="22889" spans="4:5" x14ac:dyDescent="0.25">
      <c r="D22889" s="6">
        <v>701.15049999999997</v>
      </c>
      <c r="E22889" s="6">
        <v>960.19209999999998</v>
      </c>
    </row>
    <row r="22890" spans="4:5" x14ac:dyDescent="0.25">
      <c r="D22890" s="6">
        <v>816.46140000000003</v>
      </c>
      <c r="E22890" s="6">
        <v>1325</v>
      </c>
    </row>
    <row r="22891" spans="4:5" x14ac:dyDescent="0.25">
      <c r="D22891" s="6">
        <v>738.0213</v>
      </c>
      <c r="E22891" s="6">
        <v>3438.2530000000002</v>
      </c>
    </row>
    <row r="22892" spans="4:5" x14ac:dyDescent="0.25">
      <c r="D22892" s="6">
        <v>616.92539999999997</v>
      </c>
      <c r="E22892" s="6">
        <v>613.75030000000004</v>
      </c>
    </row>
    <row r="22893" spans="4:5" x14ac:dyDescent="0.25">
      <c r="D22893" s="6">
        <v>701.11689999999999</v>
      </c>
      <c r="E22893" s="6">
        <v>586.22680000000003</v>
      </c>
    </row>
    <row r="22894" spans="4:5" x14ac:dyDescent="0.25">
      <c r="D22894" s="6">
        <v>550.45489999999995</v>
      </c>
      <c r="E22894" s="6">
        <v>756.51350000000002</v>
      </c>
    </row>
    <row r="22895" spans="4:5" x14ac:dyDescent="0.25">
      <c r="D22895" s="6">
        <v>548.06539999999995</v>
      </c>
      <c r="E22895" s="6">
        <v>1129.962</v>
      </c>
    </row>
    <row r="22896" spans="4:5" x14ac:dyDescent="0.25">
      <c r="D22896" s="6">
        <v>1020.771</v>
      </c>
      <c r="E22896" s="6">
        <v>538.54219999999998</v>
      </c>
    </row>
    <row r="22897" spans="4:5" x14ac:dyDescent="0.25">
      <c r="D22897" s="6">
        <v>585.81179999999995</v>
      </c>
      <c r="E22897" s="6">
        <v>643.42759999999998</v>
      </c>
    </row>
    <row r="22898" spans="4:5" x14ac:dyDescent="0.25">
      <c r="D22898" s="6">
        <v>6387.6670000000004</v>
      </c>
      <c r="E22898" s="6">
        <v>1653.617</v>
      </c>
    </row>
    <row r="22899" spans="4:5" x14ac:dyDescent="0.25">
      <c r="D22899" s="6">
        <v>997.64869999999996</v>
      </c>
      <c r="E22899" s="6">
        <v>523.4941</v>
      </c>
    </row>
    <row r="22900" spans="4:5" x14ac:dyDescent="0.25">
      <c r="D22900" s="6">
        <v>695.56330000000003</v>
      </c>
      <c r="E22900" s="6">
        <v>5215.6779999999999</v>
      </c>
    </row>
    <row r="22901" spans="4:5" x14ac:dyDescent="0.25">
      <c r="D22901" s="6">
        <v>592.48180000000002</v>
      </c>
      <c r="E22901" s="6">
        <v>626.01250000000005</v>
      </c>
    </row>
    <row r="22902" spans="4:5" x14ac:dyDescent="0.25">
      <c r="D22902" s="6">
        <v>615.72080000000005</v>
      </c>
      <c r="E22902" s="6">
        <v>5978.7259999999997</v>
      </c>
    </row>
    <row r="22903" spans="4:5" x14ac:dyDescent="0.25">
      <c r="D22903" s="6">
        <v>768.13160000000005</v>
      </c>
      <c r="E22903" s="6">
        <v>7462.9759999999997</v>
      </c>
    </row>
    <row r="22904" spans="4:5" x14ac:dyDescent="0.25">
      <c r="D22904" s="6">
        <v>807.60929999999996</v>
      </c>
      <c r="E22904" s="6">
        <v>920.6241</v>
      </c>
    </row>
    <row r="22905" spans="4:5" x14ac:dyDescent="0.25">
      <c r="D22905" s="6">
        <v>1491.35</v>
      </c>
      <c r="E22905" s="6">
        <v>733.17539999999997</v>
      </c>
    </row>
    <row r="22906" spans="4:5" x14ac:dyDescent="0.25">
      <c r="D22906" s="6">
        <v>584.9588</v>
      </c>
      <c r="E22906" s="6">
        <v>879.16099999999994</v>
      </c>
    </row>
    <row r="22907" spans="4:5" x14ac:dyDescent="0.25">
      <c r="D22907" s="6">
        <v>664.60580000000004</v>
      </c>
      <c r="E22907" s="6">
        <v>1634.5139999999999</v>
      </c>
    </row>
    <row r="22908" spans="4:5" x14ac:dyDescent="0.25">
      <c r="D22908" s="6">
        <v>614.49699999999996</v>
      </c>
      <c r="E22908" s="6">
        <v>384.48509999999999</v>
      </c>
    </row>
    <row r="22909" spans="4:5" x14ac:dyDescent="0.25">
      <c r="D22909" s="6">
        <v>674.09119999999996</v>
      </c>
      <c r="E22909" s="6">
        <v>746.69200000000001</v>
      </c>
    </row>
    <row r="22910" spans="4:5" x14ac:dyDescent="0.25">
      <c r="D22910" s="6">
        <v>711.35640000000001</v>
      </c>
      <c r="E22910" s="6">
        <v>826.65210000000002</v>
      </c>
    </row>
    <row r="22911" spans="4:5" x14ac:dyDescent="0.25">
      <c r="D22911" s="6">
        <v>675.78819999999996</v>
      </c>
      <c r="E22911" s="6">
        <v>4491.05</v>
      </c>
    </row>
    <row r="22912" spans="4:5" x14ac:dyDescent="0.25">
      <c r="D22912" s="6">
        <v>5902.5559999999996</v>
      </c>
      <c r="E22912" s="6">
        <v>658.23299999999995</v>
      </c>
    </row>
    <row r="22913" spans="4:5" x14ac:dyDescent="0.25">
      <c r="D22913" s="6">
        <v>6004.9960000000001</v>
      </c>
      <c r="E22913" s="6">
        <v>784.24180000000001</v>
      </c>
    </row>
    <row r="22914" spans="4:5" x14ac:dyDescent="0.25">
      <c r="D22914" s="6">
        <v>3109.8139999999999</v>
      </c>
      <c r="E22914" s="6">
        <v>7244.6409999999996</v>
      </c>
    </row>
    <row r="22915" spans="4:5" x14ac:dyDescent="0.25">
      <c r="D22915" s="6">
        <v>741.93309999999997</v>
      </c>
      <c r="E22915" s="6">
        <v>1669.998</v>
      </c>
    </row>
    <row r="22916" spans="4:5" x14ac:dyDescent="0.25">
      <c r="D22916" s="6">
        <v>565.9547</v>
      </c>
      <c r="E22916" s="6">
        <v>1131.913</v>
      </c>
    </row>
    <row r="22917" spans="4:5" x14ac:dyDescent="0.25">
      <c r="D22917" s="6">
        <v>543.02909999999997</v>
      </c>
      <c r="E22917" s="6">
        <v>558.98329999999999</v>
      </c>
    </row>
    <row r="22918" spans="4:5" x14ac:dyDescent="0.25">
      <c r="D22918" s="6">
        <v>649.06600000000003</v>
      </c>
      <c r="E22918" s="6">
        <v>663.48490000000004</v>
      </c>
    </row>
    <row r="22919" spans="4:5" x14ac:dyDescent="0.25">
      <c r="D22919" s="6">
        <v>1283.009</v>
      </c>
      <c r="E22919" s="6">
        <v>651.47239999999999</v>
      </c>
    </row>
    <row r="22920" spans="4:5" x14ac:dyDescent="0.25">
      <c r="D22920" s="6">
        <v>11661.27</v>
      </c>
      <c r="E22920" s="6">
        <v>732.12649999999996</v>
      </c>
    </row>
    <row r="22921" spans="4:5" x14ac:dyDescent="0.25">
      <c r="D22921" s="6">
        <v>641.6</v>
      </c>
      <c r="E22921" s="6">
        <v>3010</v>
      </c>
    </row>
    <row r="22922" spans="4:5" x14ac:dyDescent="0.25">
      <c r="D22922" s="6">
        <v>639.91989999999998</v>
      </c>
      <c r="E22922" s="6">
        <v>1622.796</v>
      </c>
    </row>
    <row r="22923" spans="4:5" x14ac:dyDescent="0.25">
      <c r="D22923" s="6">
        <v>670.92899999999997</v>
      </c>
      <c r="E22923" s="6">
        <v>658.95410000000004</v>
      </c>
    </row>
    <row r="22924" spans="4:5" x14ac:dyDescent="0.25">
      <c r="D22924" s="6">
        <v>7491.4719999999998</v>
      </c>
      <c r="E22924" s="6">
        <v>4135.2020000000002</v>
      </c>
    </row>
    <row r="22925" spans="4:5" x14ac:dyDescent="0.25">
      <c r="D22925" s="6">
        <v>1788.0360000000001</v>
      </c>
      <c r="E22925" s="6">
        <v>9459.4860000000008</v>
      </c>
    </row>
    <row r="22926" spans="4:5" x14ac:dyDescent="0.25">
      <c r="D22926" s="6">
        <v>629.66120000000001</v>
      </c>
      <c r="E22926" s="6">
        <v>764.67700000000002</v>
      </c>
    </row>
    <row r="22927" spans="4:5" x14ac:dyDescent="0.25">
      <c r="D22927" s="6">
        <v>582.92830000000004</v>
      </c>
      <c r="E22927" s="6">
        <v>976.51580000000001</v>
      </c>
    </row>
    <row r="22928" spans="4:5" x14ac:dyDescent="0.25">
      <c r="D22928" s="6">
        <v>903.67729999999995</v>
      </c>
      <c r="E22928" s="6">
        <v>732.21109999999999</v>
      </c>
    </row>
    <row r="22929" spans="4:5" x14ac:dyDescent="0.25">
      <c r="D22929" s="6">
        <v>711.88419999999996</v>
      </c>
      <c r="E22929" s="6">
        <v>723.38260000000002</v>
      </c>
    </row>
    <row r="22930" spans="4:5" x14ac:dyDescent="0.25">
      <c r="D22930" s="6">
        <v>692.2414</v>
      </c>
      <c r="E22930" s="6">
        <v>705.47720000000004</v>
      </c>
    </row>
    <row r="22931" spans="4:5" x14ac:dyDescent="0.25">
      <c r="D22931" s="6">
        <v>690.31100000000004</v>
      </c>
      <c r="E22931" s="6">
        <v>644.63840000000005</v>
      </c>
    </row>
    <row r="22932" spans="4:5" x14ac:dyDescent="0.25">
      <c r="D22932" s="6">
        <v>790.79309999999998</v>
      </c>
      <c r="E22932" s="6">
        <v>7942.41</v>
      </c>
    </row>
    <row r="22933" spans="4:5" x14ac:dyDescent="0.25">
      <c r="D22933" s="6">
        <v>928.00059999999996</v>
      </c>
      <c r="E22933" s="6">
        <v>7346.116</v>
      </c>
    </row>
    <row r="22934" spans="4:5" x14ac:dyDescent="0.25">
      <c r="D22934" s="6">
        <v>3003.0929999999998</v>
      </c>
      <c r="E22934" s="6">
        <v>658.75</v>
      </c>
    </row>
    <row r="22935" spans="4:5" x14ac:dyDescent="0.25">
      <c r="D22935" s="6">
        <v>745.28989999999999</v>
      </c>
      <c r="E22935" s="6">
        <v>749.20010000000002</v>
      </c>
    </row>
    <row r="22936" spans="4:5" x14ac:dyDescent="0.25">
      <c r="D22936" s="6">
        <v>584.91750000000002</v>
      </c>
      <c r="E22936" s="6">
        <v>7425.1279999999997</v>
      </c>
    </row>
    <row r="22937" spans="4:5" x14ac:dyDescent="0.25">
      <c r="D22937" s="6">
        <v>605.52020000000005</v>
      </c>
      <c r="E22937" s="6">
        <v>6702.8819999999996</v>
      </c>
    </row>
    <row r="22938" spans="4:5" x14ac:dyDescent="0.25">
      <c r="D22938" s="6">
        <v>1086.934</v>
      </c>
      <c r="E22938" s="6">
        <v>766.21230000000003</v>
      </c>
    </row>
    <row r="22939" spans="4:5" x14ac:dyDescent="0.25">
      <c r="D22939" s="6">
        <v>731.18330000000003</v>
      </c>
      <c r="E22939" s="6">
        <v>658.27859999999998</v>
      </c>
    </row>
    <row r="22940" spans="4:5" x14ac:dyDescent="0.25">
      <c r="D22940" s="6">
        <v>599.32680000000005</v>
      </c>
      <c r="E22940" s="6">
        <v>6461.5870000000004</v>
      </c>
    </row>
    <row r="22941" spans="4:5" x14ac:dyDescent="0.25">
      <c r="D22941" s="6">
        <v>830.49490000000003</v>
      </c>
      <c r="E22941" s="6">
        <v>764.98059999999998</v>
      </c>
    </row>
    <row r="22942" spans="4:5" x14ac:dyDescent="0.25">
      <c r="D22942" s="6">
        <v>526.02660000000003</v>
      </c>
      <c r="E22942" s="6">
        <v>4063.2959999999998</v>
      </c>
    </row>
    <row r="22943" spans="4:5" x14ac:dyDescent="0.25">
      <c r="D22943" s="6">
        <v>1580</v>
      </c>
      <c r="E22943" s="6">
        <v>953.68389999999999</v>
      </c>
    </row>
    <row r="22944" spans="4:5" x14ac:dyDescent="0.25">
      <c r="D22944" s="6">
        <v>870.95540000000005</v>
      </c>
      <c r="E22944" s="6">
        <v>2188.154</v>
      </c>
    </row>
    <row r="22945" spans="4:5" x14ac:dyDescent="0.25">
      <c r="D22945" s="6">
        <v>708.43179999999995</v>
      </c>
      <c r="E22945" s="6">
        <v>570.07749999999999</v>
      </c>
    </row>
    <row r="22946" spans="4:5" x14ac:dyDescent="0.25">
      <c r="D22946" s="6">
        <v>1075.8810000000001</v>
      </c>
      <c r="E22946" s="6">
        <v>716.88679999999999</v>
      </c>
    </row>
    <row r="22947" spans="4:5" x14ac:dyDescent="0.25">
      <c r="D22947" s="6">
        <v>931.72069999999997</v>
      </c>
      <c r="E22947" s="6">
        <v>813.51580000000001</v>
      </c>
    </row>
    <row r="22948" spans="4:5" x14ac:dyDescent="0.25">
      <c r="D22948" s="6">
        <v>1607.875</v>
      </c>
      <c r="E22948" s="6">
        <v>602.51</v>
      </c>
    </row>
    <row r="22949" spans="4:5" x14ac:dyDescent="0.25">
      <c r="D22949" s="6">
        <v>887.04160000000002</v>
      </c>
      <c r="E22949" s="6">
        <v>686.28710000000001</v>
      </c>
    </row>
    <row r="22950" spans="4:5" x14ac:dyDescent="0.25">
      <c r="D22950" s="6">
        <v>659.76829999999995</v>
      </c>
      <c r="E22950" s="6">
        <v>730.55740000000003</v>
      </c>
    </row>
    <row r="22951" spans="4:5" x14ac:dyDescent="0.25">
      <c r="D22951" s="6">
        <v>2367</v>
      </c>
      <c r="E22951" s="6">
        <v>732.15539999999999</v>
      </c>
    </row>
    <row r="22952" spans="4:5" x14ac:dyDescent="0.25">
      <c r="D22952" s="6">
        <v>650.88149999999996</v>
      </c>
      <c r="E22952" s="6">
        <v>558.3374</v>
      </c>
    </row>
    <row r="22953" spans="4:5" x14ac:dyDescent="0.25">
      <c r="D22953" s="6">
        <v>785.16909999999996</v>
      </c>
      <c r="E22953" s="6">
        <v>9035.33</v>
      </c>
    </row>
    <row r="22954" spans="4:5" x14ac:dyDescent="0.25">
      <c r="D22954" s="6">
        <v>658.59220000000005</v>
      </c>
      <c r="E22954" s="6">
        <v>690.06579999999997</v>
      </c>
    </row>
    <row r="22955" spans="4:5" x14ac:dyDescent="0.25">
      <c r="D22955" s="6">
        <v>1088.076</v>
      </c>
      <c r="E22955" s="6">
        <v>648.55550000000005</v>
      </c>
    </row>
    <row r="22956" spans="4:5" x14ac:dyDescent="0.25">
      <c r="D22956" s="6">
        <v>651.91920000000005</v>
      </c>
      <c r="E22956" s="6">
        <v>6878.2060000000001</v>
      </c>
    </row>
    <row r="22957" spans="4:5" x14ac:dyDescent="0.25">
      <c r="D22957" s="6">
        <v>793.49130000000002</v>
      </c>
      <c r="E22957" s="6">
        <v>7152.6779999999999</v>
      </c>
    </row>
    <row r="22958" spans="4:5" x14ac:dyDescent="0.25">
      <c r="D22958" s="6">
        <v>1044.26</v>
      </c>
      <c r="E22958" s="6">
        <v>7807.2520000000004</v>
      </c>
    </row>
    <row r="22959" spans="4:5" x14ac:dyDescent="0.25">
      <c r="D22959" s="6">
        <v>637.87800000000004</v>
      </c>
      <c r="E22959" s="6">
        <v>946.24699999999996</v>
      </c>
    </row>
    <row r="22960" spans="4:5" x14ac:dyDescent="0.25">
      <c r="D22960" s="6">
        <v>780.16980000000001</v>
      </c>
      <c r="E22960" s="6">
        <v>741.85699999999997</v>
      </c>
    </row>
    <row r="22961" spans="4:5" x14ac:dyDescent="0.25">
      <c r="D22961" s="6">
        <v>556.33799999999997</v>
      </c>
      <c r="E22961" s="6">
        <v>2556.2840000000001</v>
      </c>
    </row>
    <row r="22962" spans="4:5" x14ac:dyDescent="0.25">
      <c r="D22962" s="6">
        <v>732.70119999999997</v>
      </c>
      <c r="E22962" s="6">
        <v>518.07960000000003</v>
      </c>
    </row>
    <row r="22963" spans="4:5" x14ac:dyDescent="0.25">
      <c r="D22963" s="6">
        <v>542.01710000000003</v>
      </c>
      <c r="E22963" s="6">
        <v>7361.36</v>
      </c>
    </row>
    <row r="22964" spans="4:5" x14ac:dyDescent="0.25">
      <c r="D22964" s="6">
        <v>581.12350000000004</v>
      </c>
      <c r="E22964" s="6">
        <v>629.23800000000006</v>
      </c>
    </row>
    <row r="22965" spans="4:5" x14ac:dyDescent="0.25">
      <c r="D22965" s="6">
        <v>543.30499999999995</v>
      </c>
      <c r="E22965" s="6">
        <v>627.51779999999997</v>
      </c>
    </row>
    <row r="22966" spans="4:5" x14ac:dyDescent="0.25">
      <c r="D22966" s="6">
        <v>952.13639999999998</v>
      </c>
      <c r="E22966" s="6">
        <v>8844.5</v>
      </c>
    </row>
    <row r="22967" spans="4:5" x14ac:dyDescent="0.25">
      <c r="D22967" s="6">
        <v>1186.5</v>
      </c>
      <c r="E22967" s="6">
        <v>5642.6419999999998</v>
      </c>
    </row>
    <row r="22968" spans="4:5" x14ac:dyDescent="0.25">
      <c r="D22968" s="6">
        <v>590.78579999999999</v>
      </c>
      <c r="E22968" s="6">
        <v>790.55769999999995</v>
      </c>
    </row>
    <row r="22969" spans="4:5" x14ac:dyDescent="0.25">
      <c r="D22969" s="6">
        <v>716.98839999999996</v>
      </c>
      <c r="E22969" s="6">
        <v>457.15190000000001</v>
      </c>
    </row>
    <row r="22970" spans="4:5" x14ac:dyDescent="0.25">
      <c r="D22970" s="6">
        <v>724.65369999999996</v>
      </c>
      <c r="E22970" s="6">
        <v>690.43960000000004</v>
      </c>
    </row>
    <row r="22971" spans="4:5" x14ac:dyDescent="0.25">
      <c r="D22971" s="6">
        <v>959.46069999999997</v>
      </c>
      <c r="E22971" s="6">
        <v>1277.6310000000001</v>
      </c>
    </row>
    <row r="22972" spans="4:5" x14ac:dyDescent="0.25">
      <c r="D22972" s="6">
        <v>792.16150000000005</v>
      </c>
      <c r="E22972" s="6">
        <v>2232.951</v>
      </c>
    </row>
    <row r="22973" spans="4:5" x14ac:dyDescent="0.25">
      <c r="D22973" s="6">
        <v>591.15210000000002</v>
      </c>
      <c r="E22973" s="6">
        <v>992.4511</v>
      </c>
    </row>
    <row r="22974" spans="4:5" x14ac:dyDescent="0.25">
      <c r="D22974" s="6">
        <v>775.78470000000004</v>
      </c>
      <c r="E22974" s="6">
        <v>884.22249999999997</v>
      </c>
    </row>
    <row r="22975" spans="4:5" x14ac:dyDescent="0.25">
      <c r="D22975" s="6">
        <v>588.0806</v>
      </c>
      <c r="E22975" s="6">
        <v>1267.5930000000001</v>
      </c>
    </row>
    <row r="22976" spans="4:5" x14ac:dyDescent="0.25">
      <c r="D22976" s="6">
        <v>641.33699999999999</v>
      </c>
      <c r="E22976" s="6">
        <v>760.7509</v>
      </c>
    </row>
    <row r="22977" spans="4:5" x14ac:dyDescent="0.25">
      <c r="D22977" s="6">
        <v>478.46769999999998</v>
      </c>
      <c r="E22977" s="6">
        <v>652.70450000000005</v>
      </c>
    </row>
    <row r="22978" spans="4:5" x14ac:dyDescent="0.25">
      <c r="D22978" s="6">
        <v>912.96289999999999</v>
      </c>
      <c r="E22978" s="6">
        <v>2972.9160000000002</v>
      </c>
    </row>
    <row r="22979" spans="4:5" x14ac:dyDescent="0.25">
      <c r="D22979" s="6">
        <v>788.17129999999997</v>
      </c>
      <c r="E22979" s="6">
        <v>723.69370000000004</v>
      </c>
    </row>
    <row r="22980" spans="4:5" x14ac:dyDescent="0.25">
      <c r="D22980" s="6">
        <v>650.40390000000002</v>
      </c>
      <c r="E22980" s="6">
        <v>3181.5189999999998</v>
      </c>
    </row>
    <row r="22981" spans="4:5" x14ac:dyDescent="0.25">
      <c r="D22981" s="6">
        <v>525.15009999999995</v>
      </c>
      <c r="E22981" s="6">
        <v>6762.3149999999996</v>
      </c>
    </row>
    <row r="22982" spans="4:5" x14ac:dyDescent="0.25">
      <c r="D22982" s="6">
        <v>742.33349999999996</v>
      </c>
      <c r="E22982" s="6">
        <v>7863.66</v>
      </c>
    </row>
    <row r="22983" spans="4:5" x14ac:dyDescent="0.25">
      <c r="D22983" s="6">
        <v>868.01610000000005</v>
      </c>
      <c r="E22983" s="6">
        <v>587.65639999999996</v>
      </c>
    </row>
    <row r="22984" spans="4:5" x14ac:dyDescent="0.25">
      <c r="D22984" s="6">
        <v>785.2559</v>
      </c>
      <c r="E22984" s="6">
        <v>7229.6719999999996</v>
      </c>
    </row>
    <row r="22985" spans="4:5" x14ac:dyDescent="0.25">
      <c r="D22985" s="6">
        <v>704.30409999999995</v>
      </c>
      <c r="E22985" s="6">
        <v>831.1277</v>
      </c>
    </row>
    <row r="22986" spans="4:5" x14ac:dyDescent="0.25">
      <c r="D22986" s="6">
        <v>551.06200000000001</v>
      </c>
      <c r="E22986" s="6">
        <v>6626.0870000000004</v>
      </c>
    </row>
    <row r="22987" spans="4:5" x14ac:dyDescent="0.25">
      <c r="D22987" s="6">
        <v>727.91849999999999</v>
      </c>
      <c r="E22987" s="6">
        <v>559.89300000000003</v>
      </c>
    </row>
    <row r="22988" spans="4:5" x14ac:dyDescent="0.25">
      <c r="D22988" s="6">
        <v>744.28769999999997</v>
      </c>
      <c r="E22988" s="6">
        <v>726.18579999999997</v>
      </c>
    </row>
    <row r="22989" spans="4:5" x14ac:dyDescent="0.25">
      <c r="D22989" s="6">
        <v>549.23810000000003</v>
      </c>
      <c r="E22989" s="6">
        <v>4121.3040000000001</v>
      </c>
    </row>
    <row r="22990" spans="4:5" x14ac:dyDescent="0.25">
      <c r="D22990" s="6">
        <v>478.6</v>
      </c>
      <c r="E22990" s="6">
        <v>1718</v>
      </c>
    </row>
    <row r="22991" spans="4:5" x14ac:dyDescent="0.25">
      <c r="D22991" s="6">
        <v>572.19939999999997</v>
      </c>
      <c r="E22991" s="6">
        <v>2059.663</v>
      </c>
    </row>
    <row r="22992" spans="4:5" x14ac:dyDescent="0.25">
      <c r="D22992" s="6">
        <v>1799.172</v>
      </c>
      <c r="E22992" s="6">
        <v>1508.0619999999999</v>
      </c>
    </row>
    <row r="22993" spans="4:5" x14ac:dyDescent="0.25">
      <c r="D22993" s="6">
        <v>559.46379999999999</v>
      </c>
      <c r="E22993" s="6">
        <v>606.56859999999995</v>
      </c>
    </row>
    <row r="22994" spans="4:5" x14ac:dyDescent="0.25">
      <c r="D22994" s="6">
        <v>1564.316</v>
      </c>
      <c r="E22994" s="6">
        <v>8207.0139999999992</v>
      </c>
    </row>
    <row r="22995" spans="4:5" x14ac:dyDescent="0.25">
      <c r="D22995" s="6">
        <v>534.65260000000001</v>
      </c>
      <c r="E22995" s="6">
        <v>723.89170000000001</v>
      </c>
    </row>
    <row r="22996" spans="4:5" x14ac:dyDescent="0.25">
      <c r="D22996" s="6">
        <v>594.17499999999995</v>
      </c>
      <c r="E22996" s="6">
        <v>6435.7370000000001</v>
      </c>
    </row>
    <row r="22997" spans="4:5" x14ac:dyDescent="0.25">
      <c r="D22997" s="6">
        <v>625.02629999999999</v>
      </c>
      <c r="E22997" s="6">
        <v>1010.03</v>
      </c>
    </row>
    <row r="22998" spans="4:5" x14ac:dyDescent="0.25">
      <c r="D22998" s="6">
        <v>647.78890000000001</v>
      </c>
      <c r="E22998" s="6">
        <v>760.84879999999998</v>
      </c>
    </row>
    <row r="22999" spans="4:5" x14ac:dyDescent="0.25">
      <c r="D22999" s="6">
        <v>680.38459999999998</v>
      </c>
      <c r="E22999" s="6">
        <v>761.58019999999999</v>
      </c>
    </row>
    <row r="23000" spans="4:5" x14ac:dyDescent="0.25">
      <c r="D23000" s="6">
        <v>709.42070000000001</v>
      </c>
      <c r="E23000" s="6">
        <v>5063.84</v>
      </c>
    </row>
    <row r="23001" spans="4:5" x14ac:dyDescent="0.25">
      <c r="D23001" s="6">
        <v>645.35810000000004</v>
      </c>
      <c r="E23001" s="6">
        <v>588.08849999999995</v>
      </c>
    </row>
    <row r="23002" spans="4:5" x14ac:dyDescent="0.25">
      <c r="D23002" s="6">
        <v>520.90869999999995</v>
      </c>
      <c r="E23002" s="6">
        <v>908.125</v>
      </c>
    </row>
    <row r="23003" spans="4:5" x14ac:dyDescent="0.25">
      <c r="D23003" s="6">
        <v>605.98310000000004</v>
      </c>
      <c r="E23003" s="6">
        <v>645.04359999999997</v>
      </c>
    </row>
    <row r="23004" spans="4:5" x14ac:dyDescent="0.25">
      <c r="D23004" s="6">
        <v>754.07780000000002</v>
      </c>
      <c r="E23004" s="6">
        <v>4475.3440000000001</v>
      </c>
    </row>
    <row r="23005" spans="4:5" x14ac:dyDescent="0.25">
      <c r="D23005" s="6">
        <v>991.03650000000005</v>
      </c>
      <c r="E23005" s="6">
        <v>653.54989999999998</v>
      </c>
    </row>
    <row r="23006" spans="4:5" x14ac:dyDescent="0.25">
      <c r="D23006" s="6">
        <v>520.3732</v>
      </c>
      <c r="E23006" s="6">
        <v>950.77520000000004</v>
      </c>
    </row>
    <row r="23007" spans="4:5" x14ac:dyDescent="0.25">
      <c r="D23007" s="6">
        <v>988.93510000000003</v>
      </c>
      <c r="E23007" s="6">
        <v>3143.982</v>
      </c>
    </row>
    <row r="23008" spans="4:5" x14ac:dyDescent="0.25">
      <c r="D23008" s="6">
        <v>654.66210000000001</v>
      </c>
      <c r="E23008" s="6">
        <v>666.53330000000005</v>
      </c>
    </row>
    <row r="23009" spans="4:5" x14ac:dyDescent="0.25">
      <c r="D23009" s="6">
        <v>604.9289</v>
      </c>
      <c r="E23009" s="6">
        <v>6537.9030000000002</v>
      </c>
    </row>
    <row r="23010" spans="4:5" x14ac:dyDescent="0.25">
      <c r="D23010" s="6">
        <v>622.35119999999995</v>
      </c>
      <c r="E23010" s="6">
        <v>875.62139999999999</v>
      </c>
    </row>
    <row r="23011" spans="4:5" x14ac:dyDescent="0.25">
      <c r="D23011" s="6">
        <v>615.40779999999995</v>
      </c>
      <c r="E23011" s="6">
        <v>693.09460000000001</v>
      </c>
    </row>
    <row r="23012" spans="4:5" x14ac:dyDescent="0.25">
      <c r="D23012" s="6">
        <v>516.76620000000003</v>
      </c>
      <c r="E23012" s="6">
        <v>587.4375</v>
      </c>
    </row>
    <row r="23013" spans="4:5" x14ac:dyDescent="0.25">
      <c r="D23013" s="6">
        <v>476.53469999999999</v>
      </c>
      <c r="E23013" s="6">
        <v>436.28579999999999</v>
      </c>
    </row>
    <row r="23014" spans="4:5" x14ac:dyDescent="0.25">
      <c r="D23014" s="6">
        <v>642.20659999999998</v>
      </c>
      <c r="E23014" s="6">
        <v>2389</v>
      </c>
    </row>
    <row r="23015" spans="4:5" x14ac:dyDescent="0.25">
      <c r="D23015" s="6">
        <v>829.82629999999995</v>
      </c>
      <c r="E23015" s="6">
        <v>698.82090000000005</v>
      </c>
    </row>
    <row r="23016" spans="4:5" x14ac:dyDescent="0.25">
      <c r="D23016" s="6">
        <v>710.75070000000005</v>
      </c>
      <c r="E23016" s="6">
        <v>8273.0910000000003</v>
      </c>
    </row>
    <row r="23017" spans="4:5" x14ac:dyDescent="0.25">
      <c r="D23017" s="6">
        <v>588.64469999999994</v>
      </c>
      <c r="E23017" s="6">
        <v>909.05880000000002</v>
      </c>
    </row>
    <row r="23018" spans="4:5" x14ac:dyDescent="0.25">
      <c r="D23018" s="6">
        <v>585.14509999999996</v>
      </c>
      <c r="E23018" s="6">
        <v>1287.492</v>
      </c>
    </row>
    <row r="23019" spans="4:5" x14ac:dyDescent="0.25">
      <c r="D23019" s="6">
        <v>594.61689999999999</v>
      </c>
      <c r="E23019" s="6">
        <v>969.29899999999998</v>
      </c>
    </row>
    <row r="23020" spans="4:5" x14ac:dyDescent="0.25">
      <c r="D23020" s="6">
        <v>643.20889999999997</v>
      </c>
      <c r="E23020" s="6">
        <v>528.01030000000003</v>
      </c>
    </row>
    <row r="23021" spans="4:5" x14ac:dyDescent="0.25">
      <c r="D23021" s="6">
        <v>681.35659999999996</v>
      </c>
      <c r="E23021" s="6">
        <v>914.79539999999997</v>
      </c>
    </row>
    <row r="23022" spans="4:5" x14ac:dyDescent="0.25">
      <c r="D23022" s="6">
        <v>912.13369999999998</v>
      </c>
      <c r="E23022" s="6">
        <v>732</v>
      </c>
    </row>
    <row r="23023" spans="4:5" x14ac:dyDescent="0.25">
      <c r="D23023" s="6">
        <v>570.09879999999998</v>
      </c>
      <c r="E23023" s="6">
        <v>766.62350000000004</v>
      </c>
    </row>
    <row r="23024" spans="4:5" x14ac:dyDescent="0.25">
      <c r="D23024" s="6">
        <v>649.97889999999995</v>
      </c>
      <c r="E23024" s="6">
        <v>1222.5999999999999</v>
      </c>
    </row>
    <row r="23025" spans="4:5" x14ac:dyDescent="0.25">
      <c r="D23025" s="6">
        <v>843.18979999999999</v>
      </c>
      <c r="E23025" s="6">
        <v>621.66859999999997</v>
      </c>
    </row>
    <row r="23026" spans="4:5" x14ac:dyDescent="0.25">
      <c r="D23026" s="6">
        <v>800.61339999999996</v>
      </c>
      <c r="E23026" s="6">
        <v>5517.7479999999996</v>
      </c>
    </row>
    <row r="23027" spans="4:5" x14ac:dyDescent="0.25">
      <c r="D23027" s="6">
        <v>760.76639999999998</v>
      </c>
      <c r="E23027" s="6">
        <v>763.73320000000001</v>
      </c>
    </row>
    <row r="23028" spans="4:5" x14ac:dyDescent="0.25">
      <c r="D23028" s="6">
        <v>567.24289999999996</v>
      </c>
      <c r="E23028" s="6">
        <v>677.16430000000003</v>
      </c>
    </row>
    <row r="23029" spans="4:5" x14ac:dyDescent="0.25">
      <c r="D23029" s="6">
        <v>1136.1379999999999</v>
      </c>
      <c r="E23029" s="6">
        <v>689.50900000000001</v>
      </c>
    </row>
    <row r="23030" spans="4:5" x14ac:dyDescent="0.25">
      <c r="D23030" s="6">
        <v>608.1499</v>
      </c>
      <c r="E23030" s="6">
        <v>694.40340000000003</v>
      </c>
    </row>
    <row r="23031" spans="4:5" x14ac:dyDescent="0.25">
      <c r="D23031" s="6">
        <v>923.56590000000006</v>
      </c>
      <c r="E23031" s="6">
        <v>667.00040000000001</v>
      </c>
    </row>
    <row r="23032" spans="4:5" x14ac:dyDescent="0.25">
      <c r="D23032" s="6">
        <v>480.02140000000003</v>
      </c>
      <c r="E23032" s="6">
        <v>916.10419999999999</v>
      </c>
    </row>
    <row r="23033" spans="4:5" x14ac:dyDescent="0.25">
      <c r="D23033" s="6">
        <v>862.35289999999998</v>
      </c>
      <c r="E23033" s="6">
        <v>687.63430000000005</v>
      </c>
    </row>
    <row r="23034" spans="4:5" x14ac:dyDescent="0.25">
      <c r="D23034" s="6">
        <v>818.13649999999996</v>
      </c>
      <c r="E23034" s="6">
        <v>873.09619999999995</v>
      </c>
    </row>
    <row r="23035" spans="4:5" x14ac:dyDescent="0.25">
      <c r="D23035" s="6">
        <v>712.71019999999999</v>
      </c>
      <c r="E23035" s="6">
        <v>692.8</v>
      </c>
    </row>
    <row r="23036" spans="4:5" x14ac:dyDescent="0.25">
      <c r="D23036" s="6">
        <v>1179.143</v>
      </c>
      <c r="E23036" s="6">
        <v>481.56029999999998</v>
      </c>
    </row>
    <row r="23037" spans="4:5" x14ac:dyDescent="0.25">
      <c r="D23037" s="6">
        <v>702.89099999999996</v>
      </c>
      <c r="E23037" s="6">
        <v>799.37220000000002</v>
      </c>
    </row>
    <row r="23038" spans="4:5" x14ac:dyDescent="0.25">
      <c r="D23038" s="6">
        <v>6112.1130000000003</v>
      </c>
      <c r="E23038" s="6">
        <v>4998.07</v>
      </c>
    </row>
    <row r="23039" spans="4:5" x14ac:dyDescent="0.25">
      <c r="D23039" s="6">
        <v>848.50360000000001</v>
      </c>
      <c r="E23039" s="6">
        <v>510.16059999999999</v>
      </c>
    </row>
    <row r="23040" spans="4:5" x14ac:dyDescent="0.25">
      <c r="D23040" s="6">
        <v>850.88319999999999</v>
      </c>
      <c r="E23040" s="6">
        <v>551.27319999999997</v>
      </c>
    </row>
    <row r="23041" spans="4:5" x14ac:dyDescent="0.25">
      <c r="D23041" s="6">
        <v>639.62750000000005</v>
      </c>
      <c r="E23041" s="6">
        <v>1436.2719999999999</v>
      </c>
    </row>
    <row r="23042" spans="4:5" x14ac:dyDescent="0.25">
      <c r="D23042" s="6">
        <v>656.38649999999996</v>
      </c>
      <c r="E23042" s="6">
        <v>921.20920000000001</v>
      </c>
    </row>
    <row r="23043" spans="4:5" x14ac:dyDescent="0.25">
      <c r="D23043" s="6">
        <v>710.45159999999998</v>
      </c>
      <c r="E23043" s="6">
        <v>439.32569999999998</v>
      </c>
    </row>
    <row r="23044" spans="4:5" x14ac:dyDescent="0.25">
      <c r="D23044" s="6">
        <v>809.31259999999997</v>
      </c>
      <c r="E23044" s="6">
        <v>674.85889999999995</v>
      </c>
    </row>
    <row r="23045" spans="4:5" x14ac:dyDescent="0.25">
      <c r="D23045" s="6">
        <v>1565.913</v>
      </c>
      <c r="E23045" s="6">
        <v>698.1413</v>
      </c>
    </row>
    <row r="23046" spans="4:5" x14ac:dyDescent="0.25">
      <c r="D23046" s="6">
        <v>1604.404</v>
      </c>
      <c r="E23046" s="6">
        <v>1565.28</v>
      </c>
    </row>
    <row r="23047" spans="4:5" x14ac:dyDescent="0.25">
      <c r="D23047" s="6">
        <v>760.14689999999996</v>
      </c>
      <c r="E23047" s="6">
        <v>850.0222</v>
      </c>
    </row>
    <row r="23048" spans="4:5" x14ac:dyDescent="0.25">
      <c r="D23048" s="6">
        <v>1024.0830000000001</v>
      </c>
      <c r="E23048" s="6">
        <v>1087.0050000000001</v>
      </c>
    </row>
    <row r="23049" spans="4:5" x14ac:dyDescent="0.25">
      <c r="D23049" s="6">
        <v>641.00390000000004</v>
      </c>
      <c r="E23049" s="6">
        <v>706.11210000000005</v>
      </c>
    </row>
    <row r="23050" spans="4:5" x14ac:dyDescent="0.25">
      <c r="D23050" s="6">
        <v>596.99459999999999</v>
      </c>
      <c r="E23050" s="6">
        <v>685.10050000000001</v>
      </c>
    </row>
    <row r="23051" spans="4:5" x14ac:dyDescent="0.25">
      <c r="D23051" s="6">
        <v>570.51980000000003</v>
      </c>
      <c r="E23051" s="6">
        <v>7227.6760000000004</v>
      </c>
    </row>
    <row r="23052" spans="4:5" x14ac:dyDescent="0.25">
      <c r="D23052" s="6">
        <v>1325.42</v>
      </c>
      <c r="E23052" s="6">
        <v>824.19449999999995</v>
      </c>
    </row>
    <row r="23053" spans="4:5" x14ac:dyDescent="0.25">
      <c r="D23053" s="6">
        <v>1463.17</v>
      </c>
      <c r="E23053" s="6">
        <v>667.81290000000001</v>
      </c>
    </row>
    <row r="23054" spans="4:5" x14ac:dyDescent="0.25">
      <c r="D23054" s="6">
        <v>974.92060000000004</v>
      </c>
      <c r="E23054" s="6">
        <v>630.03729999999996</v>
      </c>
    </row>
    <row r="23055" spans="4:5" x14ac:dyDescent="0.25">
      <c r="D23055" s="6">
        <v>760.47329999999999</v>
      </c>
      <c r="E23055" s="6">
        <v>649</v>
      </c>
    </row>
    <row r="23056" spans="4:5" x14ac:dyDescent="0.25">
      <c r="D23056" s="6">
        <v>555.91430000000003</v>
      </c>
      <c r="E23056" s="6">
        <v>872.05499999999995</v>
      </c>
    </row>
    <row r="23057" spans="4:5" x14ac:dyDescent="0.25">
      <c r="D23057" s="6">
        <v>787.41369999999995</v>
      </c>
      <c r="E23057" s="6">
        <v>6079.78</v>
      </c>
    </row>
    <row r="23058" spans="4:5" x14ac:dyDescent="0.25">
      <c r="D23058" s="6">
        <v>562.04300000000001</v>
      </c>
      <c r="E23058" s="6">
        <v>581.57510000000002</v>
      </c>
    </row>
    <row r="23059" spans="4:5" x14ac:dyDescent="0.25">
      <c r="D23059" s="6">
        <v>626.54430000000002</v>
      </c>
      <c r="E23059" s="6">
        <v>678.41399999999999</v>
      </c>
    </row>
    <row r="23060" spans="4:5" x14ac:dyDescent="0.25">
      <c r="D23060" s="6">
        <v>669.89610000000005</v>
      </c>
      <c r="E23060" s="6">
        <v>803.53710000000001</v>
      </c>
    </row>
    <row r="23061" spans="4:5" x14ac:dyDescent="0.25">
      <c r="D23061" s="6">
        <v>546.86990000000003</v>
      </c>
      <c r="E23061" s="6">
        <v>609.33330000000001</v>
      </c>
    </row>
    <row r="23062" spans="4:5" x14ac:dyDescent="0.25">
      <c r="D23062" s="6">
        <v>541.72799999999995</v>
      </c>
      <c r="E23062" s="6">
        <v>4203.7340000000004</v>
      </c>
    </row>
    <row r="23063" spans="4:5" x14ac:dyDescent="0.25">
      <c r="D23063" s="6">
        <v>2902.8009999999999</v>
      </c>
      <c r="E23063" s="6">
        <v>4956.4570000000003</v>
      </c>
    </row>
    <row r="23064" spans="4:5" x14ac:dyDescent="0.25">
      <c r="D23064" s="6">
        <v>768.45820000000003</v>
      </c>
      <c r="E23064" s="6">
        <v>5973.2650000000003</v>
      </c>
    </row>
    <row r="23065" spans="4:5" x14ac:dyDescent="0.25">
      <c r="D23065" s="6">
        <v>8053.1360000000004</v>
      </c>
      <c r="E23065" s="6">
        <v>623.54420000000005</v>
      </c>
    </row>
    <row r="23066" spans="4:5" x14ac:dyDescent="0.25">
      <c r="D23066" s="6">
        <v>689.72670000000005</v>
      </c>
      <c r="E23066" s="6">
        <v>704.04459999999995</v>
      </c>
    </row>
    <row r="23067" spans="4:5" x14ac:dyDescent="0.25">
      <c r="D23067" s="6">
        <v>681.11900000000003</v>
      </c>
      <c r="E23067" s="6">
        <v>798.10109999999997</v>
      </c>
    </row>
    <row r="23068" spans="4:5" x14ac:dyDescent="0.25">
      <c r="D23068" s="6">
        <v>9091.2549999999992</v>
      </c>
      <c r="E23068" s="6">
        <v>724</v>
      </c>
    </row>
    <row r="23069" spans="4:5" x14ac:dyDescent="0.25">
      <c r="D23069" s="6">
        <v>695.56510000000003</v>
      </c>
      <c r="E23069" s="6">
        <v>860.22730000000001</v>
      </c>
    </row>
    <row r="23070" spans="4:5" x14ac:dyDescent="0.25">
      <c r="D23070" s="6">
        <v>6120.5829999999996</v>
      </c>
      <c r="E23070" s="6">
        <v>738.40570000000002</v>
      </c>
    </row>
    <row r="23071" spans="4:5" x14ac:dyDescent="0.25">
      <c r="D23071" s="6">
        <v>786.99599999999998</v>
      </c>
      <c r="E23071" s="6">
        <v>743.82150000000001</v>
      </c>
    </row>
    <row r="23072" spans="4:5" x14ac:dyDescent="0.25">
      <c r="D23072" s="6">
        <v>7811.8360000000002</v>
      </c>
      <c r="E23072" s="6">
        <v>837.96600000000001</v>
      </c>
    </row>
    <row r="23073" spans="4:5" x14ac:dyDescent="0.25">
      <c r="D23073" s="6">
        <v>672.16480000000001</v>
      </c>
      <c r="E23073" s="6">
        <v>5421.491</v>
      </c>
    </row>
    <row r="23074" spans="4:5" x14ac:dyDescent="0.25">
      <c r="D23074" s="6">
        <v>822.5</v>
      </c>
      <c r="E23074" s="6">
        <v>4350.3059999999996</v>
      </c>
    </row>
    <row r="23075" spans="4:5" x14ac:dyDescent="0.25">
      <c r="D23075" s="6">
        <v>507.51710000000003</v>
      </c>
      <c r="E23075" s="6">
        <v>530.93209999999999</v>
      </c>
    </row>
    <row r="23076" spans="4:5" x14ac:dyDescent="0.25">
      <c r="D23076" s="6">
        <v>733.89620000000002</v>
      </c>
      <c r="E23076" s="6">
        <v>715.63149999999996</v>
      </c>
    </row>
    <row r="23077" spans="4:5" x14ac:dyDescent="0.25">
      <c r="D23077" s="6">
        <v>650.57140000000004</v>
      </c>
      <c r="E23077" s="6">
        <v>582.98910000000001</v>
      </c>
    </row>
    <row r="23078" spans="4:5" x14ac:dyDescent="0.25">
      <c r="D23078" s="6">
        <v>2593.7370000000001</v>
      </c>
      <c r="E23078" s="6">
        <v>529.24279999999999</v>
      </c>
    </row>
    <row r="23079" spans="4:5" x14ac:dyDescent="0.25">
      <c r="D23079" s="6">
        <v>573.71019999999999</v>
      </c>
      <c r="E23079" s="6">
        <v>2757.4969999999998</v>
      </c>
    </row>
    <row r="23080" spans="4:5" x14ac:dyDescent="0.25">
      <c r="D23080" s="6">
        <v>690.22360000000003</v>
      </c>
      <c r="E23080" s="6">
        <v>742.33180000000004</v>
      </c>
    </row>
    <row r="23081" spans="4:5" x14ac:dyDescent="0.25">
      <c r="D23081" s="6">
        <v>633.79219999999998</v>
      </c>
      <c r="E23081" s="6">
        <v>879.40009999999995</v>
      </c>
    </row>
    <row r="23082" spans="4:5" x14ac:dyDescent="0.25">
      <c r="D23082" s="6">
        <v>1305.729</v>
      </c>
      <c r="E23082" s="6">
        <v>779.78150000000005</v>
      </c>
    </row>
    <row r="23083" spans="4:5" x14ac:dyDescent="0.25">
      <c r="D23083" s="6">
        <v>614.53629999999998</v>
      </c>
      <c r="E23083" s="6">
        <v>591.94740000000002</v>
      </c>
    </row>
    <row r="23084" spans="4:5" x14ac:dyDescent="0.25">
      <c r="D23084" s="6">
        <v>624.5</v>
      </c>
      <c r="E23084" s="6">
        <v>820.20370000000003</v>
      </c>
    </row>
    <row r="23085" spans="4:5" x14ac:dyDescent="0.25">
      <c r="D23085" s="6">
        <v>771.43799999999999</v>
      </c>
      <c r="E23085" s="6">
        <v>723.02110000000005</v>
      </c>
    </row>
    <row r="23086" spans="4:5" x14ac:dyDescent="0.25">
      <c r="D23086" s="6">
        <v>666.73760000000004</v>
      </c>
      <c r="E23086" s="6">
        <v>738.87800000000004</v>
      </c>
    </row>
    <row r="23087" spans="4:5" x14ac:dyDescent="0.25">
      <c r="D23087" s="6">
        <v>1053.0630000000001</v>
      </c>
      <c r="E23087" s="6">
        <v>750.12170000000003</v>
      </c>
    </row>
    <row r="23088" spans="4:5" x14ac:dyDescent="0.25">
      <c r="D23088" s="6">
        <v>839.40769999999998</v>
      </c>
      <c r="E23088" s="6">
        <v>828.39559999999994</v>
      </c>
    </row>
    <row r="23089" spans="4:5" x14ac:dyDescent="0.25">
      <c r="D23089" s="6">
        <v>650.26179999999999</v>
      </c>
      <c r="E23089" s="6">
        <v>5007.1440000000002</v>
      </c>
    </row>
    <row r="23090" spans="4:5" x14ac:dyDescent="0.25">
      <c r="D23090" s="6">
        <v>724.68529999999998</v>
      </c>
      <c r="E23090" s="6">
        <v>704.44939999999997</v>
      </c>
    </row>
    <row r="23091" spans="4:5" x14ac:dyDescent="0.25">
      <c r="D23091" s="6">
        <v>776.72</v>
      </c>
      <c r="E23091" s="6">
        <v>687.99630000000002</v>
      </c>
    </row>
    <row r="23092" spans="4:5" x14ac:dyDescent="0.25">
      <c r="D23092" s="6">
        <v>695.26660000000004</v>
      </c>
      <c r="E23092" s="6">
        <v>799.46810000000005</v>
      </c>
    </row>
    <row r="23093" spans="4:5" x14ac:dyDescent="0.25">
      <c r="D23093" s="6">
        <v>992.90329999999994</v>
      </c>
      <c r="E23093" s="6">
        <v>3933.08</v>
      </c>
    </row>
    <row r="23094" spans="4:5" x14ac:dyDescent="0.25">
      <c r="D23094" s="6">
        <v>717.02160000000003</v>
      </c>
      <c r="E23094" s="6">
        <v>576.39229999999998</v>
      </c>
    </row>
    <row r="23095" spans="4:5" x14ac:dyDescent="0.25">
      <c r="D23095" s="6">
        <v>522.01310000000001</v>
      </c>
      <c r="E23095" s="6">
        <v>511.1114</v>
      </c>
    </row>
    <row r="23096" spans="4:5" x14ac:dyDescent="0.25">
      <c r="D23096" s="6">
        <v>626.7491</v>
      </c>
      <c r="E23096" s="6">
        <v>692.1</v>
      </c>
    </row>
    <row r="23097" spans="4:5" x14ac:dyDescent="0.25">
      <c r="D23097" s="6">
        <v>634.82529999999997</v>
      </c>
      <c r="E23097" s="6">
        <v>4632.5060000000003</v>
      </c>
    </row>
    <row r="23098" spans="4:5" x14ac:dyDescent="0.25">
      <c r="D23098" s="6">
        <v>841.11410000000001</v>
      </c>
      <c r="E23098" s="6">
        <v>784.64700000000005</v>
      </c>
    </row>
    <row r="23099" spans="4:5" x14ac:dyDescent="0.25">
      <c r="D23099" s="6">
        <v>770.06640000000004</v>
      </c>
      <c r="E23099" s="6">
        <v>662.55280000000005</v>
      </c>
    </row>
    <row r="23100" spans="4:5" x14ac:dyDescent="0.25">
      <c r="D23100" s="6">
        <v>753.25429999999994</v>
      </c>
      <c r="E23100" s="6">
        <v>766.67859999999996</v>
      </c>
    </row>
    <row r="23101" spans="4:5" x14ac:dyDescent="0.25">
      <c r="D23101" s="6">
        <v>920.39710000000002</v>
      </c>
      <c r="E23101" s="6">
        <v>654.31060000000002</v>
      </c>
    </row>
    <row r="23102" spans="4:5" x14ac:dyDescent="0.25">
      <c r="D23102" s="6">
        <v>599.35820000000001</v>
      </c>
      <c r="E23102" s="6">
        <v>757.96640000000002</v>
      </c>
    </row>
    <row r="23103" spans="4:5" x14ac:dyDescent="0.25">
      <c r="D23103" s="6">
        <v>733.72720000000004</v>
      </c>
      <c r="E23103" s="6">
        <v>622.26509999999996</v>
      </c>
    </row>
    <row r="23104" spans="4:5" x14ac:dyDescent="0.25">
      <c r="D23104" s="6">
        <v>559.72140000000002</v>
      </c>
      <c r="E23104" s="6">
        <v>1247.376</v>
      </c>
    </row>
    <row r="23105" spans="4:5" x14ac:dyDescent="0.25">
      <c r="D23105" s="6">
        <v>566.20609999999999</v>
      </c>
      <c r="E23105" s="6">
        <v>5764.8289999999997</v>
      </c>
    </row>
    <row r="23106" spans="4:5" x14ac:dyDescent="0.25">
      <c r="D23106" s="6">
        <v>760.54690000000005</v>
      </c>
      <c r="E23106" s="6">
        <v>627.57479999999998</v>
      </c>
    </row>
    <row r="23107" spans="4:5" x14ac:dyDescent="0.25">
      <c r="D23107" s="6">
        <v>737.42600000000004</v>
      </c>
      <c r="E23107" s="6">
        <v>903.83180000000004</v>
      </c>
    </row>
    <row r="23108" spans="4:5" x14ac:dyDescent="0.25">
      <c r="D23108" s="6">
        <v>578.57169999999996</v>
      </c>
      <c r="E23108" s="6">
        <v>748.44989999999996</v>
      </c>
    </row>
    <row r="23109" spans="4:5" x14ac:dyDescent="0.25">
      <c r="D23109" s="6">
        <v>757.3886</v>
      </c>
      <c r="E23109" s="6">
        <v>754.52909999999997</v>
      </c>
    </row>
    <row r="23110" spans="4:5" x14ac:dyDescent="0.25">
      <c r="D23110" s="6">
        <v>554.44709999999998</v>
      </c>
      <c r="E23110" s="6">
        <v>703.08230000000003</v>
      </c>
    </row>
    <row r="23111" spans="4:5" x14ac:dyDescent="0.25">
      <c r="D23111" s="6">
        <v>609.76840000000004</v>
      </c>
      <c r="E23111" s="6">
        <v>622.44690000000003</v>
      </c>
    </row>
    <row r="23112" spans="4:5" x14ac:dyDescent="0.25">
      <c r="D23112" s="6">
        <v>558.15150000000006</v>
      </c>
      <c r="E23112" s="6">
        <v>714.73929999999996</v>
      </c>
    </row>
    <row r="23113" spans="4:5" x14ac:dyDescent="0.25">
      <c r="D23113" s="6">
        <v>6273.3180000000002</v>
      </c>
      <c r="E23113" s="6">
        <v>578.06939999999997</v>
      </c>
    </row>
    <row r="23114" spans="4:5" x14ac:dyDescent="0.25">
      <c r="D23114" s="6">
        <v>812.41520000000003</v>
      </c>
      <c r="E23114" s="6">
        <v>711.72770000000003</v>
      </c>
    </row>
    <row r="23115" spans="4:5" x14ac:dyDescent="0.25">
      <c r="D23115" s="6">
        <v>501.38839999999999</v>
      </c>
      <c r="E23115" s="6">
        <v>725.77499999999998</v>
      </c>
    </row>
    <row r="23116" spans="4:5" x14ac:dyDescent="0.25">
      <c r="D23116" s="6">
        <v>994.01080000000002</v>
      </c>
      <c r="E23116" s="6">
        <v>4884.9279999999999</v>
      </c>
    </row>
    <row r="23117" spans="4:5" x14ac:dyDescent="0.25">
      <c r="D23117" s="6">
        <v>597.04570000000001</v>
      </c>
      <c r="E23117" s="6">
        <v>773.41</v>
      </c>
    </row>
    <row r="23118" spans="4:5" x14ac:dyDescent="0.25">
      <c r="D23118" s="6">
        <v>722.7799</v>
      </c>
      <c r="E23118" s="6">
        <v>1186.8040000000001</v>
      </c>
    </row>
    <row r="23119" spans="4:5" x14ac:dyDescent="0.25">
      <c r="D23119" s="6">
        <v>924.22119999999995</v>
      </c>
      <c r="E23119" s="6">
        <v>997.49900000000002</v>
      </c>
    </row>
    <row r="23120" spans="4:5" x14ac:dyDescent="0.25">
      <c r="D23120" s="6">
        <v>645.29100000000005</v>
      </c>
      <c r="E23120" s="6">
        <v>655.68700000000001</v>
      </c>
    </row>
    <row r="23121" spans="4:5" x14ac:dyDescent="0.25">
      <c r="D23121" s="6">
        <v>2336.2750000000001</v>
      </c>
      <c r="E23121" s="6">
        <v>708.08889999999997</v>
      </c>
    </row>
    <row r="23122" spans="4:5" x14ac:dyDescent="0.25">
      <c r="D23122" s="6">
        <v>855.22839999999997</v>
      </c>
      <c r="E23122" s="6">
        <v>5424.6</v>
      </c>
    </row>
    <row r="23123" spans="4:5" x14ac:dyDescent="0.25">
      <c r="D23123" s="6">
        <v>6259.65</v>
      </c>
      <c r="E23123" s="6">
        <v>644.1454</v>
      </c>
    </row>
    <row r="23124" spans="4:5" x14ac:dyDescent="0.25">
      <c r="D23124" s="6">
        <v>661.05340000000001</v>
      </c>
      <c r="E23124" s="6">
        <v>693.22460000000001</v>
      </c>
    </row>
    <row r="23125" spans="4:5" x14ac:dyDescent="0.25">
      <c r="D23125" s="6">
        <v>558.06140000000005</v>
      </c>
      <c r="E23125" s="6">
        <v>778.07690000000002</v>
      </c>
    </row>
    <row r="23126" spans="4:5" x14ac:dyDescent="0.25">
      <c r="D23126" s="6">
        <v>699.16279999999995</v>
      </c>
      <c r="E23126" s="6">
        <v>808.84439999999995</v>
      </c>
    </row>
    <row r="23127" spans="4:5" x14ac:dyDescent="0.25">
      <c r="D23127" s="6">
        <v>821.11120000000005</v>
      </c>
      <c r="E23127" s="6">
        <v>1374.432</v>
      </c>
    </row>
    <row r="23128" spans="4:5" x14ac:dyDescent="0.25">
      <c r="D23128" s="6">
        <v>1449.143</v>
      </c>
      <c r="E23128" s="6">
        <v>6340.3360000000002</v>
      </c>
    </row>
    <row r="23129" spans="4:5" x14ac:dyDescent="0.25">
      <c r="D23129" s="6">
        <v>649.92679999999996</v>
      </c>
      <c r="E23129" s="6">
        <v>692.21199999999999</v>
      </c>
    </row>
    <row r="23130" spans="4:5" x14ac:dyDescent="0.25">
      <c r="D23130" s="6">
        <v>2447.723</v>
      </c>
      <c r="E23130" s="6">
        <v>598.755</v>
      </c>
    </row>
    <row r="23131" spans="4:5" x14ac:dyDescent="0.25">
      <c r="D23131" s="6">
        <v>525.55780000000004</v>
      </c>
      <c r="E23131" s="6">
        <v>1214.527</v>
      </c>
    </row>
    <row r="23132" spans="4:5" x14ac:dyDescent="0.25">
      <c r="D23132" s="6">
        <v>1712.5619999999999</v>
      </c>
      <c r="E23132" s="6">
        <v>609.54729999999995</v>
      </c>
    </row>
    <row r="23133" spans="4:5" x14ac:dyDescent="0.25">
      <c r="D23133" s="6">
        <v>626.15639999999996</v>
      </c>
      <c r="E23133" s="6">
        <v>3019</v>
      </c>
    </row>
    <row r="23134" spans="4:5" x14ac:dyDescent="0.25">
      <c r="D23134" s="6">
        <v>738.76110000000006</v>
      </c>
      <c r="E23134" s="6">
        <v>825.87210000000005</v>
      </c>
    </row>
    <row r="23135" spans="4:5" x14ac:dyDescent="0.25">
      <c r="D23135" s="6">
        <v>731.0181</v>
      </c>
      <c r="E23135" s="6">
        <v>831.49419999999998</v>
      </c>
    </row>
    <row r="23136" spans="4:5" x14ac:dyDescent="0.25">
      <c r="D23136" s="6">
        <v>723.91750000000002</v>
      </c>
      <c r="E23136" s="6">
        <v>761.6087</v>
      </c>
    </row>
    <row r="23137" spans="4:5" x14ac:dyDescent="0.25">
      <c r="D23137" s="6">
        <v>624.52390000000003</v>
      </c>
      <c r="E23137" s="6">
        <v>649.66110000000003</v>
      </c>
    </row>
    <row r="23138" spans="4:5" x14ac:dyDescent="0.25">
      <c r="D23138" s="6">
        <v>954.59659999999997</v>
      </c>
      <c r="E23138" s="6">
        <v>725.83219999999994</v>
      </c>
    </row>
    <row r="23139" spans="4:5" x14ac:dyDescent="0.25">
      <c r="D23139" s="6">
        <v>562.44079999999997</v>
      </c>
      <c r="E23139" s="6">
        <v>626.96730000000002</v>
      </c>
    </row>
    <row r="23140" spans="4:5" x14ac:dyDescent="0.25">
      <c r="D23140" s="6">
        <v>695.85829999999999</v>
      </c>
      <c r="E23140" s="6">
        <v>589.66030000000001</v>
      </c>
    </row>
    <row r="23141" spans="4:5" x14ac:dyDescent="0.25">
      <c r="D23141" s="6">
        <v>778.36090000000002</v>
      </c>
      <c r="E23141" s="6">
        <v>494.80630000000002</v>
      </c>
    </row>
    <row r="23142" spans="4:5" x14ac:dyDescent="0.25">
      <c r="D23142" s="6">
        <v>6478.5709999999999</v>
      </c>
      <c r="E23142" s="6">
        <v>647.62040000000002</v>
      </c>
    </row>
    <row r="23143" spans="4:5" x14ac:dyDescent="0.25">
      <c r="D23143" s="6">
        <v>708.92179999999996</v>
      </c>
      <c r="E23143" s="6">
        <v>6472.9430000000002</v>
      </c>
    </row>
    <row r="23144" spans="4:5" x14ac:dyDescent="0.25">
      <c r="D23144" s="6">
        <v>818.81650000000002</v>
      </c>
      <c r="E23144" s="6">
        <v>699.30669999999998</v>
      </c>
    </row>
    <row r="23145" spans="4:5" x14ac:dyDescent="0.25">
      <c r="D23145" s="6">
        <v>699.19449999999995</v>
      </c>
      <c r="E23145" s="6">
        <v>536.49559999999997</v>
      </c>
    </row>
    <row r="23146" spans="4:5" x14ac:dyDescent="0.25">
      <c r="D23146" s="6">
        <v>558.87249999999995</v>
      </c>
      <c r="E23146" s="6">
        <v>3304.3110000000001</v>
      </c>
    </row>
    <row r="23147" spans="4:5" x14ac:dyDescent="0.25">
      <c r="D23147" s="6">
        <v>700.99019999999996</v>
      </c>
      <c r="E23147" s="6">
        <v>733.29610000000002</v>
      </c>
    </row>
    <row r="23148" spans="4:5" x14ac:dyDescent="0.25">
      <c r="D23148" s="6">
        <v>992.07830000000001</v>
      </c>
      <c r="E23148" s="6">
        <v>699.44</v>
      </c>
    </row>
    <row r="23149" spans="4:5" x14ac:dyDescent="0.25">
      <c r="D23149" s="6">
        <v>5403.35</v>
      </c>
      <c r="E23149" s="6">
        <v>1725.7070000000001</v>
      </c>
    </row>
    <row r="23150" spans="4:5" x14ac:dyDescent="0.25">
      <c r="D23150" s="6">
        <v>894.51009999999997</v>
      </c>
      <c r="E23150" s="6">
        <v>646.24400000000003</v>
      </c>
    </row>
    <row r="23151" spans="4:5" x14ac:dyDescent="0.25">
      <c r="D23151" s="6">
        <v>1213.579</v>
      </c>
      <c r="E23151" s="6">
        <v>2299.6579999999999</v>
      </c>
    </row>
    <row r="23152" spans="4:5" x14ac:dyDescent="0.25">
      <c r="D23152" s="6">
        <v>1144.9839999999999</v>
      </c>
      <c r="E23152" s="6">
        <v>578.09490000000005</v>
      </c>
    </row>
    <row r="23153" spans="4:5" x14ac:dyDescent="0.25">
      <c r="D23153" s="6">
        <v>697.33600000000001</v>
      </c>
      <c r="E23153" s="6">
        <v>1035.712</v>
      </c>
    </row>
    <row r="23154" spans="4:5" x14ac:dyDescent="0.25">
      <c r="D23154" s="6">
        <v>412.4547</v>
      </c>
      <c r="E23154" s="6">
        <v>751.91759999999999</v>
      </c>
    </row>
    <row r="23155" spans="4:5" x14ac:dyDescent="0.25">
      <c r="D23155" s="6">
        <v>724.10149999999999</v>
      </c>
      <c r="E23155" s="6">
        <v>1919.0360000000001</v>
      </c>
    </row>
    <row r="23156" spans="4:5" x14ac:dyDescent="0.25">
      <c r="D23156" s="6">
        <v>878.75</v>
      </c>
      <c r="E23156" s="6">
        <v>563.91539999999998</v>
      </c>
    </row>
    <row r="23157" spans="4:5" x14ac:dyDescent="0.25">
      <c r="D23157" s="6">
        <v>714.33979999999997</v>
      </c>
      <c r="E23157" s="6">
        <v>685.84349999999995</v>
      </c>
    </row>
    <row r="23158" spans="4:5" x14ac:dyDescent="0.25">
      <c r="D23158" s="6">
        <v>624.17579999999998</v>
      </c>
      <c r="E23158" s="6">
        <v>690.39700000000005</v>
      </c>
    </row>
    <row r="23159" spans="4:5" x14ac:dyDescent="0.25">
      <c r="D23159" s="6">
        <v>686.72370000000001</v>
      </c>
      <c r="E23159" s="6">
        <v>1422.9179999999999</v>
      </c>
    </row>
    <row r="23160" spans="4:5" x14ac:dyDescent="0.25">
      <c r="D23160" s="6">
        <v>588.55380000000002</v>
      </c>
      <c r="E23160" s="6">
        <v>751.11249999999995</v>
      </c>
    </row>
    <row r="23161" spans="4:5" x14ac:dyDescent="0.25">
      <c r="D23161" s="6">
        <v>806.96130000000005</v>
      </c>
      <c r="E23161" s="6">
        <v>557.11419999999998</v>
      </c>
    </row>
    <row r="23162" spans="4:5" x14ac:dyDescent="0.25">
      <c r="D23162" s="6">
        <v>707.16309999999999</v>
      </c>
      <c r="E23162" s="6">
        <v>1519.8</v>
      </c>
    </row>
    <row r="23163" spans="4:5" x14ac:dyDescent="0.25">
      <c r="D23163" s="6">
        <v>865.57339999999999</v>
      </c>
      <c r="E23163" s="6">
        <v>949.20529999999997</v>
      </c>
    </row>
    <row r="23164" spans="4:5" x14ac:dyDescent="0.25">
      <c r="D23164" s="6">
        <v>1123.5160000000001</v>
      </c>
      <c r="E23164" s="6">
        <v>760.56870000000004</v>
      </c>
    </row>
    <row r="23165" spans="4:5" x14ac:dyDescent="0.25">
      <c r="D23165" s="6">
        <v>675.42280000000005</v>
      </c>
      <c r="E23165" s="6">
        <v>909.19880000000001</v>
      </c>
    </row>
    <row r="23166" spans="4:5" x14ac:dyDescent="0.25">
      <c r="D23166" s="6">
        <v>6398.8059999999996</v>
      </c>
      <c r="E23166" s="6">
        <v>756.846</v>
      </c>
    </row>
    <row r="23167" spans="4:5" x14ac:dyDescent="0.25">
      <c r="D23167" s="6">
        <v>737.53610000000003</v>
      </c>
      <c r="E23167" s="6">
        <v>729.45590000000004</v>
      </c>
    </row>
    <row r="23168" spans="4:5" x14ac:dyDescent="0.25">
      <c r="D23168" s="6">
        <v>741.00220000000002</v>
      </c>
      <c r="E23168" s="6">
        <v>655.57140000000004</v>
      </c>
    </row>
    <row r="23169" spans="4:5" x14ac:dyDescent="0.25">
      <c r="D23169" s="6">
        <v>646.3664</v>
      </c>
      <c r="E23169" s="6">
        <v>4620.1989999999996</v>
      </c>
    </row>
    <row r="23170" spans="4:5" x14ac:dyDescent="0.25">
      <c r="D23170" s="6">
        <v>904.13419999999996</v>
      </c>
      <c r="E23170" s="6">
        <v>687.21690000000001</v>
      </c>
    </row>
    <row r="23171" spans="4:5" x14ac:dyDescent="0.25">
      <c r="D23171" s="6">
        <v>4604.0379999999996</v>
      </c>
      <c r="E23171" s="6">
        <v>797.3066</v>
      </c>
    </row>
    <row r="23172" spans="4:5" x14ac:dyDescent="0.25">
      <c r="D23172" s="6">
        <v>519.40520000000004</v>
      </c>
      <c r="E23172" s="6">
        <v>654.19280000000003</v>
      </c>
    </row>
    <row r="23173" spans="4:5" x14ac:dyDescent="0.25">
      <c r="D23173" s="6">
        <v>611.20399999999995</v>
      </c>
      <c r="E23173" s="6">
        <v>699.80190000000005</v>
      </c>
    </row>
    <row r="23174" spans="4:5" x14ac:dyDescent="0.25">
      <c r="D23174" s="6">
        <v>706.9443</v>
      </c>
      <c r="E23174" s="6">
        <v>650.5711</v>
      </c>
    </row>
    <row r="23175" spans="4:5" x14ac:dyDescent="0.25">
      <c r="D23175" s="6">
        <v>777.92909999999995</v>
      </c>
      <c r="E23175" s="6">
        <v>681.22919999999999</v>
      </c>
    </row>
    <row r="23176" spans="4:5" x14ac:dyDescent="0.25">
      <c r="D23176" s="6">
        <v>635.74009999999998</v>
      </c>
      <c r="E23176" s="6">
        <v>2820.0839999999998</v>
      </c>
    </row>
    <row r="23177" spans="4:5" x14ac:dyDescent="0.25">
      <c r="D23177" s="6">
        <v>1078.4549999999999</v>
      </c>
      <c r="E23177" s="6">
        <v>4921.17</v>
      </c>
    </row>
    <row r="23178" spans="4:5" x14ac:dyDescent="0.25">
      <c r="D23178" s="6">
        <v>2253.482</v>
      </c>
      <c r="E23178" s="6">
        <v>623.38509999999997</v>
      </c>
    </row>
    <row r="23179" spans="4:5" x14ac:dyDescent="0.25">
      <c r="D23179" s="6">
        <v>1473.4380000000001</v>
      </c>
      <c r="E23179" s="6">
        <v>714.21900000000005</v>
      </c>
    </row>
    <row r="23180" spans="4:5" x14ac:dyDescent="0.25">
      <c r="D23180" s="6">
        <v>787.87829999999997</v>
      </c>
      <c r="E23180" s="6">
        <v>701.14800000000002</v>
      </c>
    </row>
    <row r="23181" spans="4:5" x14ac:dyDescent="0.25">
      <c r="D23181" s="6">
        <v>734.41859999999997</v>
      </c>
      <c r="E23181" s="6">
        <v>730.8954</v>
      </c>
    </row>
    <row r="23182" spans="4:5" x14ac:dyDescent="0.25">
      <c r="D23182" s="6">
        <v>672.32539999999995</v>
      </c>
      <c r="E23182" s="6">
        <v>1870.952</v>
      </c>
    </row>
    <row r="23183" spans="4:5" x14ac:dyDescent="0.25">
      <c r="D23183" s="6">
        <v>628.25400000000002</v>
      </c>
      <c r="E23183" s="6">
        <v>794.47590000000002</v>
      </c>
    </row>
    <row r="23184" spans="4:5" x14ac:dyDescent="0.25">
      <c r="D23184" s="6">
        <v>8837.3320000000003</v>
      </c>
      <c r="E23184" s="6">
        <v>3377.0329999999999</v>
      </c>
    </row>
    <row r="23185" spans="4:5" x14ac:dyDescent="0.25">
      <c r="D23185" s="6">
        <v>678.75</v>
      </c>
      <c r="E23185" s="6">
        <v>696.29160000000002</v>
      </c>
    </row>
    <row r="23186" spans="4:5" x14ac:dyDescent="0.25">
      <c r="D23186" s="6">
        <v>481.3449</v>
      </c>
      <c r="E23186" s="6">
        <v>604.58330000000001</v>
      </c>
    </row>
    <row r="23187" spans="4:5" x14ac:dyDescent="0.25">
      <c r="D23187" s="6">
        <v>711.79849999999999</v>
      </c>
      <c r="E23187" s="6">
        <v>672.15369999999996</v>
      </c>
    </row>
    <row r="23188" spans="4:5" x14ac:dyDescent="0.25">
      <c r="D23188" s="6">
        <v>1385.933</v>
      </c>
      <c r="E23188" s="6">
        <v>5007.2330000000002</v>
      </c>
    </row>
    <row r="23189" spans="4:5" x14ac:dyDescent="0.25">
      <c r="D23189" s="6">
        <v>689.41060000000004</v>
      </c>
      <c r="E23189" s="6">
        <v>804.14760000000001</v>
      </c>
    </row>
    <row r="23190" spans="4:5" x14ac:dyDescent="0.25">
      <c r="D23190" s="6">
        <v>574.96180000000004</v>
      </c>
      <c r="E23190" s="6">
        <v>797.40970000000004</v>
      </c>
    </row>
    <row r="23191" spans="4:5" x14ac:dyDescent="0.25">
      <c r="D23191" s="6">
        <v>614.30640000000005</v>
      </c>
      <c r="E23191" s="6">
        <v>3435.0059999999999</v>
      </c>
    </row>
    <row r="23192" spans="4:5" x14ac:dyDescent="0.25">
      <c r="D23192" s="6">
        <v>790.97090000000003</v>
      </c>
      <c r="E23192" s="6">
        <v>641.95860000000005</v>
      </c>
    </row>
    <row r="23193" spans="4:5" x14ac:dyDescent="0.25">
      <c r="D23193" s="6">
        <v>602.32349999999997</v>
      </c>
      <c r="E23193" s="6">
        <v>651.27750000000003</v>
      </c>
    </row>
    <row r="23194" spans="4:5" x14ac:dyDescent="0.25">
      <c r="D23194" s="6">
        <v>1960.9949999999999</v>
      </c>
      <c r="E23194" s="6">
        <v>843.46289999999999</v>
      </c>
    </row>
    <row r="23195" spans="4:5" x14ac:dyDescent="0.25">
      <c r="D23195" s="6">
        <v>636.625</v>
      </c>
      <c r="E23195" s="6">
        <v>1060.7090000000001</v>
      </c>
    </row>
    <row r="23196" spans="4:5" x14ac:dyDescent="0.25">
      <c r="D23196" s="6">
        <v>695.29759999999999</v>
      </c>
      <c r="E23196" s="6">
        <v>2587.91</v>
      </c>
    </row>
    <row r="23197" spans="4:5" x14ac:dyDescent="0.25">
      <c r="D23197" s="6">
        <v>594.08360000000005</v>
      </c>
      <c r="E23197" s="6">
        <v>1554.9670000000001</v>
      </c>
    </row>
    <row r="23198" spans="4:5" x14ac:dyDescent="0.25">
      <c r="D23198" s="6">
        <v>905.24699999999996</v>
      </c>
      <c r="E23198" s="6">
        <v>681.36980000000005</v>
      </c>
    </row>
    <row r="23199" spans="4:5" x14ac:dyDescent="0.25">
      <c r="D23199" s="6">
        <v>963.43889999999999</v>
      </c>
      <c r="E23199" s="6">
        <v>3388.395</v>
      </c>
    </row>
    <row r="23200" spans="4:5" x14ac:dyDescent="0.25">
      <c r="D23200" s="6">
        <v>659.58749999999998</v>
      </c>
      <c r="E23200" s="6">
        <v>837.17930000000001</v>
      </c>
    </row>
    <row r="23201" spans="4:5" x14ac:dyDescent="0.25">
      <c r="D23201" s="6">
        <v>545.92190000000005</v>
      </c>
      <c r="E23201" s="6">
        <v>710.25059999999996</v>
      </c>
    </row>
    <row r="23202" spans="4:5" x14ac:dyDescent="0.25">
      <c r="D23202" s="6">
        <v>675.98030000000006</v>
      </c>
      <c r="E23202" s="6">
        <v>423.71519999999998</v>
      </c>
    </row>
    <row r="23203" spans="4:5" x14ac:dyDescent="0.25">
      <c r="D23203" s="6">
        <v>568.73429999999996</v>
      </c>
      <c r="E23203" s="6">
        <v>567.14239999999995</v>
      </c>
    </row>
    <row r="23204" spans="4:5" x14ac:dyDescent="0.25">
      <c r="D23204" s="6">
        <v>562.90480000000002</v>
      </c>
      <c r="E23204" s="6">
        <v>998.09690000000001</v>
      </c>
    </row>
    <row r="23205" spans="4:5" x14ac:dyDescent="0.25">
      <c r="D23205" s="6">
        <v>696.66669999999999</v>
      </c>
      <c r="E23205" s="6">
        <v>2196.643</v>
      </c>
    </row>
    <row r="23206" spans="4:5" x14ac:dyDescent="0.25">
      <c r="D23206" s="6">
        <v>650.02089999999998</v>
      </c>
      <c r="E23206" s="6">
        <v>3401.0149999999999</v>
      </c>
    </row>
    <row r="23207" spans="4:5" x14ac:dyDescent="0.25">
      <c r="D23207" s="6">
        <v>1716.732</v>
      </c>
      <c r="E23207" s="6">
        <v>778.43820000000005</v>
      </c>
    </row>
    <row r="23208" spans="4:5" x14ac:dyDescent="0.25">
      <c r="D23208" s="6">
        <v>557.88469999999995</v>
      </c>
      <c r="E23208" s="6">
        <v>794.54610000000002</v>
      </c>
    </row>
    <row r="23209" spans="4:5" x14ac:dyDescent="0.25">
      <c r="D23209" s="6">
        <v>722.13670000000002</v>
      </c>
      <c r="E23209" s="6">
        <v>2849.1370000000002</v>
      </c>
    </row>
    <row r="23210" spans="4:5" x14ac:dyDescent="0.25">
      <c r="D23210" s="6">
        <v>707.38149999999996</v>
      </c>
      <c r="E23210" s="6">
        <v>704.19090000000006</v>
      </c>
    </row>
    <row r="23211" spans="4:5" x14ac:dyDescent="0.25">
      <c r="D23211" s="6">
        <v>648.68859999999995</v>
      </c>
      <c r="E23211" s="6">
        <v>900.75099999999998</v>
      </c>
    </row>
    <row r="23212" spans="4:5" x14ac:dyDescent="0.25">
      <c r="D23212" s="6">
        <v>5097.1059999999998</v>
      </c>
      <c r="E23212" s="6">
        <v>715.03779999999995</v>
      </c>
    </row>
    <row r="23213" spans="4:5" x14ac:dyDescent="0.25">
      <c r="D23213" s="6">
        <v>1131</v>
      </c>
      <c r="E23213" s="6">
        <v>903.56859999999995</v>
      </c>
    </row>
    <row r="23214" spans="4:5" x14ac:dyDescent="0.25">
      <c r="D23214" s="6">
        <v>590.8365</v>
      </c>
      <c r="E23214" s="6">
        <v>1638.8219999999999</v>
      </c>
    </row>
    <row r="23215" spans="4:5" x14ac:dyDescent="0.25">
      <c r="D23215" s="6">
        <v>579.01089999999999</v>
      </c>
      <c r="E23215" s="6">
        <v>191.57140000000001</v>
      </c>
    </row>
    <row r="23216" spans="4:5" x14ac:dyDescent="0.25">
      <c r="D23216" s="6">
        <v>2681.721</v>
      </c>
      <c r="E23216" s="6">
        <v>561.9579</v>
      </c>
    </row>
    <row r="23217" spans="4:5" x14ac:dyDescent="0.25">
      <c r="D23217" s="6">
        <v>599.00300000000004</v>
      </c>
      <c r="E23217" s="6">
        <v>883.85040000000004</v>
      </c>
    </row>
    <row r="23218" spans="4:5" x14ac:dyDescent="0.25">
      <c r="D23218" s="6">
        <v>747.44129999999996</v>
      </c>
      <c r="E23218" s="6">
        <v>825.24450000000002</v>
      </c>
    </row>
    <row r="23219" spans="4:5" x14ac:dyDescent="0.25">
      <c r="D23219" s="6">
        <v>713.25229999999999</v>
      </c>
      <c r="E23219" s="6">
        <v>743.90700000000004</v>
      </c>
    </row>
    <row r="23220" spans="4:5" x14ac:dyDescent="0.25">
      <c r="D23220" s="6">
        <v>609.16690000000006</v>
      </c>
      <c r="E23220" s="6">
        <v>650.17359999999996</v>
      </c>
    </row>
    <row r="23221" spans="4:5" x14ac:dyDescent="0.25">
      <c r="D23221" s="6">
        <v>504.85910000000001</v>
      </c>
      <c r="E23221" s="6">
        <v>812.23320000000001</v>
      </c>
    </row>
    <row r="23222" spans="4:5" x14ac:dyDescent="0.25">
      <c r="D23222" s="6">
        <v>811.13239999999996</v>
      </c>
      <c r="E23222" s="6">
        <v>5039.4430000000002</v>
      </c>
    </row>
    <row r="23223" spans="4:5" x14ac:dyDescent="0.25">
      <c r="D23223" s="6">
        <v>634.42349999999999</v>
      </c>
      <c r="E23223" s="6">
        <v>727.86649999999997</v>
      </c>
    </row>
    <row r="23224" spans="4:5" x14ac:dyDescent="0.25">
      <c r="D23224" s="6">
        <v>928.06060000000002</v>
      </c>
      <c r="E23224" s="6">
        <v>578.28300000000002</v>
      </c>
    </row>
    <row r="23225" spans="4:5" x14ac:dyDescent="0.25">
      <c r="D23225" s="6">
        <v>518.63890000000004</v>
      </c>
      <c r="E23225" s="6">
        <v>2015.32</v>
      </c>
    </row>
    <row r="23226" spans="4:5" x14ac:dyDescent="0.25">
      <c r="D23226" s="6">
        <v>799.55510000000004</v>
      </c>
      <c r="E23226" s="6">
        <v>754.58820000000003</v>
      </c>
    </row>
    <row r="23227" spans="4:5" x14ac:dyDescent="0.25">
      <c r="D23227" s="6">
        <v>1086.298</v>
      </c>
      <c r="E23227" s="6">
        <v>561.99339999999995</v>
      </c>
    </row>
    <row r="23228" spans="4:5" x14ac:dyDescent="0.25">
      <c r="D23228" s="6">
        <v>860.46969999999999</v>
      </c>
      <c r="E23228" s="6">
        <v>5791.2070000000003</v>
      </c>
    </row>
    <row r="23229" spans="4:5" x14ac:dyDescent="0.25">
      <c r="D23229" s="6">
        <v>698.72050000000002</v>
      </c>
      <c r="E23229" s="6">
        <v>2190.453</v>
      </c>
    </row>
    <row r="23230" spans="4:5" x14ac:dyDescent="0.25">
      <c r="D23230" s="6">
        <v>853.41920000000005</v>
      </c>
      <c r="E23230" s="6">
        <v>456.2885</v>
      </c>
    </row>
    <row r="23231" spans="4:5" x14ac:dyDescent="0.25">
      <c r="D23231" s="6">
        <v>792.31209999999999</v>
      </c>
      <c r="E23231" s="6">
        <v>732.57889999999998</v>
      </c>
    </row>
    <row r="23232" spans="4:5" x14ac:dyDescent="0.25">
      <c r="D23232" s="6">
        <v>688.8596</v>
      </c>
      <c r="E23232" s="6">
        <v>1453.2819999999999</v>
      </c>
    </row>
    <row r="23233" spans="4:5" x14ac:dyDescent="0.25">
      <c r="D23233" s="6">
        <v>677.42370000000005</v>
      </c>
      <c r="E23233" s="6">
        <v>709.78560000000004</v>
      </c>
    </row>
    <row r="23234" spans="4:5" x14ac:dyDescent="0.25">
      <c r="D23234" s="6">
        <v>445.98</v>
      </c>
      <c r="E23234" s="6">
        <v>678.13610000000006</v>
      </c>
    </row>
    <row r="23235" spans="4:5" x14ac:dyDescent="0.25">
      <c r="D23235" s="6">
        <v>852.71019999999999</v>
      </c>
      <c r="E23235" s="6">
        <v>632.80560000000003</v>
      </c>
    </row>
    <row r="23236" spans="4:5" x14ac:dyDescent="0.25">
      <c r="D23236" s="6">
        <v>833.6309</v>
      </c>
      <c r="E23236" s="6">
        <v>691.66250000000002</v>
      </c>
    </row>
    <row r="23237" spans="4:5" x14ac:dyDescent="0.25">
      <c r="D23237" s="6">
        <v>610.03650000000005</v>
      </c>
      <c r="E23237" s="6">
        <v>684.33950000000004</v>
      </c>
    </row>
    <row r="23238" spans="4:5" x14ac:dyDescent="0.25">
      <c r="D23238" s="6">
        <v>764.04060000000004</v>
      </c>
      <c r="E23238" s="6">
        <v>493.62619999999998</v>
      </c>
    </row>
    <row r="23239" spans="4:5" x14ac:dyDescent="0.25">
      <c r="D23239" s="6">
        <v>876.07050000000004</v>
      </c>
      <c r="E23239" s="6">
        <v>934.899</v>
      </c>
    </row>
    <row r="23240" spans="4:5" x14ac:dyDescent="0.25">
      <c r="D23240" s="6">
        <v>791.95159999999998</v>
      </c>
      <c r="E23240" s="6">
        <v>705.67719999999997</v>
      </c>
    </row>
    <row r="23241" spans="4:5" x14ac:dyDescent="0.25">
      <c r="D23241" s="6">
        <v>1609.288</v>
      </c>
      <c r="E23241" s="6">
        <v>8124.933</v>
      </c>
    </row>
    <row r="23242" spans="4:5" x14ac:dyDescent="0.25">
      <c r="D23242" s="6">
        <v>712.61609999999996</v>
      </c>
      <c r="E23242" s="6">
        <v>638.31489999999997</v>
      </c>
    </row>
    <row r="23243" spans="4:5" x14ac:dyDescent="0.25">
      <c r="D23243" s="6">
        <v>782.92290000000003</v>
      </c>
      <c r="E23243" s="6">
        <v>524.89530000000002</v>
      </c>
    </row>
    <row r="23244" spans="4:5" x14ac:dyDescent="0.25">
      <c r="D23244" s="6">
        <v>9050.232</v>
      </c>
      <c r="E23244" s="6">
        <v>701.70680000000004</v>
      </c>
    </row>
    <row r="23245" spans="4:5" x14ac:dyDescent="0.25">
      <c r="D23245" s="6">
        <v>1138.9100000000001</v>
      </c>
      <c r="E23245" s="6">
        <v>667.36990000000003</v>
      </c>
    </row>
    <row r="23246" spans="4:5" x14ac:dyDescent="0.25">
      <c r="D23246" s="6">
        <v>796.84339999999997</v>
      </c>
      <c r="E23246" s="6">
        <v>1029.0070000000001</v>
      </c>
    </row>
    <row r="23247" spans="4:5" x14ac:dyDescent="0.25">
      <c r="D23247" s="6">
        <v>781.85329999999999</v>
      </c>
      <c r="E23247" s="6">
        <v>1539.2539999999999</v>
      </c>
    </row>
    <row r="23248" spans="4:5" x14ac:dyDescent="0.25">
      <c r="D23248" s="6">
        <v>623.66669999999999</v>
      </c>
      <c r="E23248" s="6">
        <v>4681.7160000000003</v>
      </c>
    </row>
    <row r="23249" spans="4:5" x14ac:dyDescent="0.25">
      <c r="D23249" s="6">
        <v>613.28060000000005</v>
      </c>
      <c r="E23249" s="6">
        <v>5171.0519999999997</v>
      </c>
    </row>
    <row r="23250" spans="4:5" x14ac:dyDescent="0.25">
      <c r="D23250" s="6">
        <v>611.18719999999996</v>
      </c>
      <c r="E23250" s="6">
        <v>632.30550000000005</v>
      </c>
    </row>
    <row r="23251" spans="4:5" x14ac:dyDescent="0.25">
      <c r="D23251" s="6">
        <v>672.29960000000005</v>
      </c>
      <c r="E23251" s="6">
        <v>1016.378</v>
      </c>
    </row>
    <row r="23252" spans="4:5" x14ac:dyDescent="0.25">
      <c r="D23252" s="6">
        <v>1738.6769999999999</v>
      </c>
      <c r="E23252" s="6">
        <v>5737.2759999999998</v>
      </c>
    </row>
    <row r="23253" spans="4:5" x14ac:dyDescent="0.25">
      <c r="D23253" s="6">
        <v>784.18489999999997</v>
      </c>
      <c r="E23253" s="6">
        <v>690.60550000000001</v>
      </c>
    </row>
    <row r="23254" spans="4:5" x14ac:dyDescent="0.25">
      <c r="D23254" s="6">
        <v>623.37860000000001</v>
      </c>
      <c r="E23254" s="6">
        <v>774.49940000000004</v>
      </c>
    </row>
    <row r="23255" spans="4:5" x14ac:dyDescent="0.25">
      <c r="D23255" s="6">
        <v>608.54480000000001</v>
      </c>
      <c r="E23255" s="6">
        <v>709.87620000000004</v>
      </c>
    </row>
    <row r="23256" spans="4:5" x14ac:dyDescent="0.25">
      <c r="D23256" s="6">
        <v>1735.5509999999999</v>
      </c>
      <c r="E23256" s="6">
        <v>1244.155</v>
      </c>
    </row>
    <row r="23257" spans="4:5" x14ac:dyDescent="0.25">
      <c r="D23257" s="6">
        <v>830.13530000000003</v>
      </c>
      <c r="E23257" s="6">
        <v>873.34799999999996</v>
      </c>
    </row>
    <row r="23258" spans="4:5" x14ac:dyDescent="0.25">
      <c r="D23258" s="6">
        <v>729.08249999999998</v>
      </c>
      <c r="E23258" s="6">
        <v>692.6943</v>
      </c>
    </row>
    <row r="23259" spans="4:5" x14ac:dyDescent="0.25">
      <c r="D23259" s="6">
        <v>728.92160000000001</v>
      </c>
      <c r="E23259" s="6">
        <v>667.5</v>
      </c>
    </row>
    <row r="23260" spans="4:5" x14ac:dyDescent="0.25">
      <c r="D23260" s="6">
        <v>1474.14</v>
      </c>
      <c r="E23260" s="6">
        <v>667.77409999999998</v>
      </c>
    </row>
    <row r="23261" spans="4:5" x14ac:dyDescent="0.25">
      <c r="D23261" s="6">
        <v>504.25670000000002</v>
      </c>
      <c r="E23261" s="6">
        <v>930.4434</v>
      </c>
    </row>
    <row r="23262" spans="4:5" x14ac:dyDescent="0.25">
      <c r="D23262" s="6">
        <v>775.36599999999999</v>
      </c>
      <c r="E23262" s="6">
        <v>707.41970000000003</v>
      </c>
    </row>
    <row r="23263" spans="4:5" x14ac:dyDescent="0.25">
      <c r="D23263" s="6">
        <v>575.65359999999998</v>
      </c>
      <c r="E23263" s="6">
        <v>802.31359999999995</v>
      </c>
    </row>
    <row r="23264" spans="4:5" x14ac:dyDescent="0.25">
      <c r="D23264" s="6">
        <v>817.36199999999997</v>
      </c>
      <c r="E23264" s="6">
        <v>660.42430000000002</v>
      </c>
    </row>
    <row r="23265" spans="4:5" x14ac:dyDescent="0.25">
      <c r="D23265" s="6">
        <v>4636</v>
      </c>
      <c r="E23265" s="6">
        <v>1085.566</v>
      </c>
    </row>
    <row r="23266" spans="4:5" x14ac:dyDescent="0.25">
      <c r="D23266" s="6">
        <v>529.90499999999997</v>
      </c>
      <c r="E23266" s="6">
        <v>826.20669999999996</v>
      </c>
    </row>
    <row r="23267" spans="4:5" x14ac:dyDescent="0.25">
      <c r="D23267" s="6">
        <v>611.54610000000002</v>
      </c>
      <c r="E23267" s="6">
        <v>1568.229</v>
      </c>
    </row>
    <row r="23268" spans="4:5" x14ac:dyDescent="0.25">
      <c r="D23268" s="6">
        <v>640.89160000000004</v>
      </c>
      <c r="E23268" s="6">
        <v>650.66669999999999</v>
      </c>
    </row>
    <row r="23269" spans="4:5" x14ac:dyDescent="0.25">
      <c r="D23269" s="6">
        <v>900.16489999999999</v>
      </c>
      <c r="E23269" s="6">
        <v>607.59810000000004</v>
      </c>
    </row>
    <row r="23270" spans="4:5" x14ac:dyDescent="0.25">
      <c r="D23270" s="6">
        <v>627.38660000000004</v>
      </c>
      <c r="E23270" s="6">
        <v>782.79470000000003</v>
      </c>
    </row>
    <row r="23271" spans="4:5" x14ac:dyDescent="0.25">
      <c r="D23271" s="6">
        <v>506.57679999999999</v>
      </c>
      <c r="E23271" s="6">
        <v>889.04179999999997</v>
      </c>
    </row>
    <row r="23272" spans="4:5" x14ac:dyDescent="0.25">
      <c r="D23272" s="6">
        <v>549.94970000000001</v>
      </c>
      <c r="E23272" s="6">
        <v>646.82190000000003</v>
      </c>
    </row>
    <row r="23273" spans="4:5" x14ac:dyDescent="0.25">
      <c r="D23273" s="6">
        <v>1771.3240000000001</v>
      </c>
      <c r="E23273" s="6">
        <v>700.05340000000001</v>
      </c>
    </row>
    <row r="23274" spans="4:5" x14ac:dyDescent="0.25">
      <c r="D23274" s="6">
        <v>633.07399999999996</v>
      </c>
      <c r="E23274" s="6">
        <v>6387.6940000000004</v>
      </c>
    </row>
    <row r="23275" spans="4:5" x14ac:dyDescent="0.25">
      <c r="D23275" s="6">
        <v>714.33759999999995</v>
      </c>
      <c r="E23275" s="6">
        <v>705.50400000000002</v>
      </c>
    </row>
    <row r="23276" spans="4:5" x14ac:dyDescent="0.25">
      <c r="D23276" s="6">
        <v>3402.1480000000001</v>
      </c>
      <c r="E23276" s="6">
        <v>950.76170000000002</v>
      </c>
    </row>
    <row r="23277" spans="4:5" x14ac:dyDescent="0.25">
      <c r="D23277" s="6">
        <v>1223.5419999999999</v>
      </c>
      <c r="E23277" s="6">
        <v>5218.8620000000001</v>
      </c>
    </row>
    <row r="23278" spans="4:5" x14ac:dyDescent="0.25">
      <c r="D23278" s="6">
        <v>680.31650000000002</v>
      </c>
      <c r="E23278" s="6">
        <v>665.13940000000002</v>
      </c>
    </row>
    <row r="23279" spans="4:5" x14ac:dyDescent="0.25">
      <c r="D23279" s="6">
        <v>597.07740000000001</v>
      </c>
      <c r="E23279" s="6">
        <v>711.95920000000001</v>
      </c>
    </row>
    <row r="23280" spans="4:5" x14ac:dyDescent="0.25">
      <c r="D23280" s="6">
        <v>5965.5529999999999</v>
      </c>
      <c r="E23280" s="6">
        <v>780.33489999999995</v>
      </c>
    </row>
    <row r="23281" spans="4:5" x14ac:dyDescent="0.25">
      <c r="D23281" s="6">
        <v>732.20650000000001</v>
      </c>
      <c r="E23281" s="6">
        <v>580.62030000000004</v>
      </c>
    </row>
    <row r="23282" spans="4:5" x14ac:dyDescent="0.25">
      <c r="D23282" s="6">
        <v>663.30520000000001</v>
      </c>
      <c r="E23282" s="6">
        <v>2441.1799999999998</v>
      </c>
    </row>
    <row r="23283" spans="4:5" x14ac:dyDescent="0.25">
      <c r="D23283" s="6">
        <v>485.81849999999997</v>
      </c>
      <c r="E23283" s="6">
        <v>4985.0420000000004</v>
      </c>
    </row>
    <row r="23284" spans="4:5" x14ac:dyDescent="0.25">
      <c r="D23284" s="6">
        <v>706.98599999999999</v>
      </c>
      <c r="E23284" s="6">
        <v>613.50570000000005</v>
      </c>
    </row>
    <row r="23285" spans="4:5" x14ac:dyDescent="0.25">
      <c r="D23285" s="6">
        <v>1259.085</v>
      </c>
      <c r="E23285" s="6">
        <v>4810.0879999999997</v>
      </c>
    </row>
    <row r="23286" spans="4:5" x14ac:dyDescent="0.25">
      <c r="D23286" s="6">
        <v>3770</v>
      </c>
      <c r="E23286" s="6">
        <v>1049.7380000000001</v>
      </c>
    </row>
    <row r="23287" spans="4:5" x14ac:dyDescent="0.25">
      <c r="D23287" s="6">
        <v>1208.598</v>
      </c>
      <c r="E23287" s="6">
        <v>781.18280000000004</v>
      </c>
    </row>
    <row r="23288" spans="4:5" x14ac:dyDescent="0.25">
      <c r="D23288" s="6">
        <v>705.27059999999994</v>
      </c>
      <c r="E23288" s="6">
        <v>808.27499999999998</v>
      </c>
    </row>
    <row r="23289" spans="4:5" x14ac:dyDescent="0.25">
      <c r="D23289" s="6">
        <v>6306.7920000000004</v>
      </c>
      <c r="E23289" s="6">
        <v>1390.9760000000001</v>
      </c>
    </row>
    <row r="23290" spans="4:5" x14ac:dyDescent="0.25">
      <c r="D23290" s="6">
        <v>636.9511</v>
      </c>
      <c r="E23290" s="6">
        <v>700.48099999999999</v>
      </c>
    </row>
    <row r="23291" spans="4:5" x14ac:dyDescent="0.25">
      <c r="D23291" s="6">
        <v>972.50630000000001</v>
      </c>
      <c r="E23291" s="6">
        <v>768.30560000000003</v>
      </c>
    </row>
    <row r="23292" spans="4:5" x14ac:dyDescent="0.25">
      <c r="D23292" s="6">
        <v>546.64440000000002</v>
      </c>
      <c r="E23292" s="6">
        <v>1202.5129999999999</v>
      </c>
    </row>
    <row r="23293" spans="4:5" x14ac:dyDescent="0.25">
      <c r="D23293" s="6">
        <v>1328.4169999999999</v>
      </c>
      <c r="E23293" s="6">
        <v>718.423</v>
      </c>
    </row>
    <row r="23294" spans="4:5" x14ac:dyDescent="0.25">
      <c r="D23294" s="6">
        <v>577.68579999999997</v>
      </c>
      <c r="E23294" s="6">
        <v>576.60810000000004</v>
      </c>
    </row>
    <row r="23295" spans="4:5" x14ac:dyDescent="0.25">
      <c r="D23295" s="6">
        <v>733.90869999999995</v>
      </c>
      <c r="E23295" s="6">
        <v>770.20060000000001</v>
      </c>
    </row>
    <row r="23296" spans="4:5" x14ac:dyDescent="0.25">
      <c r="D23296" s="6">
        <v>3735.2089999999998</v>
      </c>
      <c r="E23296" s="6">
        <v>4544.9309999999996</v>
      </c>
    </row>
    <row r="23297" spans="4:5" x14ac:dyDescent="0.25">
      <c r="D23297" s="6">
        <v>740.98940000000005</v>
      </c>
      <c r="E23297" s="6">
        <v>757.33550000000002</v>
      </c>
    </row>
    <row r="23298" spans="4:5" x14ac:dyDescent="0.25">
      <c r="D23298" s="6">
        <v>810.05190000000005</v>
      </c>
      <c r="E23298" s="6">
        <v>3856.6849999999999</v>
      </c>
    </row>
    <row r="23299" spans="4:5" x14ac:dyDescent="0.25">
      <c r="D23299" s="6">
        <v>484.86279999999999</v>
      </c>
      <c r="E23299" s="6">
        <v>865.05039999999997</v>
      </c>
    </row>
    <row r="23300" spans="4:5" x14ac:dyDescent="0.25">
      <c r="D23300" s="6">
        <v>758.30600000000004</v>
      </c>
      <c r="E23300" s="6">
        <v>5550.1369999999997</v>
      </c>
    </row>
    <row r="23301" spans="4:5" x14ac:dyDescent="0.25">
      <c r="D23301" s="6">
        <v>773.02859999999998</v>
      </c>
      <c r="E23301" s="6">
        <v>1196.0840000000001</v>
      </c>
    </row>
    <row r="23302" spans="4:5" x14ac:dyDescent="0.25">
      <c r="D23302" s="6">
        <v>631.27530000000002</v>
      </c>
      <c r="E23302" s="6">
        <v>6861.0889999999999</v>
      </c>
    </row>
    <row r="23303" spans="4:5" x14ac:dyDescent="0.25">
      <c r="D23303" s="6">
        <v>767.86919999999998</v>
      </c>
      <c r="E23303" s="6">
        <v>2010.192</v>
      </c>
    </row>
    <row r="23304" spans="4:5" x14ac:dyDescent="0.25">
      <c r="D23304" s="6">
        <v>958.64020000000005</v>
      </c>
      <c r="E23304" s="6">
        <v>656.46370000000002</v>
      </c>
    </row>
    <row r="23305" spans="4:5" x14ac:dyDescent="0.25">
      <c r="D23305" s="6">
        <v>625.49670000000003</v>
      </c>
      <c r="E23305" s="6">
        <v>1041</v>
      </c>
    </row>
    <row r="23306" spans="4:5" x14ac:dyDescent="0.25">
      <c r="D23306" s="6">
        <v>641.54560000000004</v>
      </c>
      <c r="E23306" s="6">
        <v>732.01379999999995</v>
      </c>
    </row>
    <row r="23307" spans="4:5" x14ac:dyDescent="0.25">
      <c r="D23307" s="6">
        <v>458.51010000000002</v>
      </c>
      <c r="E23307" s="6">
        <v>533.27449999999999</v>
      </c>
    </row>
    <row r="23308" spans="4:5" x14ac:dyDescent="0.25">
      <c r="D23308" s="6">
        <v>621.5154</v>
      </c>
      <c r="E23308" s="6">
        <v>876.23140000000001</v>
      </c>
    </row>
    <row r="23309" spans="4:5" x14ac:dyDescent="0.25">
      <c r="D23309" s="6">
        <v>755.30240000000003</v>
      </c>
      <c r="E23309" s="6">
        <v>575.4298</v>
      </c>
    </row>
    <row r="23310" spans="4:5" x14ac:dyDescent="0.25">
      <c r="D23310" s="6">
        <v>681.96789999999999</v>
      </c>
      <c r="E23310" s="6">
        <v>881.76580000000001</v>
      </c>
    </row>
    <row r="23311" spans="4:5" x14ac:dyDescent="0.25">
      <c r="D23311" s="6">
        <v>640.6789</v>
      </c>
      <c r="E23311" s="6">
        <v>755.71749999999997</v>
      </c>
    </row>
    <row r="23312" spans="4:5" x14ac:dyDescent="0.25">
      <c r="D23312" s="6">
        <v>821.94569999999999</v>
      </c>
      <c r="E23312" s="6">
        <v>1055.8530000000001</v>
      </c>
    </row>
    <row r="23313" spans="4:5" x14ac:dyDescent="0.25">
      <c r="D23313" s="6">
        <v>697.4982</v>
      </c>
      <c r="E23313" s="6">
        <v>673.58280000000002</v>
      </c>
    </row>
    <row r="23314" spans="4:5" x14ac:dyDescent="0.25">
      <c r="D23314" s="6">
        <v>488.5</v>
      </c>
      <c r="E23314" s="6">
        <v>1810.86</v>
      </c>
    </row>
    <row r="23315" spans="4:5" x14ac:dyDescent="0.25">
      <c r="D23315" s="6">
        <v>690.11829999999998</v>
      </c>
      <c r="E23315" s="6">
        <v>530.10699999999997</v>
      </c>
    </row>
    <row r="23316" spans="4:5" x14ac:dyDescent="0.25">
      <c r="D23316" s="6">
        <v>699.17639999999994</v>
      </c>
      <c r="E23316" s="6">
        <v>554.61720000000003</v>
      </c>
    </row>
    <row r="23317" spans="4:5" x14ac:dyDescent="0.25">
      <c r="D23317" s="6">
        <v>845.56539999999995</v>
      </c>
      <c r="E23317" s="6">
        <v>6519.4989999999998</v>
      </c>
    </row>
    <row r="23318" spans="4:5" x14ac:dyDescent="0.25">
      <c r="D23318" s="6">
        <v>2459.75</v>
      </c>
      <c r="E23318" s="6">
        <v>647.35289999999998</v>
      </c>
    </row>
    <row r="23319" spans="4:5" x14ac:dyDescent="0.25">
      <c r="D23319" s="6">
        <v>695.5</v>
      </c>
      <c r="E23319" s="6">
        <v>1450.3979999999999</v>
      </c>
    </row>
    <row r="23320" spans="4:5" x14ac:dyDescent="0.25">
      <c r="D23320" s="6">
        <v>554.04219999999998</v>
      </c>
      <c r="E23320" s="6">
        <v>7204.0969999999998</v>
      </c>
    </row>
    <row r="23321" spans="4:5" x14ac:dyDescent="0.25">
      <c r="D23321" s="6">
        <v>704.53719999999998</v>
      </c>
      <c r="E23321" s="6">
        <v>986.51819999999998</v>
      </c>
    </row>
    <row r="23322" spans="4:5" x14ac:dyDescent="0.25">
      <c r="D23322" s="6">
        <v>2001.6379999999999</v>
      </c>
      <c r="E23322" s="6">
        <v>1708.6020000000001</v>
      </c>
    </row>
    <row r="23323" spans="4:5" x14ac:dyDescent="0.25">
      <c r="D23323" s="6">
        <v>627.88980000000004</v>
      </c>
      <c r="E23323" s="6">
        <v>411.90480000000002</v>
      </c>
    </row>
    <row r="23324" spans="4:5" x14ac:dyDescent="0.25">
      <c r="D23324" s="6">
        <v>766.51610000000005</v>
      </c>
      <c r="E23324" s="6">
        <v>677.87670000000003</v>
      </c>
    </row>
    <row r="23325" spans="4:5" x14ac:dyDescent="0.25">
      <c r="D23325" s="6">
        <v>1624.8589999999999</v>
      </c>
      <c r="E23325" s="6">
        <v>1789.6369999999999</v>
      </c>
    </row>
    <row r="23326" spans="4:5" x14ac:dyDescent="0.25">
      <c r="D23326" s="6">
        <v>789.16840000000002</v>
      </c>
      <c r="E23326" s="6">
        <v>1693.798</v>
      </c>
    </row>
    <row r="23327" spans="4:5" x14ac:dyDescent="0.25">
      <c r="D23327" s="6">
        <v>771.72239999999999</v>
      </c>
      <c r="E23327" s="6">
        <v>1074.3530000000001</v>
      </c>
    </row>
    <row r="23328" spans="4:5" x14ac:dyDescent="0.25">
      <c r="D23328" s="6">
        <v>646</v>
      </c>
      <c r="E23328" s="6">
        <v>2912.4670000000001</v>
      </c>
    </row>
    <row r="23329" spans="4:5" x14ac:dyDescent="0.25">
      <c r="D23329" s="6">
        <v>833.94119999999998</v>
      </c>
      <c r="E23329" s="6">
        <v>700.83169999999996</v>
      </c>
    </row>
    <row r="23330" spans="4:5" x14ac:dyDescent="0.25">
      <c r="D23330" s="6">
        <v>880.89350000000002</v>
      </c>
      <c r="E23330" s="6">
        <v>1113.8209999999999</v>
      </c>
    </row>
    <row r="23331" spans="4:5" x14ac:dyDescent="0.25">
      <c r="D23331" s="6">
        <v>513.20420000000001</v>
      </c>
      <c r="E23331" s="6">
        <v>4569.1369999999997</v>
      </c>
    </row>
    <row r="23332" spans="4:5" x14ac:dyDescent="0.25">
      <c r="D23332" s="6">
        <v>679.95050000000003</v>
      </c>
      <c r="E23332" s="6">
        <v>1202.357</v>
      </c>
    </row>
    <row r="23333" spans="4:5" x14ac:dyDescent="0.25">
      <c r="D23333" s="6">
        <v>840.63610000000006</v>
      </c>
      <c r="E23333" s="6">
        <v>7548.0940000000001</v>
      </c>
    </row>
    <row r="23334" spans="4:5" x14ac:dyDescent="0.25">
      <c r="D23334" s="6">
        <v>5321.4520000000002</v>
      </c>
      <c r="E23334" s="6">
        <v>6495.1850000000004</v>
      </c>
    </row>
    <row r="23335" spans="4:5" x14ac:dyDescent="0.25">
      <c r="D23335" s="6">
        <v>875.19659999999999</v>
      </c>
      <c r="E23335" s="6">
        <v>620.64949999999999</v>
      </c>
    </row>
    <row r="23336" spans="4:5" x14ac:dyDescent="0.25">
      <c r="D23336" s="6">
        <v>499.35930000000002</v>
      </c>
      <c r="E23336" s="6">
        <v>778.428</v>
      </c>
    </row>
    <row r="23337" spans="4:5" x14ac:dyDescent="0.25">
      <c r="D23337" s="6">
        <v>686.16610000000003</v>
      </c>
      <c r="E23337" s="6">
        <v>1617.992</v>
      </c>
    </row>
    <row r="23338" spans="4:5" x14ac:dyDescent="0.25">
      <c r="D23338" s="6">
        <v>1053.7439999999999</v>
      </c>
      <c r="E23338" s="6">
        <v>976.25</v>
      </c>
    </row>
    <row r="23339" spans="4:5" x14ac:dyDescent="0.25">
      <c r="D23339" s="6">
        <v>581.21159999999998</v>
      </c>
      <c r="E23339" s="6">
        <v>4696</v>
      </c>
    </row>
    <row r="23340" spans="4:5" x14ac:dyDescent="0.25">
      <c r="D23340" s="6">
        <v>664.61850000000004</v>
      </c>
      <c r="E23340" s="6">
        <v>3794.19</v>
      </c>
    </row>
    <row r="23341" spans="4:5" x14ac:dyDescent="0.25">
      <c r="D23341" s="6">
        <v>857.71460000000002</v>
      </c>
      <c r="E23341" s="6">
        <v>435.41609999999997</v>
      </c>
    </row>
    <row r="23342" spans="4:5" x14ac:dyDescent="0.25">
      <c r="D23342" s="6">
        <v>759.5394</v>
      </c>
      <c r="E23342" s="6">
        <v>791.14779999999996</v>
      </c>
    </row>
    <row r="23343" spans="4:5" x14ac:dyDescent="0.25">
      <c r="D23343" s="6">
        <v>719.09339999999997</v>
      </c>
      <c r="E23343" s="6">
        <v>577.94410000000005</v>
      </c>
    </row>
    <row r="23344" spans="4:5" x14ac:dyDescent="0.25">
      <c r="D23344" s="6">
        <v>1996</v>
      </c>
      <c r="E23344" s="6">
        <v>754.81970000000001</v>
      </c>
    </row>
    <row r="23345" spans="4:5" x14ac:dyDescent="0.25">
      <c r="D23345" s="6">
        <v>504.05329999999998</v>
      </c>
      <c r="E23345" s="6">
        <v>779.04449999999997</v>
      </c>
    </row>
    <row r="23346" spans="4:5" x14ac:dyDescent="0.25">
      <c r="D23346" s="6">
        <v>687.89819999999997</v>
      </c>
      <c r="E23346" s="6">
        <v>1536.135</v>
      </c>
    </row>
    <row r="23347" spans="4:5" x14ac:dyDescent="0.25">
      <c r="D23347" s="6">
        <v>650.7758</v>
      </c>
      <c r="E23347" s="6">
        <v>469.68700000000001</v>
      </c>
    </row>
    <row r="23348" spans="4:5" x14ac:dyDescent="0.25">
      <c r="D23348" s="6">
        <v>816.06179999999995</v>
      </c>
      <c r="E23348" s="6">
        <v>575.48440000000005</v>
      </c>
    </row>
    <row r="23349" spans="4:5" x14ac:dyDescent="0.25">
      <c r="D23349" s="6">
        <v>6743.9979999999996</v>
      </c>
      <c r="E23349" s="6">
        <v>680.30020000000002</v>
      </c>
    </row>
    <row r="23350" spans="4:5" x14ac:dyDescent="0.25">
      <c r="D23350" s="6">
        <v>854.68420000000003</v>
      </c>
      <c r="E23350" s="6">
        <v>584.29949999999997</v>
      </c>
    </row>
    <row r="23351" spans="4:5" x14ac:dyDescent="0.25">
      <c r="D23351" s="6">
        <v>595.94280000000003</v>
      </c>
      <c r="E23351" s="6">
        <v>743.52189999999996</v>
      </c>
    </row>
    <row r="23352" spans="4:5" x14ac:dyDescent="0.25">
      <c r="D23352" s="6">
        <v>484.4316</v>
      </c>
      <c r="E23352" s="6">
        <v>5599.308</v>
      </c>
    </row>
    <row r="23353" spans="4:5" x14ac:dyDescent="0.25">
      <c r="D23353" s="6">
        <v>2583.5300000000002</v>
      </c>
      <c r="E23353" s="6">
        <v>774.20960000000002</v>
      </c>
    </row>
    <row r="23354" spans="4:5" x14ac:dyDescent="0.25">
      <c r="D23354" s="6">
        <v>626.42600000000004</v>
      </c>
      <c r="E23354" s="6">
        <v>503.72809999999998</v>
      </c>
    </row>
    <row r="23355" spans="4:5" x14ac:dyDescent="0.25">
      <c r="D23355" s="6">
        <v>623.27599999999995</v>
      </c>
      <c r="E23355" s="6">
        <v>1037.223</v>
      </c>
    </row>
    <row r="23356" spans="4:5" x14ac:dyDescent="0.25">
      <c r="D23356" s="6">
        <v>725.9982</v>
      </c>
      <c r="E23356" s="6">
        <v>640.26710000000003</v>
      </c>
    </row>
    <row r="23357" spans="4:5" x14ac:dyDescent="0.25">
      <c r="D23357" s="6">
        <v>583.65419999999995</v>
      </c>
      <c r="E23357" s="6">
        <v>647.39800000000002</v>
      </c>
    </row>
    <row r="23358" spans="4:5" x14ac:dyDescent="0.25">
      <c r="D23358" s="6">
        <v>588.73540000000003</v>
      </c>
      <c r="E23358" s="6">
        <v>5185.9179999999997</v>
      </c>
    </row>
    <row r="23359" spans="4:5" x14ac:dyDescent="0.25">
      <c r="D23359" s="6">
        <v>727.22119999999995</v>
      </c>
      <c r="E23359" s="6">
        <v>695.11699999999996</v>
      </c>
    </row>
    <row r="23360" spans="4:5" x14ac:dyDescent="0.25">
      <c r="D23360" s="6">
        <v>977.35320000000002</v>
      </c>
      <c r="E23360" s="6">
        <v>792.43870000000004</v>
      </c>
    </row>
    <row r="23361" spans="4:5" x14ac:dyDescent="0.25">
      <c r="D23361" s="6">
        <v>610.6354</v>
      </c>
      <c r="E23361" s="6">
        <v>908.98500000000001</v>
      </c>
    </row>
    <row r="23362" spans="4:5" x14ac:dyDescent="0.25">
      <c r="D23362" s="6">
        <v>697.49540000000002</v>
      </c>
      <c r="E23362" s="6">
        <v>1233.3589999999999</v>
      </c>
    </row>
    <row r="23363" spans="4:5" x14ac:dyDescent="0.25">
      <c r="D23363" s="6">
        <v>679.827</v>
      </c>
      <c r="E23363" s="6">
        <v>512.35400000000004</v>
      </c>
    </row>
    <row r="23364" spans="4:5" x14ac:dyDescent="0.25">
      <c r="D23364" s="6">
        <v>745.47</v>
      </c>
      <c r="E23364" s="6">
        <v>1451.6369999999999</v>
      </c>
    </row>
    <row r="23365" spans="4:5" x14ac:dyDescent="0.25">
      <c r="D23365" s="6">
        <v>579.43409999999994</v>
      </c>
      <c r="E23365" s="6">
        <v>693.03679999999997</v>
      </c>
    </row>
    <row r="23366" spans="4:5" x14ac:dyDescent="0.25">
      <c r="D23366" s="6">
        <v>680.0181</v>
      </c>
      <c r="E23366" s="6">
        <v>736.21780000000001</v>
      </c>
    </row>
    <row r="23367" spans="4:5" x14ac:dyDescent="0.25">
      <c r="D23367" s="6">
        <v>625.3845</v>
      </c>
      <c r="E23367" s="6">
        <v>4847.7790000000005</v>
      </c>
    </row>
    <row r="23368" spans="4:5" x14ac:dyDescent="0.25">
      <c r="D23368" s="6">
        <v>3958.4169999999999</v>
      </c>
      <c r="E23368" s="6">
        <v>608.48929999999996</v>
      </c>
    </row>
    <row r="23369" spans="4:5" x14ac:dyDescent="0.25">
      <c r="D23369" s="6">
        <v>737.21519999999998</v>
      </c>
      <c r="E23369" s="6">
        <v>6229.7380000000003</v>
      </c>
    </row>
    <row r="23370" spans="4:5" x14ac:dyDescent="0.25">
      <c r="D23370" s="6">
        <v>655.41660000000002</v>
      </c>
      <c r="E23370" s="6">
        <v>4246.2960000000003</v>
      </c>
    </row>
    <row r="23371" spans="4:5" x14ac:dyDescent="0.25">
      <c r="D23371" s="6">
        <v>753.49810000000002</v>
      </c>
      <c r="E23371" s="6">
        <v>653.43359999999996</v>
      </c>
    </row>
    <row r="23372" spans="4:5" x14ac:dyDescent="0.25">
      <c r="D23372" s="6">
        <v>633.63869999999997</v>
      </c>
      <c r="E23372" s="6">
        <v>2302.9749999999999</v>
      </c>
    </row>
    <row r="23373" spans="4:5" x14ac:dyDescent="0.25">
      <c r="D23373" s="6">
        <v>696.86009999999999</v>
      </c>
      <c r="E23373" s="6">
        <v>583.97069999999997</v>
      </c>
    </row>
    <row r="23374" spans="4:5" x14ac:dyDescent="0.25">
      <c r="D23374" s="6">
        <v>659.60569999999996</v>
      </c>
      <c r="E23374" s="6">
        <v>1261.29</v>
      </c>
    </row>
    <row r="23375" spans="4:5" x14ac:dyDescent="0.25">
      <c r="D23375" s="6">
        <v>587.86789999999996</v>
      </c>
      <c r="E23375" s="6">
        <v>649.24919999999997</v>
      </c>
    </row>
    <row r="23376" spans="4:5" x14ac:dyDescent="0.25">
      <c r="D23376" s="6">
        <v>703.4085</v>
      </c>
      <c r="E23376" s="6">
        <v>776.84699999999998</v>
      </c>
    </row>
    <row r="23377" spans="4:5" x14ac:dyDescent="0.25">
      <c r="D23377" s="6">
        <v>769.2527</v>
      </c>
      <c r="E23377" s="6">
        <v>1012.191</v>
      </c>
    </row>
    <row r="23378" spans="4:5" x14ac:dyDescent="0.25">
      <c r="D23378" s="6">
        <v>750.48879999999997</v>
      </c>
      <c r="E23378" s="6">
        <v>698.49270000000001</v>
      </c>
    </row>
    <row r="23379" spans="4:5" x14ac:dyDescent="0.25">
      <c r="D23379" s="6">
        <v>2363.029</v>
      </c>
      <c r="E23379" s="6">
        <v>4126.3379999999997</v>
      </c>
    </row>
    <row r="23380" spans="4:5" x14ac:dyDescent="0.25">
      <c r="D23380" s="6">
        <v>491.27480000000003</v>
      </c>
      <c r="E23380" s="6">
        <v>1561.4290000000001</v>
      </c>
    </row>
    <row r="23381" spans="4:5" x14ac:dyDescent="0.25">
      <c r="D23381" s="6">
        <v>676.89030000000002</v>
      </c>
      <c r="E23381" s="6">
        <v>648.40049999999997</v>
      </c>
    </row>
    <row r="23382" spans="4:5" x14ac:dyDescent="0.25">
      <c r="D23382" s="6">
        <v>700.08270000000005</v>
      </c>
      <c r="E23382" s="6">
        <v>681.45609999999999</v>
      </c>
    </row>
    <row r="23383" spans="4:5" x14ac:dyDescent="0.25">
      <c r="D23383" s="6">
        <v>1124.3499999999999</v>
      </c>
      <c r="E23383" s="6">
        <v>589.56529999999998</v>
      </c>
    </row>
    <row r="23384" spans="4:5" x14ac:dyDescent="0.25">
      <c r="D23384" s="6">
        <v>634.25580000000002</v>
      </c>
      <c r="E23384" s="6">
        <v>4075.1509999999998</v>
      </c>
    </row>
    <row r="23385" spans="4:5" x14ac:dyDescent="0.25">
      <c r="D23385" s="6">
        <v>876.91539999999998</v>
      </c>
      <c r="E23385" s="6">
        <v>1556.701</v>
      </c>
    </row>
    <row r="23386" spans="4:5" x14ac:dyDescent="0.25">
      <c r="D23386" s="6">
        <v>1077.029</v>
      </c>
      <c r="E23386" s="6">
        <v>14388.5</v>
      </c>
    </row>
    <row r="23387" spans="4:5" x14ac:dyDescent="0.25">
      <c r="D23387" s="6">
        <v>759.80589999999995</v>
      </c>
      <c r="E23387" s="6">
        <v>579.46220000000005</v>
      </c>
    </row>
    <row r="23388" spans="4:5" x14ac:dyDescent="0.25">
      <c r="D23388" s="6">
        <v>1437.7280000000001</v>
      </c>
      <c r="E23388" s="6">
        <v>768.26319999999998</v>
      </c>
    </row>
    <row r="23389" spans="4:5" x14ac:dyDescent="0.25">
      <c r="D23389" s="6">
        <v>1163.819</v>
      </c>
      <c r="E23389" s="6">
        <v>562.55020000000002</v>
      </c>
    </row>
    <row r="23390" spans="4:5" x14ac:dyDescent="0.25">
      <c r="D23390" s="6">
        <v>1260.2850000000001</v>
      </c>
      <c r="E23390" s="6">
        <v>611.9058</v>
      </c>
    </row>
    <row r="23391" spans="4:5" x14ac:dyDescent="0.25">
      <c r="D23391" s="6">
        <v>1243.5840000000001</v>
      </c>
      <c r="E23391" s="6">
        <v>587</v>
      </c>
    </row>
    <row r="23392" spans="4:5" x14ac:dyDescent="0.25">
      <c r="D23392" s="6">
        <v>536.42579999999998</v>
      </c>
      <c r="E23392" s="6">
        <v>621.23559999999998</v>
      </c>
    </row>
    <row r="23393" spans="4:5" x14ac:dyDescent="0.25">
      <c r="D23393" s="6">
        <v>712.74289999999996</v>
      </c>
      <c r="E23393" s="6">
        <v>8336.7119999999995</v>
      </c>
    </row>
    <row r="23394" spans="4:5" x14ac:dyDescent="0.25">
      <c r="D23394" s="6">
        <v>776.6893</v>
      </c>
      <c r="E23394" s="6">
        <v>5540.9750000000004</v>
      </c>
    </row>
    <row r="23395" spans="4:5" x14ac:dyDescent="0.25">
      <c r="D23395" s="6">
        <v>641.7011</v>
      </c>
      <c r="E23395" s="6">
        <v>4021.5140000000001</v>
      </c>
    </row>
    <row r="23396" spans="4:5" x14ac:dyDescent="0.25">
      <c r="D23396" s="6">
        <v>664.39250000000004</v>
      </c>
      <c r="E23396" s="6">
        <v>2740.8850000000002</v>
      </c>
    </row>
    <row r="23397" spans="4:5" x14ac:dyDescent="0.25">
      <c r="D23397" s="6">
        <v>833.82320000000004</v>
      </c>
      <c r="E23397" s="6">
        <v>527.75419999999997</v>
      </c>
    </row>
    <row r="23398" spans="4:5" x14ac:dyDescent="0.25">
      <c r="D23398" s="6">
        <v>618.25789999999995</v>
      </c>
      <c r="E23398" s="6">
        <v>738.85799999999995</v>
      </c>
    </row>
    <row r="23399" spans="4:5" x14ac:dyDescent="0.25">
      <c r="D23399" s="6">
        <v>3124.433</v>
      </c>
      <c r="E23399" s="6">
        <v>736.11670000000004</v>
      </c>
    </row>
    <row r="23400" spans="4:5" x14ac:dyDescent="0.25">
      <c r="D23400" s="6">
        <v>3416.94</v>
      </c>
      <c r="E23400" s="6">
        <v>711.98950000000002</v>
      </c>
    </row>
    <row r="23401" spans="4:5" x14ac:dyDescent="0.25">
      <c r="D23401" s="6">
        <v>1105.9570000000001</v>
      </c>
      <c r="E23401" s="6">
        <v>633.29740000000004</v>
      </c>
    </row>
    <row r="23402" spans="4:5" x14ac:dyDescent="0.25">
      <c r="D23402" s="6">
        <v>642.56389999999999</v>
      </c>
      <c r="E23402" s="6">
        <v>716.88890000000004</v>
      </c>
    </row>
    <row r="23403" spans="4:5" x14ac:dyDescent="0.25">
      <c r="D23403" s="6">
        <v>607.97289999999998</v>
      </c>
      <c r="E23403" s="6">
        <v>589.58799999999997</v>
      </c>
    </row>
    <row r="23404" spans="4:5" x14ac:dyDescent="0.25">
      <c r="D23404" s="6">
        <v>848.88750000000005</v>
      </c>
      <c r="E23404" s="6">
        <v>610.24850000000004</v>
      </c>
    </row>
    <row r="23405" spans="4:5" x14ac:dyDescent="0.25">
      <c r="D23405" s="6">
        <v>750.60530000000006</v>
      </c>
      <c r="E23405" s="6">
        <v>614.34100000000001</v>
      </c>
    </row>
    <row r="23406" spans="4:5" x14ac:dyDescent="0.25">
      <c r="D23406" s="6">
        <v>702.15099999999995</v>
      </c>
      <c r="E23406" s="6">
        <v>585.84320000000002</v>
      </c>
    </row>
    <row r="23407" spans="4:5" x14ac:dyDescent="0.25">
      <c r="D23407" s="6">
        <v>707.02819999999997</v>
      </c>
      <c r="E23407" s="6">
        <v>730.38930000000005</v>
      </c>
    </row>
    <row r="23408" spans="4:5" x14ac:dyDescent="0.25">
      <c r="D23408" s="6">
        <v>735.04849999999999</v>
      </c>
      <c r="E23408" s="6">
        <v>791.77819999999997</v>
      </c>
    </row>
    <row r="23409" spans="4:5" x14ac:dyDescent="0.25">
      <c r="D23409" s="6">
        <v>806.15369999999996</v>
      </c>
      <c r="E23409" s="6">
        <v>893.58439999999996</v>
      </c>
    </row>
    <row r="23410" spans="4:5" x14ac:dyDescent="0.25">
      <c r="D23410" s="6">
        <v>759.59780000000001</v>
      </c>
      <c r="E23410" s="6">
        <v>643.84479999999996</v>
      </c>
    </row>
    <row r="23411" spans="4:5" x14ac:dyDescent="0.25">
      <c r="D23411" s="6">
        <v>506.91730000000001</v>
      </c>
      <c r="E23411" s="6">
        <v>635.77170000000001</v>
      </c>
    </row>
    <row r="23412" spans="4:5" x14ac:dyDescent="0.25">
      <c r="D23412" s="6">
        <v>1118.7270000000001</v>
      </c>
      <c r="E23412" s="6">
        <v>5775.8040000000001</v>
      </c>
    </row>
    <row r="23413" spans="4:5" x14ac:dyDescent="0.25">
      <c r="D23413" s="6">
        <v>684.70979999999997</v>
      </c>
      <c r="E23413" s="6">
        <v>585.35919999999999</v>
      </c>
    </row>
    <row r="23414" spans="4:5" x14ac:dyDescent="0.25">
      <c r="D23414" s="6">
        <v>622.202</v>
      </c>
      <c r="E23414" s="6">
        <v>799.87490000000003</v>
      </c>
    </row>
    <row r="23415" spans="4:5" x14ac:dyDescent="0.25">
      <c r="D23415" s="6">
        <v>1186.184</v>
      </c>
      <c r="E23415" s="6">
        <v>1289.614</v>
      </c>
    </row>
    <row r="23416" spans="4:5" x14ac:dyDescent="0.25">
      <c r="D23416" s="6">
        <v>1087.9280000000001</v>
      </c>
      <c r="E23416" s="6">
        <v>1499.508</v>
      </c>
    </row>
    <row r="23417" spans="4:5" x14ac:dyDescent="0.25">
      <c r="D23417" s="6">
        <v>884.69830000000002</v>
      </c>
      <c r="E23417" s="6">
        <v>1974.2940000000001</v>
      </c>
    </row>
    <row r="23418" spans="4:5" x14ac:dyDescent="0.25">
      <c r="D23418" s="6">
        <v>677.67619999999999</v>
      </c>
      <c r="E23418" s="6">
        <v>587.83969999999999</v>
      </c>
    </row>
    <row r="23419" spans="4:5" x14ac:dyDescent="0.25">
      <c r="D23419" s="6">
        <v>561.80079999999998</v>
      </c>
      <c r="E23419" s="6">
        <v>1214.423</v>
      </c>
    </row>
    <row r="23420" spans="4:5" x14ac:dyDescent="0.25">
      <c r="D23420" s="6">
        <v>1142.9770000000001</v>
      </c>
      <c r="E23420" s="6">
        <v>4965.0780000000004</v>
      </c>
    </row>
    <row r="23421" spans="4:5" x14ac:dyDescent="0.25">
      <c r="D23421" s="6">
        <v>723.93949999999995</v>
      </c>
      <c r="E23421" s="6">
        <v>614.08349999999996</v>
      </c>
    </row>
    <row r="23422" spans="4:5" x14ac:dyDescent="0.25">
      <c r="D23422" s="6">
        <v>703.83090000000004</v>
      </c>
      <c r="E23422" s="6">
        <v>3199.75</v>
      </c>
    </row>
    <row r="23423" spans="4:5" x14ac:dyDescent="0.25">
      <c r="D23423" s="6">
        <v>895.48590000000002</v>
      </c>
      <c r="E23423" s="6">
        <v>878.18309999999997</v>
      </c>
    </row>
    <row r="23424" spans="4:5" x14ac:dyDescent="0.25">
      <c r="D23424" s="6">
        <v>1155.296</v>
      </c>
      <c r="E23424" s="6">
        <v>776.7749</v>
      </c>
    </row>
    <row r="23425" spans="4:5" x14ac:dyDescent="0.25">
      <c r="D23425" s="6">
        <v>655.40099999999995</v>
      </c>
      <c r="E23425" s="6">
        <v>646.87189999999998</v>
      </c>
    </row>
    <row r="23426" spans="4:5" x14ac:dyDescent="0.25">
      <c r="D23426" s="6">
        <v>686.45659999999998</v>
      </c>
      <c r="E23426" s="6">
        <v>658.11379999999997</v>
      </c>
    </row>
    <row r="23427" spans="4:5" x14ac:dyDescent="0.25">
      <c r="D23427" s="6">
        <v>652.89229999999998</v>
      </c>
      <c r="E23427" s="6">
        <v>719.86260000000004</v>
      </c>
    </row>
    <row r="23428" spans="4:5" x14ac:dyDescent="0.25">
      <c r="D23428" s="6">
        <v>806.23090000000002</v>
      </c>
      <c r="E23428" s="6">
        <v>3248.654</v>
      </c>
    </row>
    <row r="23429" spans="4:5" x14ac:dyDescent="0.25">
      <c r="D23429" s="6">
        <v>707.06820000000005</v>
      </c>
      <c r="E23429" s="6">
        <v>1157.8710000000001</v>
      </c>
    </row>
    <row r="23430" spans="4:5" x14ac:dyDescent="0.25">
      <c r="D23430" s="6">
        <v>447.6669</v>
      </c>
      <c r="E23430" s="6">
        <v>669.03700000000003</v>
      </c>
    </row>
    <row r="23431" spans="4:5" x14ac:dyDescent="0.25">
      <c r="D23431" s="6">
        <v>616.46500000000003</v>
      </c>
      <c r="E23431" s="6">
        <v>6493.6880000000001</v>
      </c>
    </row>
    <row r="23432" spans="4:5" x14ac:dyDescent="0.25">
      <c r="D23432" s="6">
        <v>996.95600000000002</v>
      </c>
      <c r="E23432" s="6">
        <v>729.755</v>
      </c>
    </row>
    <row r="23433" spans="4:5" x14ac:dyDescent="0.25">
      <c r="D23433" s="6">
        <v>675.7287</v>
      </c>
      <c r="E23433" s="6">
        <v>3078.5839999999998</v>
      </c>
    </row>
    <row r="23434" spans="4:5" x14ac:dyDescent="0.25">
      <c r="D23434" s="6">
        <v>816.64390000000003</v>
      </c>
      <c r="E23434" s="6">
        <v>571.01229999999998</v>
      </c>
    </row>
    <row r="23435" spans="4:5" x14ac:dyDescent="0.25">
      <c r="D23435" s="6">
        <v>566.94849999999997</v>
      </c>
      <c r="E23435" s="6">
        <v>948.96299999999997</v>
      </c>
    </row>
    <row r="23436" spans="4:5" x14ac:dyDescent="0.25">
      <c r="D23436" s="6">
        <v>636.55640000000005</v>
      </c>
      <c r="E23436" s="6">
        <v>699.33360000000005</v>
      </c>
    </row>
    <row r="23437" spans="4:5" x14ac:dyDescent="0.25">
      <c r="D23437" s="6">
        <v>1116.3119999999999</v>
      </c>
      <c r="E23437" s="6">
        <v>789.14459999999997</v>
      </c>
    </row>
    <row r="23438" spans="4:5" x14ac:dyDescent="0.25">
      <c r="D23438" s="6">
        <v>667.47320000000002</v>
      </c>
      <c r="E23438" s="6">
        <v>5053.2879999999996</v>
      </c>
    </row>
    <row r="23439" spans="4:5" x14ac:dyDescent="0.25">
      <c r="D23439" s="6">
        <v>608.88390000000004</v>
      </c>
      <c r="E23439" s="6">
        <v>881.49609999999996</v>
      </c>
    </row>
    <row r="23440" spans="4:5" x14ac:dyDescent="0.25">
      <c r="D23440" s="6">
        <v>770.22720000000004</v>
      </c>
      <c r="E23440" s="6">
        <v>553.26110000000006</v>
      </c>
    </row>
    <row r="23441" spans="4:5" x14ac:dyDescent="0.25">
      <c r="D23441" s="6">
        <v>580.64490000000001</v>
      </c>
      <c r="E23441" s="6">
        <v>599.71849999999995</v>
      </c>
    </row>
    <row r="23442" spans="4:5" x14ac:dyDescent="0.25">
      <c r="D23442" s="6">
        <v>744.04129999999998</v>
      </c>
      <c r="E23442" s="6">
        <v>831.41899999999998</v>
      </c>
    </row>
    <row r="23443" spans="4:5" x14ac:dyDescent="0.25">
      <c r="D23443" s="6">
        <v>1128.7940000000001</v>
      </c>
      <c r="E23443" s="6">
        <v>7034.84</v>
      </c>
    </row>
    <row r="23444" spans="4:5" x14ac:dyDescent="0.25">
      <c r="D23444" s="6">
        <v>4930.9880000000003</v>
      </c>
      <c r="E23444" s="6">
        <v>585.25279999999998</v>
      </c>
    </row>
    <row r="23445" spans="4:5" x14ac:dyDescent="0.25">
      <c r="D23445" s="6">
        <v>746.61260000000004</v>
      </c>
      <c r="E23445" s="6">
        <v>769.71780000000001</v>
      </c>
    </row>
    <row r="23446" spans="4:5" x14ac:dyDescent="0.25">
      <c r="D23446" s="6">
        <v>549.42169999999999</v>
      </c>
      <c r="E23446" s="6">
        <v>669.93820000000005</v>
      </c>
    </row>
    <row r="23447" spans="4:5" x14ac:dyDescent="0.25">
      <c r="D23447" s="6">
        <v>602.45950000000005</v>
      </c>
      <c r="E23447" s="6">
        <v>11915.04</v>
      </c>
    </row>
    <row r="23448" spans="4:5" x14ac:dyDescent="0.25">
      <c r="D23448" s="6">
        <v>4113.49</v>
      </c>
      <c r="E23448" s="6">
        <v>784.32989999999995</v>
      </c>
    </row>
    <row r="23449" spans="4:5" x14ac:dyDescent="0.25">
      <c r="D23449" s="6">
        <v>827.30050000000006</v>
      </c>
      <c r="E23449" s="6">
        <v>1074.991</v>
      </c>
    </row>
    <row r="23450" spans="4:5" x14ac:dyDescent="0.25">
      <c r="D23450" s="6">
        <v>585.69690000000003</v>
      </c>
      <c r="E23450" s="6">
        <v>8274.6669999999995</v>
      </c>
    </row>
    <row r="23451" spans="4:5" x14ac:dyDescent="0.25">
      <c r="D23451" s="6">
        <v>557.92190000000005</v>
      </c>
      <c r="E23451" s="6">
        <v>724.3021</v>
      </c>
    </row>
    <row r="23452" spans="4:5" x14ac:dyDescent="0.25">
      <c r="D23452" s="6">
        <v>574.9796</v>
      </c>
      <c r="E23452" s="6">
        <v>1295.454</v>
      </c>
    </row>
    <row r="23453" spans="4:5" x14ac:dyDescent="0.25">
      <c r="D23453" s="6">
        <v>1137.54</v>
      </c>
      <c r="E23453" s="6">
        <v>635.38210000000004</v>
      </c>
    </row>
    <row r="23454" spans="4:5" x14ac:dyDescent="0.25">
      <c r="D23454" s="6">
        <v>536.36980000000005</v>
      </c>
      <c r="E23454" s="6">
        <v>623.31579999999997</v>
      </c>
    </row>
    <row r="23455" spans="4:5" x14ac:dyDescent="0.25">
      <c r="D23455" s="6">
        <v>1574.0419999999999</v>
      </c>
      <c r="E23455" s="6">
        <v>596.89869999999996</v>
      </c>
    </row>
    <row r="23456" spans="4:5" x14ac:dyDescent="0.25">
      <c r="D23456" s="6">
        <v>610.61149999999998</v>
      </c>
      <c r="E23456" s="6">
        <v>591.35270000000003</v>
      </c>
    </row>
    <row r="23457" spans="4:5" x14ac:dyDescent="0.25">
      <c r="D23457" s="6">
        <v>579.68060000000003</v>
      </c>
      <c r="E23457" s="6">
        <v>1831.058</v>
      </c>
    </row>
    <row r="23458" spans="4:5" x14ac:dyDescent="0.25">
      <c r="D23458" s="6">
        <v>715.15909999999997</v>
      </c>
      <c r="E23458" s="6">
        <v>6336.9290000000001</v>
      </c>
    </row>
    <row r="23459" spans="4:5" x14ac:dyDescent="0.25">
      <c r="D23459" s="6">
        <v>607.78179999999998</v>
      </c>
      <c r="E23459" s="6">
        <v>2255.7139999999999</v>
      </c>
    </row>
    <row r="23460" spans="4:5" x14ac:dyDescent="0.25">
      <c r="D23460" s="6">
        <v>1399.3430000000001</v>
      </c>
      <c r="E23460" s="6">
        <v>1209.3320000000001</v>
      </c>
    </row>
    <row r="23461" spans="4:5" x14ac:dyDescent="0.25">
      <c r="D23461" s="6">
        <v>750.60760000000005</v>
      </c>
      <c r="E23461" s="6">
        <v>1069.5</v>
      </c>
    </row>
    <row r="23462" spans="4:5" x14ac:dyDescent="0.25">
      <c r="D23462" s="6">
        <v>4415.1670000000004</v>
      </c>
      <c r="E23462" s="6">
        <v>717.70929999999998</v>
      </c>
    </row>
    <row r="23463" spans="4:5" x14ac:dyDescent="0.25">
      <c r="D23463" s="6">
        <v>761.12260000000003</v>
      </c>
      <c r="E23463" s="6">
        <v>799.6078</v>
      </c>
    </row>
    <row r="23464" spans="4:5" x14ac:dyDescent="0.25">
      <c r="D23464" s="6">
        <v>600.89909999999998</v>
      </c>
      <c r="E23464" s="6">
        <v>1230.4010000000001</v>
      </c>
    </row>
    <row r="23465" spans="4:5" x14ac:dyDescent="0.25">
      <c r="D23465" s="6">
        <v>550.42570000000001</v>
      </c>
      <c r="E23465" s="6">
        <v>589.68489999999997</v>
      </c>
    </row>
    <row r="23466" spans="4:5" x14ac:dyDescent="0.25">
      <c r="D23466" s="6">
        <v>623.50739999999996</v>
      </c>
      <c r="E23466" s="6">
        <v>549.21960000000001</v>
      </c>
    </row>
    <row r="23467" spans="4:5" x14ac:dyDescent="0.25">
      <c r="D23467" s="6">
        <v>815.03359999999998</v>
      </c>
      <c r="E23467" s="6">
        <v>1212.2049999999999</v>
      </c>
    </row>
    <row r="23468" spans="4:5" x14ac:dyDescent="0.25">
      <c r="D23468" s="6">
        <v>683.89009999999996</v>
      </c>
      <c r="E23468" s="6">
        <v>945.45550000000003</v>
      </c>
    </row>
    <row r="23469" spans="4:5" x14ac:dyDescent="0.25">
      <c r="D23469" s="6">
        <v>680.41020000000003</v>
      </c>
      <c r="E23469" s="6">
        <v>700.92550000000006</v>
      </c>
    </row>
    <row r="23470" spans="4:5" x14ac:dyDescent="0.25">
      <c r="D23470" s="6">
        <v>566.73710000000005</v>
      </c>
      <c r="E23470" s="6">
        <v>4684.2860000000001</v>
      </c>
    </row>
    <row r="23471" spans="4:5" x14ac:dyDescent="0.25">
      <c r="D23471" s="6">
        <v>808.61950000000002</v>
      </c>
      <c r="E23471" s="6">
        <v>676.37829999999997</v>
      </c>
    </row>
    <row r="23472" spans="4:5" x14ac:dyDescent="0.25">
      <c r="D23472" s="6">
        <v>1015.347</v>
      </c>
      <c r="E23472" s="6">
        <v>644.06970000000001</v>
      </c>
    </row>
    <row r="23473" spans="4:5" x14ac:dyDescent="0.25">
      <c r="D23473" s="6">
        <v>629.51160000000004</v>
      </c>
      <c r="E23473" s="6">
        <v>630.75</v>
      </c>
    </row>
    <row r="23474" spans="4:5" x14ac:dyDescent="0.25">
      <c r="D23474" s="6">
        <v>757.28139999999996</v>
      </c>
      <c r="E23474" s="6">
        <v>1185.7929999999999</v>
      </c>
    </row>
    <row r="23475" spans="4:5" x14ac:dyDescent="0.25">
      <c r="D23475" s="6">
        <v>611.05060000000003</v>
      </c>
      <c r="E23475" s="6">
        <v>2205.3629999999998</v>
      </c>
    </row>
    <row r="23476" spans="4:5" x14ac:dyDescent="0.25">
      <c r="D23476" s="6">
        <v>1114.0450000000001</v>
      </c>
      <c r="E23476" s="6">
        <v>754.20680000000004</v>
      </c>
    </row>
    <row r="23477" spans="4:5" x14ac:dyDescent="0.25">
      <c r="D23477" s="6">
        <v>701.24929999999995</v>
      </c>
      <c r="E23477" s="6">
        <v>1091.346</v>
      </c>
    </row>
    <row r="23478" spans="4:5" x14ac:dyDescent="0.25">
      <c r="D23478" s="6">
        <v>3521.7719999999999</v>
      </c>
      <c r="E23478" s="6">
        <v>523.73400000000004</v>
      </c>
    </row>
    <row r="23479" spans="4:5" x14ac:dyDescent="0.25">
      <c r="D23479" s="6">
        <v>683</v>
      </c>
      <c r="E23479" s="6">
        <v>660.17070000000001</v>
      </c>
    </row>
    <row r="23480" spans="4:5" x14ac:dyDescent="0.25">
      <c r="D23480" s="6">
        <v>757.41759999999999</v>
      </c>
      <c r="E23480" s="6">
        <v>604.67660000000001</v>
      </c>
    </row>
    <row r="23481" spans="4:5" x14ac:dyDescent="0.25">
      <c r="D23481" s="6">
        <v>2136.7829999999999</v>
      </c>
      <c r="E23481" s="6">
        <v>526.09249999999997</v>
      </c>
    </row>
    <row r="23482" spans="4:5" x14ac:dyDescent="0.25">
      <c r="D23482" s="6">
        <v>847.13409999999999</v>
      </c>
      <c r="E23482" s="6">
        <v>5386.7089999999998</v>
      </c>
    </row>
    <row r="23483" spans="4:5" x14ac:dyDescent="0.25">
      <c r="D23483" s="6">
        <v>546.10860000000002</v>
      </c>
      <c r="E23483" s="6">
        <v>296.34269999999998</v>
      </c>
    </row>
    <row r="23484" spans="4:5" x14ac:dyDescent="0.25">
      <c r="D23484" s="6">
        <v>482.19299999999998</v>
      </c>
      <c r="E23484" s="6">
        <v>951.79409999999996</v>
      </c>
    </row>
    <row r="23485" spans="4:5" x14ac:dyDescent="0.25">
      <c r="D23485" s="6">
        <v>8280.1560000000009</v>
      </c>
      <c r="E23485" s="6">
        <v>649.81780000000003</v>
      </c>
    </row>
    <row r="23486" spans="4:5" x14ac:dyDescent="0.25">
      <c r="D23486" s="6">
        <v>754.80250000000001</v>
      </c>
      <c r="E23486" s="6">
        <v>657.53579999999999</v>
      </c>
    </row>
    <row r="23487" spans="4:5" x14ac:dyDescent="0.25">
      <c r="D23487" s="6">
        <v>655.4434</v>
      </c>
      <c r="E23487" s="6">
        <v>680.72900000000004</v>
      </c>
    </row>
    <row r="23488" spans="4:5" x14ac:dyDescent="0.25">
      <c r="D23488" s="6">
        <v>668.68039999999996</v>
      </c>
      <c r="E23488" s="6">
        <v>449.2303</v>
      </c>
    </row>
    <row r="23489" spans="4:5" x14ac:dyDescent="0.25">
      <c r="D23489" s="6">
        <v>5866.67</v>
      </c>
      <c r="E23489" s="6">
        <v>567.21680000000003</v>
      </c>
    </row>
    <row r="23490" spans="4:5" x14ac:dyDescent="0.25">
      <c r="D23490" s="6">
        <v>1473.183</v>
      </c>
      <c r="E23490" s="6">
        <v>8540.8330000000005</v>
      </c>
    </row>
    <row r="23491" spans="4:5" x14ac:dyDescent="0.25">
      <c r="D23491" s="6">
        <v>739.01220000000001</v>
      </c>
      <c r="E23491" s="6">
        <v>3074.886</v>
      </c>
    </row>
    <row r="23492" spans="4:5" x14ac:dyDescent="0.25">
      <c r="D23492" s="6">
        <v>669.577</v>
      </c>
      <c r="E23492" s="6">
        <v>829.45240000000001</v>
      </c>
    </row>
    <row r="23493" spans="4:5" x14ac:dyDescent="0.25">
      <c r="D23493" s="6">
        <v>493.57049999999998</v>
      </c>
      <c r="E23493" s="6">
        <v>708.74900000000002</v>
      </c>
    </row>
    <row r="23494" spans="4:5" x14ac:dyDescent="0.25">
      <c r="D23494" s="6">
        <v>671.4855</v>
      </c>
      <c r="E23494" s="6">
        <v>787.76509999999996</v>
      </c>
    </row>
    <row r="23495" spans="4:5" x14ac:dyDescent="0.25">
      <c r="D23495" s="6">
        <v>943.19550000000004</v>
      </c>
      <c r="E23495" s="6">
        <v>1244.068</v>
      </c>
    </row>
    <row r="23496" spans="4:5" x14ac:dyDescent="0.25">
      <c r="D23496" s="6">
        <v>587.55349999999999</v>
      </c>
      <c r="E23496" s="6">
        <v>2011.143</v>
      </c>
    </row>
    <row r="23497" spans="4:5" x14ac:dyDescent="0.25">
      <c r="D23497" s="6">
        <v>648.22450000000003</v>
      </c>
      <c r="E23497" s="6">
        <v>607.31190000000004</v>
      </c>
    </row>
    <row r="23498" spans="4:5" x14ac:dyDescent="0.25">
      <c r="D23498" s="6">
        <v>610.66809999999998</v>
      </c>
      <c r="E23498" s="6">
        <v>673.69510000000002</v>
      </c>
    </row>
    <row r="23499" spans="4:5" x14ac:dyDescent="0.25">
      <c r="D23499" s="6">
        <v>762.976</v>
      </c>
      <c r="E23499" s="6">
        <v>1626.3</v>
      </c>
    </row>
    <row r="23500" spans="4:5" x14ac:dyDescent="0.25">
      <c r="D23500" s="6">
        <v>738.76480000000004</v>
      </c>
      <c r="E23500" s="6">
        <v>640.98270000000002</v>
      </c>
    </row>
    <row r="23501" spans="4:5" x14ac:dyDescent="0.25">
      <c r="D23501" s="6">
        <v>762.57309999999995</v>
      </c>
      <c r="E23501" s="6">
        <v>588.47829999999999</v>
      </c>
    </row>
    <row r="23502" spans="4:5" x14ac:dyDescent="0.25">
      <c r="D23502" s="6">
        <v>481.22829999999999</v>
      </c>
      <c r="E23502" s="6">
        <v>677.18340000000001</v>
      </c>
    </row>
    <row r="23503" spans="4:5" x14ac:dyDescent="0.25">
      <c r="D23503" s="6">
        <v>4407.4080000000004</v>
      </c>
      <c r="E23503" s="6">
        <v>1025.712</v>
      </c>
    </row>
    <row r="23504" spans="4:5" x14ac:dyDescent="0.25">
      <c r="D23504" s="6">
        <v>735.8587</v>
      </c>
      <c r="E23504" s="6">
        <v>891.9271</v>
      </c>
    </row>
    <row r="23505" spans="4:5" x14ac:dyDescent="0.25">
      <c r="D23505" s="6">
        <v>819.17750000000001</v>
      </c>
      <c r="E23505" s="6">
        <v>7314.2560000000003</v>
      </c>
    </row>
    <row r="23506" spans="4:5" x14ac:dyDescent="0.25">
      <c r="D23506" s="6">
        <v>781.4751</v>
      </c>
      <c r="E23506" s="6">
        <v>690.42250000000001</v>
      </c>
    </row>
    <row r="23507" spans="4:5" x14ac:dyDescent="0.25">
      <c r="D23507" s="6">
        <v>10664.93</v>
      </c>
      <c r="E23507" s="6">
        <v>654.60839999999996</v>
      </c>
    </row>
    <row r="23508" spans="4:5" x14ac:dyDescent="0.25">
      <c r="D23508" s="6">
        <v>703.84209999999996</v>
      </c>
      <c r="E23508" s="6">
        <v>645.0403</v>
      </c>
    </row>
    <row r="23509" spans="4:5" x14ac:dyDescent="0.25">
      <c r="D23509" s="6">
        <v>563.65390000000002</v>
      </c>
      <c r="E23509" s="6">
        <v>709.99080000000004</v>
      </c>
    </row>
    <row r="23510" spans="4:5" x14ac:dyDescent="0.25">
      <c r="D23510" s="6">
        <v>568.69920000000002</v>
      </c>
      <c r="E23510" s="6">
        <v>629.85469999999998</v>
      </c>
    </row>
    <row r="23511" spans="4:5" x14ac:dyDescent="0.25">
      <c r="D23511" s="6">
        <v>708.12890000000004</v>
      </c>
      <c r="E23511" s="6">
        <v>4203.7169999999996</v>
      </c>
    </row>
    <row r="23512" spans="4:5" x14ac:dyDescent="0.25">
      <c r="D23512" s="6">
        <v>787.50829999999996</v>
      </c>
      <c r="E23512" s="6">
        <v>1437.085</v>
      </c>
    </row>
    <row r="23513" spans="4:5" x14ac:dyDescent="0.25">
      <c r="D23513" s="6">
        <v>708.45280000000002</v>
      </c>
      <c r="E23513" s="6">
        <v>744.202</v>
      </c>
    </row>
    <row r="23514" spans="4:5" x14ac:dyDescent="0.25">
      <c r="D23514" s="6">
        <v>564.43259999999998</v>
      </c>
      <c r="E23514" s="6">
        <v>6061.3689999999997</v>
      </c>
    </row>
    <row r="23515" spans="4:5" x14ac:dyDescent="0.25">
      <c r="D23515" s="6">
        <v>571.85130000000004</v>
      </c>
      <c r="E23515" s="6">
        <v>633.12440000000004</v>
      </c>
    </row>
    <row r="23516" spans="4:5" x14ac:dyDescent="0.25">
      <c r="D23516" s="6">
        <v>725.39139999999998</v>
      </c>
      <c r="E23516" s="6">
        <v>589.94359999999995</v>
      </c>
    </row>
    <row r="23517" spans="4:5" x14ac:dyDescent="0.25">
      <c r="D23517" s="6">
        <v>5931.1</v>
      </c>
      <c r="E23517" s="6">
        <v>1252.2909999999999</v>
      </c>
    </row>
    <row r="23518" spans="4:5" x14ac:dyDescent="0.25">
      <c r="D23518" s="6">
        <v>734.36239999999998</v>
      </c>
      <c r="E23518" s="6">
        <v>4833.8710000000001</v>
      </c>
    </row>
    <row r="23519" spans="4:5" x14ac:dyDescent="0.25">
      <c r="D23519" s="6">
        <v>705.68550000000005</v>
      </c>
      <c r="E23519" s="6">
        <v>736.34410000000003</v>
      </c>
    </row>
    <row r="23520" spans="4:5" x14ac:dyDescent="0.25">
      <c r="D23520" s="6">
        <v>557.55650000000003</v>
      </c>
      <c r="E23520" s="6">
        <v>1665.9680000000001</v>
      </c>
    </row>
    <row r="23521" spans="4:5" x14ac:dyDescent="0.25">
      <c r="D23521" s="6">
        <v>645.96159999999998</v>
      </c>
      <c r="E23521" s="6">
        <v>420.38</v>
      </c>
    </row>
    <row r="23522" spans="4:5" x14ac:dyDescent="0.25">
      <c r="D23522" s="6">
        <v>657.99649999999997</v>
      </c>
      <c r="E23522" s="6">
        <v>800.23410000000001</v>
      </c>
    </row>
    <row r="23523" spans="4:5" x14ac:dyDescent="0.25">
      <c r="D23523" s="6">
        <v>1016.696</v>
      </c>
      <c r="E23523" s="6">
        <v>746.23839999999996</v>
      </c>
    </row>
    <row r="23524" spans="4:5" x14ac:dyDescent="0.25">
      <c r="D23524" s="6">
        <v>573.48910000000001</v>
      </c>
      <c r="E23524" s="6">
        <v>1859.925</v>
      </c>
    </row>
    <row r="23525" spans="4:5" x14ac:dyDescent="0.25">
      <c r="D23525" s="6">
        <v>746.25720000000001</v>
      </c>
      <c r="E23525" s="6">
        <v>710.87689999999998</v>
      </c>
    </row>
    <row r="23526" spans="4:5" x14ac:dyDescent="0.25">
      <c r="D23526" s="6">
        <v>602.26300000000003</v>
      </c>
      <c r="E23526" s="6">
        <v>767.2346</v>
      </c>
    </row>
    <row r="23527" spans="4:5" x14ac:dyDescent="0.25">
      <c r="D23527" s="6">
        <v>733.78049999999996</v>
      </c>
      <c r="E23527" s="6">
        <v>4727.3540000000003</v>
      </c>
    </row>
    <row r="23528" spans="4:5" x14ac:dyDescent="0.25">
      <c r="D23528" s="6">
        <v>716.51819999999998</v>
      </c>
      <c r="E23528" s="6">
        <v>1188.9259999999999</v>
      </c>
    </row>
    <row r="23529" spans="4:5" x14ac:dyDescent="0.25">
      <c r="D23529" s="6">
        <v>1995.855</v>
      </c>
      <c r="E23529" s="6">
        <v>742.01199999999994</v>
      </c>
    </row>
    <row r="23530" spans="4:5" x14ac:dyDescent="0.25">
      <c r="D23530" s="6">
        <v>857.2</v>
      </c>
      <c r="E23530" s="6">
        <v>476.6465</v>
      </c>
    </row>
    <row r="23531" spans="4:5" x14ac:dyDescent="0.25">
      <c r="D23531" s="6">
        <v>590.89649999999995</v>
      </c>
      <c r="E23531" s="6">
        <v>1984.0350000000001</v>
      </c>
    </row>
    <row r="23532" spans="4:5" x14ac:dyDescent="0.25">
      <c r="D23532" s="6">
        <v>592.10059999999999</v>
      </c>
      <c r="E23532" s="6">
        <v>925.90499999999997</v>
      </c>
    </row>
    <row r="23533" spans="4:5" x14ac:dyDescent="0.25">
      <c r="D23533" s="6">
        <v>639.95929999999998</v>
      </c>
      <c r="E23533" s="6">
        <v>658.88340000000005</v>
      </c>
    </row>
    <row r="23534" spans="4:5" x14ac:dyDescent="0.25">
      <c r="D23534" s="6">
        <v>595.14179999999999</v>
      </c>
      <c r="E23534" s="6">
        <v>718.53110000000004</v>
      </c>
    </row>
    <row r="23535" spans="4:5" x14ac:dyDescent="0.25">
      <c r="D23535" s="6">
        <v>652.23670000000004</v>
      </c>
      <c r="E23535" s="6">
        <v>671.42629999999997</v>
      </c>
    </row>
    <row r="23536" spans="4:5" x14ac:dyDescent="0.25">
      <c r="D23536" s="6">
        <v>644.19719999999995</v>
      </c>
      <c r="E23536" s="6">
        <v>1335.5319999999999</v>
      </c>
    </row>
    <row r="23537" spans="4:5" x14ac:dyDescent="0.25">
      <c r="D23537" s="6">
        <v>559.78179999999998</v>
      </c>
      <c r="E23537" s="6">
        <v>482.03030000000001</v>
      </c>
    </row>
    <row r="23538" spans="4:5" x14ac:dyDescent="0.25">
      <c r="D23538" s="6">
        <v>697.15920000000006</v>
      </c>
      <c r="E23538" s="6">
        <v>2088.866</v>
      </c>
    </row>
    <row r="23539" spans="4:5" x14ac:dyDescent="0.25">
      <c r="D23539" s="6">
        <v>642.5</v>
      </c>
      <c r="E23539" s="6">
        <v>704.18870000000004</v>
      </c>
    </row>
    <row r="23540" spans="4:5" x14ac:dyDescent="0.25">
      <c r="D23540" s="6">
        <v>520.47170000000006</v>
      </c>
      <c r="E23540" s="6">
        <v>648.89689999999996</v>
      </c>
    </row>
    <row r="23541" spans="4:5" x14ac:dyDescent="0.25">
      <c r="D23541" s="6">
        <v>640.78859999999997</v>
      </c>
      <c r="E23541" s="6">
        <v>11241.73</v>
      </c>
    </row>
    <row r="23542" spans="4:5" x14ac:dyDescent="0.25">
      <c r="D23542" s="6">
        <v>635.1816</v>
      </c>
      <c r="E23542" s="6">
        <v>670.0883</v>
      </c>
    </row>
    <row r="23543" spans="4:5" x14ac:dyDescent="0.25">
      <c r="D23543" s="6">
        <v>992.1816</v>
      </c>
      <c r="E23543" s="6">
        <v>704.10329999999999</v>
      </c>
    </row>
    <row r="23544" spans="4:5" x14ac:dyDescent="0.25">
      <c r="D23544" s="6">
        <v>717.43690000000004</v>
      </c>
      <c r="E23544" s="6">
        <v>1369.2919999999999</v>
      </c>
    </row>
    <row r="23545" spans="4:5" x14ac:dyDescent="0.25">
      <c r="D23545" s="6">
        <v>2865.1109999999999</v>
      </c>
      <c r="E23545" s="6">
        <v>9054.0709999999999</v>
      </c>
    </row>
    <row r="23546" spans="4:5" x14ac:dyDescent="0.25">
      <c r="D23546" s="6">
        <v>2149.6509999999998</v>
      </c>
      <c r="E23546" s="6">
        <v>728.49969999999996</v>
      </c>
    </row>
    <row r="23547" spans="4:5" x14ac:dyDescent="0.25">
      <c r="D23547" s="6">
        <v>1053.578</v>
      </c>
      <c r="E23547" s="6">
        <v>891.55179999999996</v>
      </c>
    </row>
    <row r="23548" spans="4:5" x14ac:dyDescent="0.25">
      <c r="D23548" s="6">
        <v>603.73889999999994</v>
      </c>
      <c r="E23548" s="6">
        <v>552.91650000000004</v>
      </c>
    </row>
    <row r="23549" spans="4:5" x14ac:dyDescent="0.25">
      <c r="D23549" s="6">
        <v>642.56709999999998</v>
      </c>
      <c r="E23549" s="6">
        <v>4535.5559999999996</v>
      </c>
    </row>
    <row r="23550" spans="4:5" x14ac:dyDescent="0.25">
      <c r="D23550" s="6">
        <v>536.12049999999999</v>
      </c>
      <c r="E23550" s="6">
        <v>681.4153</v>
      </c>
    </row>
    <row r="23551" spans="4:5" x14ac:dyDescent="0.25">
      <c r="D23551" s="6">
        <v>1792.2850000000001</v>
      </c>
      <c r="E23551" s="6">
        <v>800.9597</v>
      </c>
    </row>
    <row r="23552" spans="4:5" x14ac:dyDescent="0.25">
      <c r="D23552" s="6">
        <v>758.79190000000006</v>
      </c>
      <c r="E23552" s="6">
        <v>608.73069999999996</v>
      </c>
    </row>
    <row r="23553" spans="4:5" x14ac:dyDescent="0.25">
      <c r="D23553" s="6">
        <v>751.39200000000005</v>
      </c>
      <c r="E23553" s="6">
        <v>5826.1289999999999</v>
      </c>
    </row>
    <row r="23554" spans="4:5" x14ac:dyDescent="0.25">
      <c r="D23554" s="6">
        <v>909.928</v>
      </c>
      <c r="E23554" s="6">
        <v>704.31110000000001</v>
      </c>
    </row>
    <row r="23555" spans="4:5" x14ac:dyDescent="0.25">
      <c r="D23555" s="6">
        <v>826.90639999999996</v>
      </c>
      <c r="E23555" s="6">
        <v>1322.7260000000001</v>
      </c>
    </row>
    <row r="23556" spans="4:5" x14ac:dyDescent="0.25">
      <c r="D23556" s="6">
        <v>627.72730000000001</v>
      </c>
      <c r="E23556" s="6">
        <v>588.29579999999999</v>
      </c>
    </row>
    <row r="23557" spans="4:5" x14ac:dyDescent="0.25">
      <c r="D23557" s="6">
        <v>552.22230000000002</v>
      </c>
      <c r="E23557" s="6">
        <v>820.99530000000004</v>
      </c>
    </row>
    <row r="23558" spans="4:5" x14ac:dyDescent="0.25">
      <c r="D23558" s="6">
        <v>876.5</v>
      </c>
      <c r="E23558" s="6">
        <v>766.28570000000002</v>
      </c>
    </row>
    <row r="23559" spans="4:5" x14ac:dyDescent="0.25">
      <c r="D23559" s="6">
        <v>733.48800000000006</v>
      </c>
      <c r="E23559" s="6">
        <v>712.1866</v>
      </c>
    </row>
    <row r="23560" spans="4:5" x14ac:dyDescent="0.25">
      <c r="D23560" s="6">
        <v>2658</v>
      </c>
      <c r="E23560" s="6">
        <v>637.67880000000002</v>
      </c>
    </row>
    <row r="23561" spans="4:5" x14ac:dyDescent="0.25">
      <c r="D23561" s="6">
        <v>673.12239999999997</v>
      </c>
      <c r="E23561" s="6">
        <v>661.82449999999994</v>
      </c>
    </row>
    <row r="23562" spans="4:5" x14ac:dyDescent="0.25">
      <c r="D23562" s="6">
        <v>668.06510000000003</v>
      </c>
      <c r="E23562" s="6">
        <v>4677.9840000000004</v>
      </c>
    </row>
    <row r="23563" spans="4:5" x14ac:dyDescent="0.25">
      <c r="D23563" s="6">
        <v>1012.7380000000001</v>
      </c>
      <c r="E23563" s="6">
        <v>760.12180000000001</v>
      </c>
    </row>
    <row r="23564" spans="4:5" x14ac:dyDescent="0.25">
      <c r="D23564" s="6">
        <v>660.02260000000001</v>
      </c>
      <c r="E23564" s="6">
        <v>591.08950000000004</v>
      </c>
    </row>
    <row r="23565" spans="4:5" x14ac:dyDescent="0.25">
      <c r="D23565" s="6">
        <v>658.38289999999995</v>
      </c>
      <c r="E23565" s="6">
        <v>6264.7470000000003</v>
      </c>
    </row>
    <row r="23566" spans="4:5" x14ac:dyDescent="0.25">
      <c r="D23566" s="6">
        <v>3745.4659999999999</v>
      </c>
      <c r="E23566" s="6">
        <v>610.28489999999999</v>
      </c>
    </row>
    <row r="23567" spans="4:5" x14ac:dyDescent="0.25">
      <c r="D23567" s="6">
        <v>1655.674</v>
      </c>
      <c r="E23567" s="6">
        <v>745.4366</v>
      </c>
    </row>
    <row r="23568" spans="4:5" x14ac:dyDescent="0.25">
      <c r="D23568" s="6">
        <v>661.28290000000004</v>
      </c>
      <c r="E23568" s="6">
        <v>622.66669999999999</v>
      </c>
    </row>
    <row r="23569" spans="4:5" x14ac:dyDescent="0.25">
      <c r="D23569" s="6">
        <v>638.42999999999995</v>
      </c>
      <c r="E23569" s="6">
        <v>1326.1959999999999</v>
      </c>
    </row>
    <row r="23570" spans="4:5" x14ac:dyDescent="0.25">
      <c r="D23570" s="6">
        <v>666.10339999999997</v>
      </c>
      <c r="E23570" s="6">
        <v>885.11760000000004</v>
      </c>
    </row>
    <row r="23571" spans="4:5" x14ac:dyDescent="0.25">
      <c r="D23571" s="6">
        <v>671.73329999999999</v>
      </c>
      <c r="E23571" s="6">
        <v>698.72410000000002</v>
      </c>
    </row>
    <row r="23572" spans="4:5" x14ac:dyDescent="0.25">
      <c r="D23572" s="6">
        <v>758.97</v>
      </c>
      <c r="E23572" s="6">
        <v>574.92949999999996</v>
      </c>
    </row>
    <row r="23573" spans="4:5" x14ac:dyDescent="0.25">
      <c r="D23573" s="6">
        <v>504.9692</v>
      </c>
      <c r="E23573" s="6">
        <v>6998.165</v>
      </c>
    </row>
    <row r="23574" spans="4:5" x14ac:dyDescent="0.25">
      <c r="D23574" s="6">
        <v>575.41679999999997</v>
      </c>
      <c r="E23574" s="6">
        <v>780.75</v>
      </c>
    </row>
    <row r="23575" spans="4:5" x14ac:dyDescent="0.25">
      <c r="D23575" s="6">
        <v>561.45249999999999</v>
      </c>
      <c r="E23575" s="6">
        <v>4593.7030000000004</v>
      </c>
    </row>
    <row r="23576" spans="4:5" x14ac:dyDescent="0.25">
      <c r="D23576" s="6">
        <v>732.79269999999997</v>
      </c>
      <c r="E23576" s="6">
        <v>726.90369999999996</v>
      </c>
    </row>
    <row r="23577" spans="4:5" x14ac:dyDescent="0.25">
      <c r="D23577" s="6">
        <v>711.27260000000001</v>
      </c>
      <c r="E23577" s="6">
        <v>1156.653</v>
      </c>
    </row>
    <row r="23578" spans="4:5" x14ac:dyDescent="0.25">
      <c r="D23578" s="6">
        <v>632.56539999999995</v>
      </c>
      <c r="E23578" s="6">
        <v>718.08159999999998</v>
      </c>
    </row>
    <row r="23579" spans="4:5" x14ac:dyDescent="0.25">
      <c r="D23579" s="6">
        <v>668.67920000000004</v>
      </c>
      <c r="E23579" s="6">
        <v>786.23739999999998</v>
      </c>
    </row>
    <row r="23580" spans="4:5" x14ac:dyDescent="0.25">
      <c r="D23580" s="6">
        <v>1677.981</v>
      </c>
      <c r="E23580" s="6">
        <v>1370.9290000000001</v>
      </c>
    </row>
    <row r="23581" spans="4:5" x14ac:dyDescent="0.25">
      <c r="D23581" s="6">
        <v>824.77239999999995</v>
      </c>
      <c r="E23581" s="6">
        <v>6775.5619999999999</v>
      </c>
    </row>
    <row r="23582" spans="4:5" x14ac:dyDescent="0.25">
      <c r="D23582" s="6">
        <v>657.65940000000001</v>
      </c>
      <c r="E23582" s="6">
        <v>878.00459999999998</v>
      </c>
    </row>
    <row r="23583" spans="4:5" x14ac:dyDescent="0.25">
      <c r="D23583" s="6">
        <v>615.77679999999998</v>
      </c>
      <c r="E23583" s="6">
        <v>481.1986</v>
      </c>
    </row>
    <row r="23584" spans="4:5" x14ac:dyDescent="0.25">
      <c r="D23584" s="6">
        <v>3881.9079999999999</v>
      </c>
      <c r="E23584" s="6">
        <v>698.3116</v>
      </c>
    </row>
    <row r="23585" spans="4:5" x14ac:dyDescent="0.25">
      <c r="D23585" s="6">
        <v>732.56960000000004</v>
      </c>
      <c r="E23585" s="6">
        <v>707.98209999999995</v>
      </c>
    </row>
    <row r="23586" spans="4:5" x14ac:dyDescent="0.25">
      <c r="D23586" s="6">
        <v>1333.7159999999999</v>
      </c>
      <c r="E23586" s="6">
        <v>525.41489999999999</v>
      </c>
    </row>
    <row r="23587" spans="4:5" x14ac:dyDescent="0.25">
      <c r="D23587" s="6">
        <v>677.82680000000005</v>
      </c>
      <c r="E23587" s="6">
        <v>759.32180000000005</v>
      </c>
    </row>
    <row r="23588" spans="4:5" x14ac:dyDescent="0.25">
      <c r="D23588" s="6">
        <v>895.93520000000001</v>
      </c>
      <c r="E23588" s="6">
        <v>4155.268</v>
      </c>
    </row>
    <row r="23589" spans="4:5" x14ac:dyDescent="0.25">
      <c r="D23589" s="6">
        <v>658.79499999999996</v>
      </c>
      <c r="E23589" s="6">
        <v>933.7645</v>
      </c>
    </row>
    <row r="23590" spans="4:5" x14ac:dyDescent="0.25">
      <c r="D23590" s="6">
        <v>5450.7460000000001</v>
      </c>
      <c r="E23590" s="6">
        <v>873.53970000000004</v>
      </c>
    </row>
    <row r="23591" spans="4:5" x14ac:dyDescent="0.25">
      <c r="D23591" s="6">
        <v>1246.0309999999999</v>
      </c>
      <c r="E23591" s="6">
        <v>725.02790000000005</v>
      </c>
    </row>
    <row r="23592" spans="4:5" x14ac:dyDescent="0.25">
      <c r="D23592" s="6">
        <v>1456.222</v>
      </c>
      <c r="E23592" s="6">
        <v>1302.098</v>
      </c>
    </row>
    <row r="23593" spans="4:5" x14ac:dyDescent="0.25">
      <c r="D23593" s="6">
        <v>638.57680000000005</v>
      </c>
      <c r="E23593" s="6">
        <v>551.75109999999995</v>
      </c>
    </row>
    <row r="23594" spans="4:5" x14ac:dyDescent="0.25">
      <c r="D23594" s="6">
        <v>703.97410000000002</v>
      </c>
      <c r="E23594" s="6">
        <v>7074.5550000000003</v>
      </c>
    </row>
    <row r="23595" spans="4:5" x14ac:dyDescent="0.25">
      <c r="D23595" s="6">
        <v>545.98739999999998</v>
      </c>
      <c r="E23595" s="6">
        <v>4869.4309999999996</v>
      </c>
    </row>
    <row r="23596" spans="4:5" x14ac:dyDescent="0.25">
      <c r="D23596" s="6">
        <v>645.18830000000003</v>
      </c>
      <c r="E23596" s="6">
        <v>792.13059999999996</v>
      </c>
    </row>
    <row r="23597" spans="4:5" x14ac:dyDescent="0.25">
      <c r="D23597" s="6">
        <v>722.22230000000002</v>
      </c>
      <c r="E23597" s="6">
        <v>864.38819999999998</v>
      </c>
    </row>
    <row r="23598" spans="4:5" x14ac:dyDescent="0.25">
      <c r="D23598" s="6">
        <v>688.66189999999995</v>
      </c>
      <c r="E23598" s="6">
        <v>978.52850000000001</v>
      </c>
    </row>
    <row r="23599" spans="4:5" x14ac:dyDescent="0.25">
      <c r="D23599" s="6">
        <v>531.52350000000001</v>
      </c>
      <c r="E23599" s="6">
        <v>641.14369999999997</v>
      </c>
    </row>
    <row r="23600" spans="4:5" x14ac:dyDescent="0.25">
      <c r="D23600" s="6">
        <v>573.52829999999994</v>
      </c>
      <c r="E23600" s="6">
        <v>801.99839999999995</v>
      </c>
    </row>
    <row r="23601" spans="4:5" x14ac:dyDescent="0.25">
      <c r="D23601" s="6">
        <v>7414.9530000000004</v>
      </c>
      <c r="E23601" s="6">
        <v>1676.3109999999999</v>
      </c>
    </row>
    <row r="23602" spans="4:5" x14ac:dyDescent="0.25">
      <c r="D23602" s="6">
        <v>782.02919999999995</v>
      </c>
      <c r="E23602" s="6">
        <v>6747.616</v>
      </c>
    </row>
    <row r="23603" spans="4:5" x14ac:dyDescent="0.25">
      <c r="D23603" s="6">
        <v>7947.835</v>
      </c>
      <c r="E23603" s="6">
        <v>1583.681</v>
      </c>
    </row>
    <row r="23604" spans="4:5" x14ac:dyDescent="0.25">
      <c r="D23604" s="6">
        <v>674.49490000000003</v>
      </c>
      <c r="E23604" s="6">
        <v>433.05259999999998</v>
      </c>
    </row>
    <row r="23605" spans="4:5" x14ac:dyDescent="0.25">
      <c r="D23605" s="6">
        <v>1911.752</v>
      </c>
      <c r="E23605" s="6">
        <v>635.20540000000005</v>
      </c>
    </row>
    <row r="23606" spans="4:5" x14ac:dyDescent="0.25">
      <c r="D23606" s="6">
        <v>447.26190000000003</v>
      </c>
      <c r="E23606" s="6">
        <v>604.37249999999995</v>
      </c>
    </row>
    <row r="23607" spans="4:5" x14ac:dyDescent="0.25">
      <c r="D23607" s="6">
        <v>632.01509999999996</v>
      </c>
      <c r="E23607" s="6">
        <v>755.94650000000001</v>
      </c>
    </row>
    <row r="23608" spans="4:5" x14ac:dyDescent="0.25">
      <c r="D23608" s="6">
        <v>662.96259999999995</v>
      </c>
      <c r="E23608" s="6">
        <v>1644.1189999999999</v>
      </c>
    </row>
    <row r="23609" spans="4:5" x14ac:dyDescent="0.25">
      <c r="D23609" s="6">
        <v>549.15920000000006</v>
      </c>
      <c r="E23609" s="6">
        <v>5690.1390000000001</v>
      </c>
    </row>
    <row r="23610" spans="4:5" x14ac:dyDescent="0.25">
      <c r="D23610" s="6">
        <v>1145.1420000000001</v>
      </c>
      <c r="E23610" s="6">
        <v>5670.1080000000002</v>
      </c>
    </row>
    <row r="23611" spans="4:5" x14ac:dyDescent="0.25">
      <c r="D23611" s="6">
        <v>612.15070000000003</v>
      </c>
      <c r="E23611" s="6">
        <v>723.59910000000002</v>
      </c>
    </row>
    <row r="23612" spans="4:5" x14ac:dyDescent="0.25">
      <c r="D23612" s="6">
        <v>1149.7840000000001</v>
      </c>
      <c r="E23612" s="6">
        <v>1670.0419999999999</v>
      </c>
    </row>
    <row r="23613" spans="4:5" x14ac:dyDescent="0.25">
      <c r="D23613" s="6">
        <v>637.83330000000001</v>
      </c>
      <c r="E23613" s="6">
        <v>627.65459999999996</v>
      </c>
    </row>
    <row r="23614" spans="4:5" x14ac:dyDescent="0.25">
      <c r="D23614" s="6">
        <v>6248.2349999999997</v>
      </c>
      <c r="E23614" s="6">
        <v>4680.6099999999997</v>
      </c>
    </row>
    <row r="23615" spans="4:5" x14ac:dyDescent="0.25">
      <c r="D23615" s="6">
        <v>648.47159999999997</v>
      </c>
      <c r="E23615" s="6">
        <v>772.4271</v>
      </c>
    </row>
    <row r="23616" spans="4:5" x14ac:dyDescent="0.25">
      <c r="D23616" s="6">
        <v>597.39660000000003</v>
      </c>
      <c r="E23616" s="6">
        <v>5268.3890000000001</v>
      </c>
    </row>
    <row r="23617" spans="4:5" x14ac:dyDescent="0.25">
      <c r="D23617" s="6">
        <v>666.16679999999997</v>
      </c>
      <c r="E23617" s="6">
        <v>710.42470000000003</v>
      </c>
    </row>
    <row r="23618" spans="4:5" x14ac:dyDescent="0.25">
      <c r="D23618" s="6">
        <v>721.74329999999998</v>
      </c>
      <c r="E23618" s="6">
        <v>4766.7439999999997</v>
      </c>
    </row>
    <row r="23619" spans="4:5" x14ac:dyDescent="0.25">
      <c r="D23619" s="6">
        <v>4473.7839999999997</v>
      </c>
      <c r="E23619" s="6">
        <v>1575.74</v>
      </c>
    </row>
    <row r="23620" spans="4:5" x14ac:dyDescent="0.25">
      <c r="D23620" s="6">
        <v>707.58730000000003</v>
      </c>
      <c r="E23620" s="6">
        <v>7879.701</v>
      </c>
    </row>
    <row r="23621" spans="4:5" x14ac:dyDescent="0.25">
      <c r="D23621" s="6">
        <v>913.93259999999998</v>
      </c>
      <c r="E23621" s="6">
        <v>692.50689999999997</v>
      </c>
    </row>
    <row r="23622" spans="4:5" x14ac:dyDescent="0.25">
      <c r="D23622" s="6">
        <v>685.94759999999997</v>
      </c>
      <c r="E23622" s="6">
        <v>1257.1559999999999</v>
      </c>
    </row>
    <row r="23623" spans="4:5" x14ac:dyDescent="0.25">
      <c r="D23623" s="6">
        <v>635.29229999999995</v>
      </c>
      <c r="E23623" s="6">
        <v>734.70830000000001</v>
      </c>
    </row>
    <row r="23624" spans="4:5" x14ac:dyDescent="0.25">
      <c r="D23624" s="6">
        <v>792.80380000000002</v>
      </c>
      <c r="E23624" s="6">
        <v>647.79970000000003</v>
      </c>
    </row>
    <row r="23625" spans="4:5" x14ac:dyDescent="0.25">
      <c r="D23625" s="6">
        <v>1366.252</v>
      </c>
      <c r="E23625" s="6">
        <v>669.41740000000004</v>
      </c>
    </row>
    <row r="23626" spans="4:5" x14ac:dyDescent="0.25">
      <c r="D23626" s="6">
        <v>916.53250000000003</v>
      </c>
      <c r="E23626" s="6">
        <v>1787.98</v>
      </c>
    </row>
    <row r="23627" spans="4:5" x14ac:dyDescent="0.25">
      <c r="D23627" s="6">
        <v>776.46199999999999</v>
      </c>
      <c r="E23627" s="6">
        <v>721.56349999999998</v>
      </c>
    </row>
    <row r="23628" spans="4:5" x14ac:dyDescent="0.25">
      <c r="D23628" s="6">
        <v>633.70650000000001</v>
      </c>
      <c r="E23628" s="6">
        <v>4156.0360000000001</v>
      </c>
    </row>
    <row r="23629" spans="4:5" x14ac:dyDescent="0.25">
      <c r="D23629" s="6">
        <v>536.55409999999995</v>
      </c>
      <c r="E23629" s="6">
        <v>704.92819999999995</v>
      </c>
    </row>
    <row r="23630" spans="4:5" x14ac:dyDescent="0.25">
      <c r="D23630" s="6">
        <v>647.32000000000005</v>
      </c>
      <c r="E23630" s="6">
        <v>4498.1440000000002</v>
      </c>
    </row>
    <row r="23631" spans="4:5" x14ac:dyDescent="0.25">
      <c r="D23631" s="6">
        <v>835.32550000000003</v>
      </c>
      <c r="E23631" s="6">
        <v>424.4982</v>
      </c>
    </row>
    <row r="23632" spans="4:5" x14ac:dyDescent="0.25">
      <c r="D23632" s="6">
        <v>629.34900000000005</v>
      </c>
      <c r="E23632" s="6">
        <v>6135.3729999999996</v>
      </c>
    </row>
    <row r="23633" spans="4:5" x14ac:dyDescent="0.25">
      <c r="D23633" s="6">
        <v>578.11919999999998</v>
      </c>
      <c r="E23633" s="6">
        <v>855.98609999999996</v>
      </c>
    </row>
    <row r="23634" spans="4:5" x14ac:dyDescent="0.25">
      <c r="D23634" s="6">
        <v>6908.6289999999999</v>
      </c>
      <c r="E23634" s="6">
        <v>704.90449999999998</v>
      </c>
    </row>
    <row r="23635" spans="4:5" x14ac:dyDescent="0.25">
      <c r="D23635" s="6">
        <v>583.06399999999996</v>
      </c>
      <c r="E23635" s="6">
        <v>1811.1579999999999</v>
      </c>
    </row>
    <row r="23636" spans="4:5" x14ac:dyDescent="0.25">
      <c r="D23636" s="6">
        <v>615.85709999999995</v>
      </c>
      <c r="E23636" s="6">
        <v>646.90430000000003</v>
      </c>
    </row>
    <row r="23637" spans="4:5" x14ac:dyDescent="0.25">
      <c r="D23637" s="6">
        <v>850.58299999999997</v>
      </c>
      <c r="E23637" s="6">
        <v>1450.5730000000001</v>
      </c>
    </row>
    <row r="23638" spans="4:5" x14ac:dyDescent="0.25">
      <c r="D23638" s="6">
        <v>610.86090000000002</v>
      </c>
      <c r="E23638" s="6">
        <v>741.79819999999995</v>
      </c>
    </row>
    <row r="23639" spans="4:5" x14ac:dyDescent="0.25">
      <c r="D23639" s="6">
        <v>545.58690000000001</v>
      </c>
      <c r="E23639" s="6">
        <v>569.48900000000003</v>
      </c>
    </row>
    <row r="23640" spans="4:5" x14ac:dyDescent="0.25">
      <c r="D23640" s="6">
        <v>619.3854</v>
      </c>
      <c r="E23640" s="6">
        <v>1914.12</v>
      </c>
    </row>
    <row r="23641" spans="4:5" x14ac:dyDescent="0.25">
      <c r="D23641" s="6">
        <v>6805.3280000000004</v>
      </c>
      <c r="E23641" s="6">
        <v>1084.521</v>
      </c>
    </row>
    <row r="23642" spans="4:5" x14ac:dyDescent="0.25">
      <c r="D23642" s="6">
        <v>2345.25</v>
      </c>
      <c r="E23642" s="6">
        <v>568.1241</v>
      </c>
    </row>
    <row r="23643" spans="4:5" x14ac:dyDescent="0.25">
      <c r="D23643" s="6">
        <v>663.99270000000001</v>
      </c>
      <c r="E23643" s="6">
        <v>1178.944</v>
      </c>
    </row>
    <row r="23644" spans="4:5" x14ac:dyDescent="0.25">
      <c r="D23644" s="6">
        <v>1001.966</v>
      </c>
      <c r="E23644" s="6">
        <v>618.92290000000003</v>
      </c>
    </row>
    <row r="23645" spans="4:5" x14ac:dyDescent="0.25">
      <c r="D23645" s="6">
        <v>1644.713</v>
      </c>
      <c r="E23645" s="6">
        <v>537.19079999999997</v>
      </c>
    </row>
    <row r="23646" spans="4:5" x14ac:dyDescent="0.25">
      <c r="D23646" s="6">
        <v>727.64239999999995</v>
      </c>
      <c r="E23646" s="6">
        <v>691.00049999999999</v>
      </c>
    </row>
    <row r="23647" spans="4:5" x14ac:dyDescent="0.25">
      <c r="D23647" s="6">
        <v>764.33979999999997</v>
      </c>
      <c r="E23647" s="6">
        <v>742.60379999999998</v>
      </c>
    </row>
    <row r="23648" spans="4:5" x14ac:dyDescent="0.25">
      <c r="D23648" s="6">
        <v>1468</v>
      </c>
      <c r="E23648" s="6">
        <v>705.48860000000002</v>
      </c>
    </row>
    <row r="23649" spans="4:5" x14ac:dyDescent="0.25">
      <c r="D23649" s="6">
        <v>586.02620000000002</v>
      </c>
      <c r="E23649" s="6">
        <v>6737.7240000000002</v>
      </c>
    </row>
    <row r="23650" spans="4:5" x14ac:dyDescent="0.25">
      <c r="D23650" s="6">
        <v>522.12739999999997</v>
      </c>
      <c r="E23650" s="6">
        <v>748.37620000000004</v>
      </c>
    </row>
    <row r="23651" spans="4:5" x14ac:dyDescent="0.25">
      <c r="D23651" s="6">
        <v>819.46119999999996</v>
      </c>
      <c r="E23651" s="6">
        <v>827.43409999999994</v>
      </c>
    </row>
    <row r="23652" spans="4:5" x14ac:dyDescent="0.25">
      <c r="D23652" s="6">
        <v>610.04999999999995</v>
      </c>
      <c r="E23652" s="6">
        <v>1362.0440000000001</v>
      </c>
    </row>
    <row r="23653" spans="4:5" x14ac:dyDescent="0.25">
      <c r="D23653" s="6">
        <v>6018.9560000000001</v>
      </c>
      <c r="E23653" s="6">
        <v>2737.8690000000001</v>
      </c>
    </row>
    <row r="23654" spans="4:5" x14ac:dyDescent="0.25">
      <c r="D23654" s="6">
        <v>516.35739999999998</v>
      </c>
      <c r="E23654" s="6">
        <v>1544.8420000000001</v>
      </c>
    </row>
    <row r="23655" spans="4:5" x14ac:dyDescent="0.25">
      <c r="D23655" s="6">
        <v>570.97379999999998</v>
      </c>
      <c r="E23655" s="6">
        <v>636.39559999999994</v>
      </c>
    </row>
    <row r="23656" spans="4:5" x14ac:dyDescent="0.25">
      <c r="D23656" s="6">
        <v>679.23969999999997</v>
      </c>
      <c r="E23656" s="6">
        <v>10509</v>
      </c>
    </row>
    <row r="23657" spans="4:5" x14ac:dyDescent="0.25">
      <c r="D23657" s="6">
        <v>996.93629999999996</v>
      </c>
      <c r="E23657" s="6">
        <v>1040.0909999999999</v>
      </c>
    </row>
    <row r="23658" spans="4:5" x14ac:dyDescent="0.25">
      <c r="D23658" s="6">
        <v>622.6875</v>
      </c>
      <c r="E23658" s="6">
        <v>599.17870000000005</v>
      </c>
    </row>
    <row r="23659" spans="4:5" x14ac:dyDescent="0.25">
      <c r="D23659" s="6">
        <v>711.52809999999999</v>
      </c>
      <c r="E23659" s="6">
        <v>768.14059999999995</v>
      </c>
    </row>
    <row r="23660" spans="4:5" x14ac:dyDescent="0.25">
      <c r="D23660" s="6">
        <v>453.7287</v>
      </c>
      <c r="E23660" s="6">
        <v>811.37789999999995</v>
      </c>
    </row>
    <row r="23661" spans="4:5" x14ac:dyDescent="0.25">
      <c r="D23661" s="6">
        <v>596.25319999999999</v>
      </c>
      <c r="E23661" s="6">
        <v>2795.8139999999999</v>
      </c>
    </row>
    <row r="23662" spans="4:5" x14ac:dyDescent="0.25">
      <c r="D23662" s="6">
        <v>6382.1819999999998</v>
      </c>
      <c r="E23662" s="6">
        <v>1457.3789999999999</v>
      </c>
    </row>
    <row r="23663" spans="4:5" x14ac:dyDescent="0.25">
      <c r="D23663" s="6">
        <v>427.3381</v>
      </c>
      <c r="E23663" s="6">
        <v>2071.1990000000001</v>
      </c>
    </row>
    <row r="23664" spans="4:5" x14ac:dyDescent="0.25">
      <c r="D23664" s="6">
        <v>1025.1500000000001</v>
      </c>
      <c r="E23664" s="6">
        <v>918.24210000000005</v>
      </c>
    </row>
    <row r="23665" spans="4:5" x14ac:dyDescent="0.25">
      <c r="D23665" s="6">
        <v>4354.3069999999998</v>
      </c>
      <c r="E23665" s="6">
        <v>655.56439999999998</v>
      </c>
    </row>
    <row r="23666" spans="4:5" x14ac:dyDescent="0.25">
      <c r="D23666" s="6">
        <v>1062.722</v>
      </c>
      <c r="E23666" s="6">
        <v>672.01679999999999</v>
      </c>
    </row>
    <row r="23667" spans="4:5" x14ac:dyDescent="0.25">
      <c r="D23667" s="6">
        <v>1338.98</v>
      </c>
      <c r="E23667" s="6">
        <v>9955.7109999999993</v>
      </c>
    </row>
    <row r="23668" spans="4:5" x14ac:dyDescent="0.25">
      <c r="D23668" s="6">
        <v>3992.857</v>
      </c>
      <c r="E23668" s="6">
        <v>663.75429999999994</v>
      </c>
    </row>
    <row r="23669" spans="4:5" x14ac:dyDescent="0.25">
      <c r="D23669" s="6">
        <v>868.20029999999997</v>
      </c>
      <c r="E23669" s="6">
        <v>702.27639999999997</v>
      </c>
    </row>
    <row r="23670" spans="4:5" x14ac:dyDescent="0.25">
      <c r="D23670" s="6">
        <v>624.29259999999999</v>
      </c>
      <c r="E23670" s="6">
        <v>3268.4490000000001</v>
      </c>
    </row>
    <row r="23671" spans="4:5" x14ac:dyDescent="0.25">
      <c r="D23671" s="6">
        <v>673.04079999999999</v>
      </c>
      <c r="E23671" s="6">
        <v>780.09339999999997</v>
      </c>
    </row>
    <row r="23672" spans="4:5" x14ac:dyDescent="0.25">
      <c r="D23672" s="6">
        <v>901.04100000000005</v>
      </c>
      <c r="E23672" s="6">
        <v>717.14509999999996</v>
      </c>
    </row>
    <row r="23673" spans="4:5" x14ac:dyDescent="0.25">
      <c r="D23673" s="6">
        <v>641.52319999999997</v>
      </c>
      <c r="E23673" s="6">
        <v>572.56740000000002</v>
      </c>
    </row>
    <row r="23674" spans="4:5" x14ac:dyDescent="0.25">
      <c r="D23674" s="6">
        <v>786.05430000000001</v>
      </c>
      <c r="E23674" s="6">
        <v>4463.8969999999999</v>
      </c>
    </row>
    <row r="23675" spans="4:5" x14ac:dyDescent="0.25">
      <c r="D23675" s="6">
        <v>4835.5789999999997</v>
      </c>
      <c r="E23675" s="6">
        <v>765.92510000000004</v>
      </c>
    </row>
    <row r="23676" spans="4:5" x14ac:dyDescent="0.25">
      <c r="D23676" s="6">
        <v>3354.0439999999999</v>
      </c>
      <c r="E23676" s="6">
        <v>1402.019</v>
      </c>
    </row>
    <row r="23677" spans="4:5" x14ac:dyDescent="0.25">
      <c r="D23677" s="6">
        <v>610.68020000000001</v>
      </c>
      <c r="E23677" s="6">
        <v>1700.4110000000001</v>
      </c>
    </row>
    <row r="23678" spans="4:5" x14ac:dyDescent="0.25">
      <c r="D23678" s="6">
        <v>6289.5789999999997</v>
      </c>
      <c r="E23678" s="6">
        <v>1121.6510000000001</v>
      </c>
    </row>
    <row r="23679" spans="4:5" x14ac:dyDescent="0.25">
      <c r="D23679" s="6">
        <v>646.66539999999998</v>
      </c>
      <c r="E23679" s="6">
        <v>2180.2040000000002</v>
      </c>
    </row>
    <row r="23680" spans="4:5" x14ac:dyDescent="0.25">
      <c r="D23680" s="6">
        <v>578.4171</v>
      </c>
      <c r="E23680" s="6">
        <v>13394.43</v>
      </c>
    </row>
    <row r="23681" spans="4:5" x14ac:dyDescent="0.25">
      <c r="D23681" s="6">
        <v>5379.1890000000003</v>
      </c>
      <c r="E23681" s="6">
        <v>2404.5500000000002</v>
      </c>
    </row>
    <row r="23682" spans="4:5" x14ac:dyDescent="0.25">
      <c r="D23682" s="6">
        <v>643.51710000000003</v>
      </c>
      <c r="E23682" s="6">
        <v>6181.0420000000004</v>
      </c>
    </row>
    <row r="23683" spans="4:5" x14ac:dyDescent="0.25">
      <c r="D23683" s="6">
        <v>679.20590000000004</v>
      </c>
      <c r="E23683" s="6">
        <v>796.05190000000005</v>
      </c>
    </row>
    <row r="23684" spans="4:5" x14ac:dyDescent="0.25">
      <c r="D23684" s="6">
        <v>486.82650000000001</v>
      </c>
      <c r="E23684" s="6">
        <v>1747.2439999999999</v>
      </c>
    </row>
    <row r="23685" spans="4:5" x14ac:dyDescent="0.25">
      <c r="D23685" s="6">
        <v>5555.2150000000001</v>
      </c>
      <c r="E23685" s="6">
        <v>1979.471</v>
      </c>
    </row>
    <row r="23686" spans="4:5" x14ac:dyDescent="0.25">
      <c r="D23686" s="6">
        <v>1579</v>
      </c>
      <c r="E23686" s="6">
        <v>474.43819999999999</v>
      </c>
    </row>
    <row r="23687" spans="4:5" x14ac:dyDescent="0.25">
      <c r="D23687" s="6">
        <v>709.34839999999997</v>
      </c>
      <c r="E23687" s="6">
        <v>1491.376</v>
      </c>
    </row>
    <row r="23688" spans="4:5" x14ac:dyDescent="0.25">
      <c r="D23688" s="6">
        <v>2012.627</v>
      </c>
      <c r="E23688" s="6">
        <v>1198.0050000000001</v>
      </c>
    </row>
    <row r="23689" spans="4:5" x14ac:dyDescent="0.25">
      <c r="D23689" s="6">
        <v>933.97220000000004</v>
      </c>
      <c r="E23689" s="6">
        <v>3887.5740000000001</v>
      </c>
    </row>
    <row r="23690" spans="4:5" x14ac:dyDescent="0.25">
      <c r="D23690" s="6">
        <v>507.9975</v>
      </c>
      <c r="E23690" s="6">
        <v>4924.2759999999998</v>
      </c>
    </row>
    <row r="23691" spans="4:5" x14ac:dyDescent="0.25">
      <c r="D23691" s="6">
        <v>1332.1179999999999</v>
      </c>
      <c r="E23691" s="6">
        <v>1426.473</v>
      </c>
    </row>
    <row r="23692" spans="4:5" x14ac:dyDescent="0.25">
      <c r="D23692" s="6">
        <v>685.65920000000006</v>
      </c>
      <c r="E23692" s="6">
        <v>855.03620000000001</v>
      </c>
    </row>
    <row r="23693" spans="4:5" x14ac:dyDescent="0.25">
      <c r="D23693" s="6">
        <v>575.09019999999998</v>
      </c>
      <c r="E23693" s="6">
        <v>680</v>
      </c>
    </row>
    <row r="23694" spans="4:5" x14ac:dyDescent="0.25">
      <c r="D23694" s="6">
        <v>700.49869999999999</v>
      </c>
      <c r="E23694" s="6">
        <v>565.82560000000001</v>
      </c>
    </row>
    <row r="23695" spans="4:5" x14ac:dyDescent="0.25">
      <c r="D23695" s="6">
        <v>661.64930000000004</v>
      </c>
      <c r="E23695" s="6">
        <v>773.65549999999996</v>
      </c>
    </row>
    <row r="23696" spans="4:5" x14ac:dyDescent="0.25">
      <c r="D23696" s="6">
        <v>5936.5839999999998</v>
      </c>
      <c r="E23696" s="6">
        <v>1146.5940000000001</v>
      </c>
    </row>
    <row r="23697" spans="4:5" x14ac:dyDescent="0.25">
      <c r="D23697" s="6">
        <v>632.90740000000005</v>
      </c>
      <c r="E23697" s="6">
        <v>1511.8879999999999</v>
      </c>
    </row>
    <row r="23698" spans="4:5" x14ac:dyDescent="0.25">
      <c r="D23698" s="6">
        <v>5737.71</v>
      </c>
      <c r="E23698" s="6">
        <v>673.31590000000006</v>
      </c>
    </row>
    <row r="23699" spans="4:5" x14ac:dyDescent="0.25">
      <c r="D23699" s="6">
        <v>1000.02</v>
      </c>
      <c r="E23699" s="6">
        <v>708.69010000000003</v>
      </c>
    </row>
    <row r="23700" spans="4:5" x14ac:dyDescent="0.25">
      <c r="D23700" s="6">
        <v>640.9271</v>
      </c>
      <c r="E23700" s="6">
        <v>619.01210000000003</v>
      </c>
    </row>
    <row r="23701" spans="4:5" x14ac:dyDescent="0.25">
      <c r="D23701" s="6">
        <v>632.63890000000004</v>
      </c>
      <c r="E23701" s="6">
        <v>6057.3540000000003</v>
      </c>
    </row>
    <row r="23702" spans="4:5" x14ac:dyDescent="0.25">
      <c r="D23702" s="6">
        <v>830.24350000000004</v>
      </c>
      <c r="E23702" s="6">
        <v>518.68650000000002</v>
      </c>
    </row>
    <row r="23703" spans="4:5" x14ac:dyDescent="0.25">
      <c r="D23703" s="6">
        <v>507.72460000000001</v>
      </c>
      <c r="E23703" s="6">
        <v>576.99720000000002</v>
      </c>
    </row>
    <row r="23704" spans="4:5" x14ac:dyDescent="0.25">
      <c r="D23704" s="6">
        <v>565.38940000000002</v>
      </c>
      <c r="E23704" s="6">
        <v>668.29939999999999</v>
      </c>
    </row>
    <row r="23705" spans="4:5" x14ac:dyDescent="0.25">
      <c r="D23705" s="6">
        <v>743.76340000000005</v>
      </c>
      <c r="E23705" s="6">
        <v>1225.645</v>
      </c>
    </row>
    <row r="23706" spans="4:5" x14ac:dyDescent="0.25">
      <c r="D23706" s="6">
        <v>1018.59</v>
      </c>
      <c r="E23706" s="6">
        <v>5854.7579999999998</v>
      </c>
    </row>
    <row r="23707" spans="4:5" x14ac:dyDescent="0.25">
      <c r="D23707" s="6">
        <v>459.505</v>
      </c>
      <c r="E23707" s="6">
        <v>820.09649999999999</v>
      </c>
    </row>
    <row r="23708" spans="4:5" x14ac:dyDescent="0.25">
      <c r="D23708" s="6">
        <v>4367.5820000000003</v>
      </c>
      <c r="E23708" s="6">
        <v>3276.4589999999998</v>
      </c>
    </row>
    <row r="23709" spans="4:5" x14ac:dyDescent="0.25">
      <c r="D23709" s="6">
        <v>5835.0469999999996</v>
      </c>
      <c r="E23709" s="6">
        <v>1325.02</v>
      </c>
    </row>
    <row r="23710" spans="4:5" x14ac:dyDescent="0.25">
      <c r="D23710" s="6">
        <v>536.42529999999999</v>
      </c>
      <c r="E23710" s="6">
        <v>733.23320000000001</v>
      </c>
    </row>
    <row r="23711" spans="4:5" x14ac:dyDescent="0.25">
      <c r="D23711" s="6">
        <v>543.56759999999997</v>
      </c>
      <c r="E23711" s="6">
        <v>4885.9290000000001</v>
      </c>
    </row>
    <row r="23712" spans="4:5" x14ac:dyDescent="0.25">
      <c r="D23712" s="6">
        <v>628.57960000000003</v>
      </c>
      <c r="E23712" s="6">
        <v>4783.5860000000002</v>
      </c>
    </row>
    <row r="23713" spans="4:5" x14ac:dyDescent="0.25">
      <c r="D23713" s="6">
        <v>618.38760000000002</v>
      </c>
      <c r="E23713" s="6">
        <v>2695.3440000000001</v>
      </c>
    </row>
    <row r="23714" spans="4:5" x14ac:dyDescent="0.25">
      <c r="D23714" s="6">
        <v>594.45839999999998</v>
      </c>
      <c r="E23714" s="6">
        <v>8184.2049999999999</v>
      </c>
    </row>
    <row r="23715" spans="4:5" x14ac:dyDescent="0.25">
      <c r="D23715" s="6">
        <v>609.77909999999997</v>
      </c>
      <c r="E23715" s="6">
        <v>1367.9359999999999</v>
      </c>
    </row>
    <row r="23716" spans="4:5" x14ac:dyDescent="0.25">
      <c r="D23716" s="6">
        <v>698.65060000000005</v>
      </c>
      <c r="E23716" s="6">
        <v>665.37630000000001</v>
      </c>
    </row>
    <row r="23717" spans="4:5" x14ac:dyDescent="0.25">
      <c r="D23717" s="6">
        <v>807.98559999999998</v>
      </c>
      <c r="E23717" s="6">
        <v>561.31939999999997</v>
      </c>
    </row>
    <row r="23718" spans="4:5" x14ac:dyDescent="0.25">
      <c r="D23718" s="6">
        <v>905.17960000000005</v>
      </c>
      <c r="E23718" s="6">
        <v>505.26510000000002</v>
      </c>
    </row>
    <row r="23719" spans="4:5" x14ac:dyDescent="0.25">
      <c r="D23719" s="6">
        <v>704.77890000000002</v>
      </c>
      <c r="E23719" s="6">
        <v>778.07780000000002</v>
      </c>
    </row>
    <row r="23720" spans="4:5" x14ac:dyDescent="0.25">
      <c r="D23720" s="6">
        <v>707.73810000000003</v>
      </c>
      <c r="E23720" s="6">
        <v>1542</v>
      </c>
    </row>
    <row r="23721" spans="4:5" x14ac:dyDescent="0.25">
      <c r="D23721" s="6">
        <v>1268.3579999999999</v>
      </c>
      <c r="E23721" s="6">
        <v>5221.62</v>
      </c>
    </row>
    <row r="23722" spans="4:5" x14ac:dyDescent="0.25">
      <c r="D23722" s="6">
        <v>659.67229999999995</v>
      </c>
      <c r="E23722" s="6">
        <v>684.10029999999995</v>
      </c>
    </row>
    <row r="23723" spans="4:5" x14ac:dyDescent="0.25">
      <c r="D23723" s="6">
        <v>1597.5840000000001</v>
      </c>
      <c r="E23723" s="6">
        <v>1974.115</v>
      </c>
    </row>
    <row r="23724" spans="4:5" x14ac:dyDescent="0.25">
      <c r="D23724" s="6">
        <v>1030.3040000000001</v>
      </c>
      <c r="E23724" s="6">
        <v>866.86440000000005</v>
      </c>
    </row>
    <row r="23725" spans="4:5" x14ac:dyDescent="0.25">
      <c r="D23725" s="6">
        <v>817.4615</v>
      </c>
      <c r="E23725" s="6">
        <v>520.30250000000001</v>
      </c>
    </row>
    <row r="23726" spans="4:5" x14ac:dyDescent="0.25">
      <c r="D23726" s="6">
        <v>5051.03</v>
      </c>
      <c r="E23726" s="6">
        <v>691.63040000000001</v>
      </c>
    </row>
    <row r="23727" spans="4:5" x14ac:dyDescent="0.25">
      <c r="D23727" s="6">
        <v>695.10400000000004</v>
      </c>
      <c r="E23727" s="6">
        <v>3559.7660000000001</v>
      </c>
    </row>
    <row r="23728" spans="4:5" x14ac:dyDescent="0.25">
      <c r="D23728" s="6">
        <v>620.07680000000005</v>
      </c>
      <c r="E23728" s="6">
        <v>549.74900000000002</v>
      </c>
    </row>
    <row r="23729" spans="4:5" x14ac:dyDescent="0.25">
      <c r="D23729" s="6">
        <v>631.53480000000002</v>
      </c>
      <c r="E23729" s="6">
        <v>4748.1019999999999</v>
      </c>
    </row>
    <row r="23730" spans="4:5" x14ac:dyDescent="0.25">
      <c r="D23730" s="6">
        <v>691.66449999999998</v>
      </c>
      <c r="E23730" s="6">
        <v>895</v>
      </c>
    </row>
    <row r="23731" spans="4:5" x14ac:dyDescent="0.25">
      <c r="D23731" s="6">
        <v>630.72400000000005</v>
      </c>
      <c r="E23731" s="6">
        <v>2769.0970000000002</v>
      </c>
    </row>
    <row r="23732" spans="4:5" x14ac:dyDescent="0.25">
      <c r="D23732" s="6">
        <v>611.82219999999995</v>
      </c>
      <c r="E23732" s="6">
        <v>369.86860000000001</v>
      </c>
    </row>
    <row r="23733" spans="4:5" x14ac:dyDescent="0.25">
      <c r="D23733" s="6">
        <v>692.27800000000002</v>
      </c>
      <c r="E23733" s="6">
        <v>530.48030000000006</v>
      </c>
    </row>
    <row r="23734" spans="4:5" x14ac:dyDescent="0.25">
      <c r="D23734" s="6">
        <v>785.65060000000005</v>
      </c>
      <c r="E23734" s="6">
        <v>507.59039999999999</v>
      </c>
    </row>
    <row r="23735" spans="4:5" x14ac:dyDescent="0.25">
      <c r="D23735" s="6">
        <v>572.13490000000002</v>
      </c>
      <c r="E23735" s="6">
        <v>6798.6589999999997</v>
      </c>
    </row>
    <row r="23736" spans="4:5" x14ac:dyDescent="0.25">
      <c r="D23736" s="6">
        <v>769.09960000000001</v>
      </c>
      <c r="E23736" s="6">
        <v>1345.7909999999999</v>
      </c>
    </row>
    <row r="23737" spans="4:5" x14ac:dyDescent="0.25">
      <c r="D23737" s="6">
        <v>647.54600000000005</v>
      </c>
      <c r="E23737" s="6">
        <v>2035.49</v>
      </c>
    </row>
    <row r="23738" spans="4:5" x14ac:dyDescent="0.25">
      <c r="D23738" s="6">
        <v>1438.4290000000001</v>
      </c>
      <c r="E23738" s="6">
        <v>4331.2579999999998</v>
      </c>
    </row>
    <row r="23739" spans="4:5" x14ac:dyDescent="0.25">
      <c r="D23739" s="6">
        <v>1080.883</v>
      </c>
      <c r="E23739" s="6">
        <v>7549.8540000000003</v>
      </c>
    </row>
    <row r="23740" spans="4:5" x14ac:dyDescent="0.25">
      <c r="D23740" s="6">
        <v>646.5856</v>
      </c>
      <c r="E23740" s="6">
        <v>5455.5050000000001</v>
      </c>
    </row>
    <row r="23741" spans="4:5" x14ac:dyDescent="0.25">
      <c r="D23741" s="6">
        <v>591.36950000000002</v>
      </c>
      <c r="E23741" s="6">
        <v>842.5376</v>
      </c>
    </row>
    <row r="23742" spans="4:5" x14ac:dyDescent="0.25">
      <c r="D23742" s="6">
        <v>597.23490000000004</v>
      </c>
      <c r="E23742" s="6">
        <v>640.84969999999998</v>
      </c>
    </row>
    <row r="23743" spans="4:5" x14ac:dyDescent="0.25">
      <c r="D23743" s="6">
        <v>1100.5999999999999</v>
      </c>
      <c r="E23743" s="6">
        <v>781.56640000000004</v>
      </c>
    </row>
    <row r="23744" spans="4:5" x14ac:dyDescent="0.25">
      <c r="D23744" s="6">
        <v>606.54660000000001</v>
      </c>
      <c r="E23744" s="6">
        <v>2095.248</v>
      </c>
    </row>
    <row r="23745" spans="4:5" x14ac:dyDescent="0.25">
      <c r="D23745" s="6">
        <v>662.90940000000001</v>
      </c>
      <c r="E23745" s="6">
        <v>12524.13</v>
      </c>
    </row>
    <row r="23746" spans="4:5" x14ac:dyDescent="0.25">
      <c r="D23746" s="6">
        <v>646.81669999999997</v>
      </c>
      <c r="E23746" s="6">
        <v>5329.35</v>
      </c>
    </row>
    <row r="23747" spans="4:5" x14ac:dyDescent="0.25">
      <c r="D23747" s="6">
        <v>535.62310000000002</v>
      </c>
      <c r="E23747" s="6">
        <v>5462.79</v>
      </c>
    </row>
    <row r="23748" spans="4:5" x14ac:dyDescent="0.25">
      <c r="D23748" s="6">
        <v>939.39160000000004</v>
      </c>
      <c r="E23748" s="6">
        <v>712.83330000000001</v>
      </c>
    </row>
    <row r="23749" spans="4:5" x14ac:dyDescent="0.25">
      <c r="D23749" s="6">
        <v>593.17920000000004</v>
      </c>
      <c r="E23749" s="6">
        <v>543.86749999999995</v>
      </c>
    </row>
    <row r="23750" spans="4:5" x14ac:dyDescent="0.25">
      <c r="D23750" s="6">
        <v>581.50319999999999</v>
      </c>
      <c r="E23750" s="6">
        <v>599.84349999999995</v>
      </c>
    </row>
    <row r="23751" spans="4:5" x14ac:dyDescent="0.25">
      <c r="D23751" s="6">
        <v>675.60350000000005</v>
      </c>
      <c r="E23751" s="6">
        <v>5132.6080000000002</v>
      </c>
    </row>
    <row r="23752" spans="4:5" x14ac:dyDescent="0.25">
      <c r="D23752" s="6">
        <v>583.52120000000002</v>
      </c>
      <c r="E23752" s="6">
        <v>618.24040000000002</v>
      </c>
    </row>
    <row r="23753" spans="4:5" x14ac:dyDescent="0.25">
      <c r="D23753" s="6">
        <v>793.25319999999999</v>
      </c>
      <c r="E23753" s="6">
        <v>4801.6530000000002</v>
      </c>
    </row>
    <row r="23754" spans="4:5" x14ac:dyDescent="0.25">
      <c r="D23754" s="6">
        <v>957.43589999999995</v>
      </c>
      <c r="E23754" s="6">
        <v>7023.951</v>
      </c>
    </row>
    <row r="23755" spans="4:5" x14ac:dyDescent="0.25">
      <c r="D23755" s="6">
        <v>598.99360000000001</v>
      </c>
      <c r="E23755" s="6">
        <v>762.80820000000006</v>
      </c>
    </row>
    <row r="23756" spans="4:5" x14ac:dyDescent="0.25">
      <c r="D23756" s="6">
        <v>593.7894</v>
      </c>
      <c r="E23756" s="6">
        <v>599.27670000000001</v>
      </c>
    </row>
    <row r="23757" spans="4:5" x14ac:dyDescent="0.25">
      <c r="D23757" s="6">
        <v>662.54989999999998</v>
      </c>
      <c r="E23757" s="6">
        <v>842.923</v>
      </c>
    </row>
    <row r="23758" spans="4:5" x14ac:dyDescent="0.25">
      <c r="D23758" s="6">
        <v>988.88289999999995</v>
      </c>
      <c r="E23758" s="6">
        <v>960.12059999999997</v>
      </c>
    </row>
    <row r="23759" spans="4:5" x14ac:dyDescent="0.25">
      <c r="D23759" s="6">
        <v>2819.25</v>
      </c>
      <c r="E23759" s="6">
        <v>583.88459999999998</v>
      </c>
    </row>
    <row r="23760" spans="4:5" x14ac:dyDescent="0.25">
      <c r="D23760" s="6">
        <v>920.04169999999999</v>
      </c>
      <c r="E23760" s="6">
        <v>1865.7</v>
      </c>
    </row>
    <row r="23761" spans="4:5" x14ac:dyDescent="0.25">
      <c r="D23761" s="6">
        <v>569.21900000000005</v>
      </c>
      <c r="E23761" s="6">
        <v>777.7278</v>
      </c>
    </row>
    <row r="23762" spans="4:5" x14ac:dyDescent="0.25">
      <c r="D23762" s="6">
        <v>566.02919999999995</v>
      </c>
      <c r="E23762" s="6">
        <v>1112.1669999999999</v>
      </c>
    </row>
    <row r="23763" spans="4:5" x14ac:dyDescent="0.25">
      <c r="D23763" s="6">
        <v>8478.6329999999998</v>
      </c>
      <c r="E23763" s="6">
        <v>741.49509999999998</v>
      </c>
    </row>
    <row r="23764" spans="4:5" x14ac:dyDescent="0.25">
      <c r="D23764" s="6">
        <v>5279.607</v>
      </c>
      <c r="E23764" s="6">
        <v>767.5489</v>
      </c>
    </row>
    <row r="23765" spans="4:5" x14ac:dyDescent="0.25">
      <c r="D23765" s="6">
        <v>699.79399999999998</v>
      </c>
      <c r="E23765" s="6">
        <v>704.69770000000005</v>
      </c>
    </row>
    <row r="23766" spans="4:5" x14ac:dyDescent="0.25">
      <c r="D23766" s="6">
        <v>659.73220000000003</v>
      </c>
      <c r="E23766" s="6">
        <v>3533.357</v>
      </c>
    </row>
    <row r="23767" spans="4:5" x14ac:dyDescent="0.25">
      <c r="D23767" s="6">
        <v>463.19029999999998</v>
      </c>
      <c r="E23767" s="6">
        <v>1745.4179999999999</v>
      </c>
    </row>
    <row r="23768" spans="4:5" x14ac:dyDescent="0.25">
      <c r="D23768" s="6">
        <v>660.73329999999999</v>
      </c>
      <c r="E23768" s="6">
        <v>512.55820000000006</v>
      </c>
    </row>
    <row r="23769" spans="4:5" x14ac:dyDescent="0.25">
      <c r="D23769" s="6">
        <v>736.38239999999996</v>
      </c>
      <c r="E23769" s="6">
        <v>6775.9189999999999</v>
      </c>
    </row>
    <row r="23770" spans="4:5" x14ac:dyDescent="0.25">
      <c r="D23770" s="6">
        <v>560.00710000000004</v>
      </c>
      <c r="E23770" s="6">
        <v>730.45630000000006</v>
      </c>
    </row>
    <row r="23771" spans="4:5" x14ac:dyDescent="0.25">
      <c r="D23771" s="6">
        <v>622.17759999999998</v>
      </c>
      <c r="E23771" s="6">
        <v>513.76490000000001</v>
      </c>
    </row>
    <row r="23772" spans="4:5" x14ac:dyDescent="0.25">
      <c r="D23772" s="6">
        <v>728.66809999999998</v>
      </c>
      <c r="E23772" s="6">
        <v>679.23469999999998</v>
      </c>
    </row>
    <row r="23773" spans="4:5" x14ac:dyDescent="0.25">
      <c r="D23773" s="6">
        <v>1015.19</v>
      </c>
      <c r="E23773" s="6">
        <v>961.93359999999996</v>
      </c>
    </row>
    <row r="23774" spans="4:5" x14ac:dyDescent="0.25">
      <c r="D23774" s="6">
        <v>563.76170000000002</v>
      </c>
      <c r="E23774" s="6">
        <v>834.68619999999999</v>
      </c>
    </row>
    <row r="23775" spans="4:5" x14ac:dyDescent="0.25">
      <c r="D23775" s="6">
        <v>523.47709999999995</v>
      </c>
      <c r="E23775" s="6">
        <v>5961.0969999999998</v>
      </c>
    </row>
    <row r="23776" spans="4:5" x14ac:dyDescent="0.25">
      <c r="D23776" s="6">
        <v>649.33019999999999</v>
      </c>
      <c r="E23776" s="6">
        <v>715.42489999999998</v>
      </c>
    </row>
    <row r="23777" spans="4:5" x14ac:dyDescent="0.25">
      <c r="D23777" s="6">
        <v>794.45489999999995</v>
      </c>
      <c r="E23777" s="6">
        <v>5219.2370000000001</v>
      </c>
    </row>
    <row r="23778" spans="4:5" x14ac:dyDescent="0.25">
      <c r="D23778" s="6">
        <v>548.9153</v>
      </c>
      <c r="E23778" s="6">
        <v>7539.31</v>
      </c>
    </row>
    <row r="23779" spans="4:5" x14ac:dyDescent="0.25">
      <c r="D23779" s="6">
        <v>1279.6400000000001</v>
      </c>
      <c r="E23779" s="6">
        <v>622.12860000000001</v>
      </c>
    </row>
    <row r="23780" spans="4:5" x14ac:dyDescent="0.25">
      <c r="D23780" s="6">
        <v>924.75540000000001</v>
      </c>
      <c r="E23780" s="6">
        <v>5485.81</v>
      </c>
    </row>
    <row r="23781" spans="4:5" x14ac:dyDescent="0.25">
      <c r="D23781" s="6">
        <v>6523.7640000000001</v>
      </c>
      <c r="E23781" s="6">
        <v>563.57010000000002</v>
      </c>
    </row>
    <row r="23782" spans="4:5" x14ac:dyDescent="0.25">
      <c r="D23782" s="6">
        <v>884.69029999999998</v>
      </c>
      <c r="E23782" s="6">
        <v>1594.375</v>
      </c>
    </row>
    <row r="23783" spans="4:5" x14ac:dyDescent="0.25">
      <c r="D23783" s="6">
        <v>8629.9500000000007</v>
      </c>
      <c r="E23783" s="6">
        <v>5301.1670000000004</v>
      </c>
    </row>
    <row r="23784" spans="4:5" x14ac:dyDescent="0.25">
      <c r="D23784" s="6">
        <v>658.97149999999999</v>
      </c>
      <c r="E23784" s="6">
        <v>3258.0529999999999</v>
      </c>
    </row>
    <row r="23785" spans="4:5" x14ac:dyDescent="0.25">
      <c r="D23785" s="6">
        <v>588.23879999999997</v>
      </c>
      <c r="E23785" s="6">
        <v>661.65039999999999</v>
      </c>
    </row>
    <row r="23786" spans="4:5" x14ac:dyDescent="0.25">
      <c r="D23786" s="6">
        <v>2978.1350000000002</v>
      </c>
      <c r="E23786" s="6">
        <v>1456.1379999999999</v>
      </c>
    </row>
    <row r="23787" spans="4:5" x14ac:dyDescent="0.25">
      <c r="D23787" s="6">
        <v>618.36720000000003</v>
      </c>
      <c r="E23787" s="6">
        <v>1122.192</v>
      </c>
    </row>
    <row r="23788" spans="4:5" x14ac:dyDescent="0.25">
      <c r="D23788" s="6">
        <v>1120.0360000000001</v>
      </c>
      <c r="E23788" s="6">
        <v>605.80930000000001</v>
      </c>
    </row>
    <row r="23789" spans="4:5" x14ac:dyDescent="0.25">
      <c r="D23789" s="6">
        <v>576.26480000000004</v>
      </c>
      <c r="E23789" s="6">
        <v>583.22379999999998</v>
      </c>
    </row>
    <row r="23790" spans="4:5" x14ac:dyDescent="0.25">
      <c r="D23790" s="6">
        <v>4361.2079999999996</v>
      </c>
      <c r="E23790" s="6">
        <v>700.25660000000005</v>
      </c>
    </row>
    <row r="23791" spans="4:5" x14ac:dyDescent="0.25">
      <c r="D23791" s="6">
        <v>1883.606</v>
      </c>
      <c r="E23791" s="6">
        <v>637.18669999999997</v>
      </c>
    </row>
    <row r="23792" spans="4:5" x14ac:dyDescent="0.25">
      <c r="D23792" s="6">
        <v>716.43719999999996</v>
      </c>
      <c r="E23792" s="6">
        <v>927.27449999999999</v>
      </c>
    </row>
    <row r="23793" spans="4:5" x14ac:dyDescent="0.25">
      <c r="D23793" s="6">
        <v>635.2953</v>
      </c>
      <c r="E23793" s="6">
        <v>1512.933</v>
      </c>
    </row>
    <row r="23794" spans="4:5" x14ac:dyDescent="0.25">
      <c r="D23794" s="6">
        <v>540.81780000000003</v>
      </c>
      <c r="E23794" s="6">
        <v>686</v>
      </c>
    </row>
    <row r="23795" spans="4:5" x14ac:dyDescent="0.25">
      <c r="D23795" s="6">
        <v>718.34739999999999</v>
      </c>
      <c r="E23795" s="6">
        <v>769.05930000000001</v>
      </c>
    </row>
    <row r="23796" spans="4:5" x14ac:dyDescent="0.25">
      <c r="D23796" s="6">
        <v>2056.627</v>
      </c>
      <c r="E23796" s="6">
        <v>456.47480000000002</v>
      </c>
    </row>
    <row r="23797" spans="4:5" x14ac:dyDescent="0.25">
      <c r="D23797" s="6">
        <v>998.38369999999998</v>
      </c>
      <c r="E23797" s="6">
        <v>785.34410000000003</v>
      </c>
    </row>
    <row r="23798" spans="4:5" x14ac:dyDescent="0.25">
      <c r="D23798" s="6">
        <v>590.32119999999998</v>
      </c>
      <c r="E23798" s="6">
        <v>910.58010000000002</v>
      </c>
    </row>
    <row r="23799" spans="4:5" x14ac:dyDescent="0.25">
      <c r="D23799" s="6">
        <v>675.83640000000003</v>
      </c>
      <c r="E23799" s="6">
        <v>729.12339999999995</v>
      </c>
    </row>
    <row r="23800" spans="4:5" x14ac:dyDescent="0.25">
      <c r="D23800" s="6">
        <v>561.67409999999995</v>
      </c>
      <c r="E23800" s="6">
        <v>603.26739999999995</v>
      </c>
    </row>
    <row r="23801" spans="4:5" x14ac:dyDescent="0.25">
      <c r="D23801" s="6">
        <v>691.58590000000004</v>
      </c>
      <c r="E23801" s="6">
        <v>3275.7260000000001</v>
      </c>
    </row>
    <row r="23802" spans="4:5" x14ac:dyDescent="0.25">
      <c r="D23802" s="6">
        <v>521.3039</v>
      </c>
      <c r="E23802" s="6">
        <v>1056.2529999999999</v>
      </c>
    </row>
    <row r="23803" spans="4:5" x14ac:dyDescent="0.25">
      <c r="D23803" s="6">
        <v>520.29960000000005</v>
      </c>
      <c r="E23803" s="6">
        <v>568.04610000000002</v>
      </c>
    </row>
    <row r="23804" spans="4:5" x14ac:dyDescent="0.25">
      <c r="D23804" s="6">
        <v>641.34900000000005</v>
      </c>
      <c r="E23804" s="6">
        <v>563.98940000000005</v>
      </c>
    </row>
    <row r="23805" spans="4:5" x14ac:dyDescent="0.25">
      <c r="D23805" s="6">
        <v>1064.73</v>
      </c>
      <c r="E23805" s="6">
        <v>635.4778</v>
      </c>
    </row>
    <row r="23806" spans="4:5" x14ac:dyDescent="0.25">
      <c r="D23806" s="6">
        <v>9442</v>
      </c>
      <c r="E23806" s="6">
        <v>611.18539999999996</v>
      </c>
    </row>
    <row r="23807" spans="4:5" x14ac:dyDescent="0.25">
      <c r="D23807" s="6">
        <v>613.36220000000003</v>
      </c>
      <c r="E23807" s="6">
        <v>566.55349999999999</v>
      </c>
    </row>
    <row r="23808" spans="4:5" x14ac:dyDescent="0.25">
      <c r="D23808" s="6">
        <v>597.01729999999998</v>
      </c>
      <c r="E23808" s="6">
        <v>2248.6089999999999</v>
      </c>
    </row>
    <row r="23809" spans="4:5" x14ac:dyDescent="0.25">
      <c r="D23809" s="6">
        <v>633.9307</v>
      </c>
      <c r="E23809" s="6">
        <v>1825.7139999999999</v>
      </c>
    </row>
    <row r="23810" spans="4:5" x14ac:dyDescent="0.25">
      <c r="D23810" s="6">
        <v>590.63570000000004</v>
      </c>
      <c r="E23810" s="6">
        <v>1423.204</v>
      </c>
    </row>
    <row r="23811" spans="4:5" x14ac:dyDescent="0.25">
      <c r="D23811" s="6">
        <v>614.64670000000001</v>
      </c>
      <c r="E23811" s="6">
        <v>646.20730000000003</v>
      </c>
    </row>
    <row r="23812" spans="4:5" x14ac:dyDescent="0.25">
      <c r="D23812" s="6">
        <v>503.8965</v>
      </c>
      <c r="E23812" s="6">
        <v>5654.2529999999997</v>
      </c>
    </row>
    <row r="23813" spans="4:5" x14ac:dyDescent="0.25">
      <c r="D23813" s="6">
        <v>749.31640000000004</v>
      </c>
      <c r="E23813" s="6">
        <v>5554.942</v>
      </c>
    </row>
    <row r="23814" spans="4:5" x14ac:dyDescent="0.25">
      <c r="D23814" s="6">
        <v>611.60640000000001</v>
      </c>
      <c r="E23814" s="6">
        <v>676.61080000000004</v>
      </c>
    </row>
    <row r="23815" spans="4:5" x14ac:dyDescent="0.25">
      <c r="D23815" s="6">
        <v>1381.46</v>
      </c>
      <c r="E23815" s="6">
        <v>447.40629999999999</v>
      </c>
    </row>
    <row r="23816" spans="4:5" x14ac:dyDescent="0.25">
      <c r="D23816" s="6">
        <v>548.22910000000002</v>
      </c>
      <c r="E23816" s="6">
        <v>709.78819999999996</v>
      </c>
    </row>
    <row r="23817" spans="4:5" x14ac:dyDescent="0.25">
      <c r="D23817" s="6">
        <v>731.66830000000004</v>
      </c>
      <c r="E23817" s="6">
        <v>321.45080000000002</v>
      </c>
    </row>
    <row r="23818" spans="4:5" x14ac:dyDescent="0.25">
      <c r="D23818" s="6">
        <v>500.94929999999999</v>
      </c>
      <c r="E23818" s="6">
        <v>1440.146</v>
      </c>
    </row>
    <row r="23819" spans="4:5" x14ac:dyDescent="0.25">
      <c r="D23819" s="6">
        <v>5751.0249999999996</v>
      </c>
      <c r="E23819" s="6">
        <v>670.25350000000003</v>
      </c>
    </row>
    <row r="23820" spans="4:5" x14ac:dyDescent="0.25">
      <c r="D23820" s="6">
        <v>2165.3870000000002</v>
      </c>
      <c r="E23820" s="6">
        <v>852.78030000000001</v>
      </c>
    </row>
    <row r="23821" spans="4:5" x14ac:dyDescent="0.25">
      <c r="D23821" s="6">
        <v>2385.6550000000002</v>
      </c>
      <c r="E23821" s="6">
        <v>792.45399999999995</v>
      </c>
    </row>
    <row r="23822" spans="4:5" x14ac:dyDescent="0.25">
      <c r="D23822" s="6">
        <v>655.96709999999996</v>
      </c>
      <c r="E23822" s="6">
        <v>605.79369999999994</v>
      </c>
    </row>
    <row r="23823" spans="4:5" x14ac:dyDescent="0.25">
      <c r="D23823" s="6">
        <v>1366.703</v>
      </c>
      <c r="E23823" s="6">
        <v>768.21109999999999</v>
      </c>
    </row>
    <row r="23824" spans="4:5" x14ac:dyDescent="0.25">
      <c r="D23824" s="6">
        <v>772.88660000000004</v>
      </c>
      <c r="E23824" s="6">
        <v>628.27530000000002</v>
      </c>
    </row>
    <row r="23825" spans="4:5" x14ac:dyDescent="0.25">
      <c r="D23825" s="6">
        <v>778.64449999999999</v>
      </c>
      <c r="E23825" s="6">
        <v>5862.2809999999999</v>
      </c>
    </row>
    <row r="23826" spans="4:5" x14ac:dyDescent="0.25">
      <c r="D23826" s="6">
        <v>632.9923</v>
      </c>
      <c r="E23826" s="6">
        <v>624.30380000000002</v>
      </c>
    </row>
    <row r="23827" spans="4:5" x14ac:dyDescent="0.25">
      <c r="D23827" s="6">
        <v>548.21720000000005</v>
      </c>
      <c r="E23827" s="6">
        <v>913.56179999999995</v>
      </c>
    </row>
    <row r="23828" spans="4:5" x14ac:dyDescent="0.25">
      <c r="D23828" s="6">
        <v>439.61110000000002</v>
      </c>
      <c r="E23828" s="6">
        <v>1610.307</v>
      </c>
    </row>
    <row r="23829" spans="4:5" x14ac:dyDescent="0.25">
      <c r="D23829" s="6">
        <v>761.82759999999996</v>
      </c>
      <c r="E23829" s="6">
        <v>598.70920000000001</v>
      </c>
    </row>
    <row r="23830" spans="4:5" x14ac:dyDescent="0.25">
      <c r="D23830" s="6">
        <v>578.3229</v>
      </c>
      <c r="E23830" s="6">
        <v>508.6404</v>
      </c>
    </row>
    <row r="23831" spans="4:5" x14ac:dyDescent="0.25">
      <c r="D23831" s="6">
        <v>749.06399999999996</v>
      </c>
      <c r="E23831" s="6">
        <v>785.56730000000005</v>
      </c>
    </row>
    <row r="23832" spans="4:5" x14ac:dyDescent="0.25">
      <c r="D23832" s="6">
        <v>526.65610000000004</v>
      </c>
      <c r="E23832" s="6">
        <v>523.00019999999995</v>
      </c>
    </row>
    <row r="23833" spans="4:5" x14ac:dyDescent="0.25">
      <c r="D23833" s="6">
        <v>675.82219999999995</v>
      </c>
      <c r="E23833" s="6">
        <v>2307.1190000000001</v>
      </c>
    </row>
    <row r="23834" spans="4:5" x14ac:dyDescent="0.25">
      <c r="D23834" s="6">
        <v>6281.4290000000001</v>
      </c>
      <c r="E23834" s="6">
        <v>8414.6</v>
      </c>
    </row>
    <row r="23835" spans="4:5" x14ac:dyDescent="0.25">
      <c r="D23835" s="6">
        <v>4122.183</v>
      </c>
      <c r="E23835" s="6">
        <v>1744.367</v>
      </c>
    </row>
    <row r="23836" spans="4:5" x14ac:dyDescent="0.25">
      <c r="D23836" s="6">
        <v>998.01900000000001</v>
      </c>
      <c r="E23836" s="6">
        <v>717.23320000000001</v>
      </c>
    </row>
    <row r="23837" spans="4:5" x14ac:dyDescent="0.25">
      <c r="D23837" s="6">
        <v>717.37540000000001</v>
      </c>
      <c r="E23837" s="6">
        <v>521.97050000000002</v>
      </c>
    </row>
    <row r="23838" spans="4:5" x14ac:dyDescent="0.25">
      <c r="D23838" s="6">
        <v>598.70309999999995</v>
      </c>
      <c r="E23838" s="6">
        <v>503</v>
      </c>
    </row>
    <row r="23839" spans="4:5" x14ac:dyDescent="0.25">
      <c r="D23839" s="6">
        <v>647.95069999999998</v>
      </c>
      <c r="E23839" s="6">
        <v>2805.93</v>
      </c>
    </row>
    <row r="23840" spans="4:5" x14ac:dyDescent="0.25">
      <c r="D23840" s="6">
        <v>659.44209999999998</v>
      </c>
      <c r="E23840" s="6">
        <v>585.93470000000002</v>
      </c>
    </row>
    <row r="23841" spans="4:5" x14ac:dyDescent="0.25">
      <c r="D23841" s="6">
        <v>556.40120000000002</v>
      </c>
      <c r="E23841" s="6">
        <v>655.61789999999996</v>
      </c>
    </row>
    <row r="23842" spans="4:5" x14ac:dyDescent="0.25">
      <c r="D23842" s="6">
        <v>715.10040000000004</v>
      </c>
      <c r="E23842" s="6">
        <v>5444.357</v>
      </c>
    </row>
    <row r="23843" spans="4:5" x14ac:dyDescent="0.25">
      <c r="D23843" s="6">
        <v>2021.386</v>
      </c>
      <c r="E23843" s="6">
        <v>803.85550000000001</v>
      </c>
    </row>
    <row r="23844" spans="4:5" x14ac:dyDescent="0.25">
      <c r="D23844" s="6">
        <v>610.5172</v>
      </c>
      <c r="E23844" s="6">
        <v>603.81460000000004</v>
      </c>
    </row>
    <row r="23845" spans="4:5" x14ac:dyDescent="0.25">
      <c r="D23845" s="6">
        <v>640.97929999999997</v>
      </c>
      <c r="E23845" s="6">
        <v>611.33609999999999</v>
      </c>
    </row>
    <row r="23846" spans="4:5" x14ac:dyDescent="0.25">
      <c r="D23846" s="6">
        <v>573.55679999999995</v>
      </c>
      <c r="E23846" s="6">
        <v>5597.5969999999998</v>
      </c>
    </row>
    <row r="23847" spans="4:5" x14ac:dyDescent="0.25">
      <c r="D23847" s="6">
        <v>602.04269999999997</v>
      </c>
      <c r="E23847" s="6">
        <v>779.92470000000003</v>
      </c>
    </row>
    <row r="23848" spans="4:5" x14ac:dyDescent="0.25">
      <c r="D23848" s="6">
        <v>732.66690000000006</v>
      </c>
      <c r="E23848" s="6">
        <v>574.52110000000005</v>
      </c>
    </row>
    <row r="23849" spans="4:5" x14ac:dyDescent="0.25">
      <c r="D23849" s="6">
        <v>1358.6669999999999</v>
      </c>
      <c r="E23849" s="6">
        <v>563.10149999999999</v>
      </c>
    </row>
    <row r="23850" spans="4:5" x14ac:dyDescent="0.25">
      <c r="D23850" s="6">
        <v>1382.144</v>
      </c>
      <c r="E23850" s="6">
        <v>458.14400000000001</v>
      </c>
    </row>
    <row r="23851" spans="4:5" x14ac:dyDescent="0.25">
      <c r="D23851" s="6">
        <v>440.71839999999997</v>
      </c>
      <c r="E23851" s="6">
        <v>549.6354</v>
      </c>
    </row>
    <row r="23852" spans="4:5" x14ac:dyDescent="0.25">
      <c r="D23852" s="6">
        <v>665.78710000000001</v>
      </c>
      <c r="E23852" s="6">
        <v>2971.3490000000002</v>
      </c>
    </row>
    <row r="23853" spans="4:5" x14ac:dyDescent="0.25">
      <c r="D23853" s="6">
        <v>723.27890000000002</v>
      </c>
      <c r="E23853" s="6">
        <v>585.89490000000001</v>
      </c>
    </row>
    <row r="23854" spans="4:5" x14ac:dyDescent="0.25">
      <c r="D23854" s="6">
        <v>680.52189999999996</v>
      </c>
      <c r="E23854" s="6">
        <v>648.46140000000003</v>
      </c>
    </row>
    <row r="23855" spans="4:5" x14ac:dyDescent="0.25">
      <c r="D23855" s="6">
        <v>647.39260000000002</v>
      </c>
      <c r="E23855" s="6">
        <v>1283.232</v>
      </c>
    </row>
    <row r="23856" spans="4:5" x14ac:dyDescent="0.25">
      <c r="D23856" s="6">
        <v>706.3229</v>
      </c>
      <c r="E23856" s="6">
        <v>935.74059999999997</v>
      </c>
    </row>
    <row r="23857" spans="4:5" x14ac:dyDescent="0.25">
      <c r="D23857" s="6">
        <v>744.54830000000004</v>
      </c>
      <c r="E23857" s="6">
        <v>835.58209999999997</v>
      </c>
    </row>
    <row r="23858" spans="4:5" x14ac:dyDescent="0.25">
      <c r="D23858" s="6">
        <v>646.93060000000003</v>
      </c>
      <c r="E23858" s="6">
        <v>611.74220000000003</v>
      </c>
    </row>
    <row r="23859" spans="4:5" x14ac:dyDescent="0.25">
      <c r="D23859" s="6">
        <v>753.24019999999996</v>
      </c>
      <c r="E23859" s="6">
        <v>669.423</v>
      </c>
    </row>
    <row r="23860" spans="4:5" x14ac:dyDescent="0.25">
      <c r="D23860" s="6">
        <v>7363.0259999999998</v>
      </c>
      <c r="E23860" s="6">
        <v>5063.6329999999998</v>
      </c>
    </row>
    <row r="23861" spans="4:5" x14ac:dyDescent="0.25">
      <c r="D23861" s="6">
        <v>950.8066</v>
      </c>
      <c r="E23861" s="6">
        <v>631.10400000000004</v>
      </c>
    </row>
    <row r="23862" spans="4:5" x14ac:dyDescent="0.25">
      <c r="D23862" s="6">
        <v>750.3143</v>
      </c>
      <c r="E23862" s="6">
        <v>439.20639999999997</v>
      </c>
    </row>
    <row r="23863" spans="4:5" x14ac:dyDescent="0.25">
      <c r="D23863" s="6">
        <v>638.58939999999996</v>
      </c>
      <c r="E23863" s="6">
        <v>620.36019999999996</v>
      </c>
    </row>
    <row r="23864" spans="4:5" x14ac:dyDescent="0.25">
      <c r="D23864" s="6">
        <v>602.8075</v>
      </c>
      <c r="E23864" s="6">
        <v>823.45809999999994</v>
      </c>
    </row>
    <row r="23865" spans="4:5" x14ac:dyDescent="0.25">
      <c r="D23865" s="6">
        <v>719.1952</v>
      </c>
      <c r="E23865" s="6">
        <v>735.5874</v>
      </c>
    </row>
    <row r="23866" spans="4:5" x14ac:dyDescent="0.25">
      <c r="D23866" s="6">
        <v>5024.8609999999999</v>
      </c>
      <c r="E23866" s="6">
        <v>820.42570000000001</v>
      </c>
    </row>
    <row r="23867" spans="4:5" x14ac:dyDescent="0.25">
      <c r="D23867" s="6">
        <v>614</v>
      </c>
      <c r="E23867" s="6">
        <v>521.22860000000003</v>
      </c>
    </row>
    <row r="23868" spans="4:5" x14ac:dyDescent="0.25">
      <c r="D23868" s="6">
        <v>609.08529999999996</v>
      </c>
      <c r="E23868" s="6">
        <v>676.83630000000005</v>
      </c>
    </row>
    <row r="23869" spans="4:5" x14ac:dyDescent="0.25">
      <c r="D23869" s="6">
        <v>734.8922</v>
      </c>
      <c r="E23869" s="6">
        <v>3648.6840000000002</v>
      </c>
    </row>
    <row r="23870" spans="4:5" x14ac:dyDescent="0.25">
      <c r="D23870" s="6">
        <v>769.93389999999999</v>
      </c>
      <c r="E23870" s="6">
        <v>662.80610000000001</v>
      </c>
    </row>
    <row r="23871" spans="4:5" x14ac:dyDescent="0.25">
      <c r="D23871" s="6">
        <v>591.28840000000002</v>
      </c>
      <c r="E23871" s="6">
        <v>576.90970000000004</v>
      </c>
    </row>
    <row r="23872" spans="4:5" x14ac:dyDescent="0.25">
      <c r="D23872" s="6">
        <v>625.3261</v>
      </c>
      <c r="E23872" s="6">
        <v>742.93849999999998</v>
      </c>
    </row>
    <row r="23873" spans="4:5" x14ac:dyDescent="0.25">
      <c r="D23873" s="6">
        <v>658.38620000000003</v>
      </c>
      <c r="E23873" s="6">
        <v>504.96440000000001</v>
      </c>
    </row>
    <row r="23874" spans="4:5" x14ac:dyDescent="0.25">
      <c r="D23874" s="6">
        <v>1208.1890000000001</v>
      </c>
      <c r="E23874" s="6">
        <v>569.21190000000001</v>
      </c>
    </row>
    <row r="23875" spans="4:5" x14ac:dyDescent="0.25">
      <c r="D23875" s="6">
        <v>2758.5630000000001</v>
      </c>
      <c r="E23875" s="6">
        <v>692.37919999999997</v>
      </c>
    </row>
    <row r="23876" spans="4:5" x14ac:dyDescent="0.25">
      <c r="D23876" s="6">
        <v>5996.576</v>
      </c>
      <c r="E23876" s="6">
        <v>612.10990000000004</v>
      </c>
    </row>
    <row r="23877" spans="4:5" x14ac:dyDescent="0.25">
      <c r="D23877" s="6">
        <v>839.37829999999997</v>
      </c>
      <c r="E23877" s="6">
        <v>815.46140000000003</v>
      </c>
    </row>
    <row r="23878" spans="4:5" x14ac:dyDescent="0.25">
      <c r="D23878" s="6">
        <v>630.53890000000001</v>
      </c>
      <c r="E23878" s="6">
        <v>583.97519999999997</v>
      </c>
    </row>
    <row r="23879" spans="4:5" x14ac:dyDescent="0.25">
      <c r="D23879" s="6">
        <v>585.48030000000006</v>
      </c>
      <c r="E23879" s="6">
        <v>791.27149999999995</v>
      </c>
    </row>
    <row r="23880" spans="4:5" x14ac:dyDescent="0.25">
      <c r="D23880" s="6">
        <v>671.3827</v>
      </c>
      <c r="E23880" s="6">
        <v>890.10429999999997</v>
      </c>
    </row>
    <row r="23881" spans="4:5" x14ac:dyDescent="0.25">
      <c r="D23881" s="6">
        <v>612.54219999999998</v>
      </c>
      <c r="E23881" s="6">
        <v>489.44709999999998</v>
      </c>
    </row>
    <row r="23882" spans="4:5" x14ac:dyDescent="0.25">
      <c r="D23882" s="6">
        <v>891.15629999999999</v>
      </c>
      <c r="E23882" s="6">
        <v>700.16369999999995</v>
      </c>
    </row>
    <row r="23883" spans="4:5" x14ac:dyDescent="0.25">
      <c r="D23883" s="6">
        <v>618.7491</v>
      </c>
      <c r="E23883" s="6">
        <v>6437.2070000000003</v>
      </c>
    </row>
    <row r="23884" spans="4:5" x14ac:dyDescent="0.25">
      <c r="D23884" s="6">
        <v>646.69460000000004</v>
      </c>
      <c r="E23884" s="6">
        <v>1048.97</v>
      </c>
    </row>
    <row r="23885" spans="4:5" x14ac:dyDescent="0.25">
      <c r="D23885" s="6">
        <v>4924.1379999999999</v>
      </c>
      <c r="E23885" s="6">
        <v>5989.6729999999998</v>
      </c>
    </row>
    <row r="23886" spans="4:5" x14ac:dyDescent="0.25">
      <c r="D23886" s="6">
        <v>703.8347</v>
      </c>
      <c r="E23886" s="6">
        <v>1141.905</v>
      </c>
    </row>
    <row r="23887" spans="4:5" x14ac:dyDescent="0.25">
      <c r="D23887" s="6">
        <v>578.48839999999996</v>
      </c>
      <c r="E23887" s="6">
        <v>1384.0640000000001</v>
      </c>
    </row>
    <row r="23888" spans="4:5" x14ac:dyDescent="0.25">
      <c r="D23888" s="6">
        <v>5087.4260000000004</v>
      </c>
      <c r="E23888" s="6">
        <v>735.88459999999998</v>
      </c>
    </row>
    <row r="23889" spans="4:5" x14ac:dyDescent="0.25">
      <c r="D23889" s="6">
        <v>642.11969999999997</v>
      </c>
      <c r="E23889" s="6">
        <v>664.39930000000004</v>
      </c>
    </row>
    <row r="23890" spans="4:5" x14ac:dyDescent="0.25">
      <c r="D23890" s="6">
        <v>818.66409999999996</v>
      </c>
      <c r="E23890" s="6">
        <v>5491.5379999999996</v>
      </c>
    </row>
    <row r="23891" spans="4:5" x14ac:dyDescent="0.25">
      <c r="D23891" s="6">
        <v>794.34280000000001</v>
      </c>
      <c r="E23891" s="6">
        <v>671.94129999999996</v>
      </c>
    </row>
    <row r="23892" spans="4:5" x14ac:dyDescent="0.25">
      <c r="D23892" s="6">
        <v>6544.0110000000004</v>
      </c>
      <c r="E23892" s="6">
        <v>3928.3890000000001</v>
      </c>
    </row>
    <row r="23893" spans="4:5" x14ac:dyDescent="0.25">
      <c r="D23893" s="6">
        <v>566.60850000000005</v>
      </c>
      <c r="E23893" s="6">
        <v>774.09410000000003</v>
      </c>
    </row>
    <row r="23894" spans="4:5" x14ac:dyDescent="0.25">
      <c r="D23894" s="6">
        <v>4731.942</v>
      </c>
      <c r="E23894" s="6">
        <v>745.37819999999999</v>
      </c>
    </row>
    <row r="23895" spans="4:5" x14ac:dyDescent="0.25">
      <c r="D23895" s="6">
        <v>619.72649999999999</v>
      </c>
      <c r="E23895" s="6">
        <v>7132.5619999999999</v>
      </c>
    </row>
    <row r="23896" spans="4:5" x14ac:dyDescent="0.25">
      <c r="D23896" s="6">
        <v>662.31119999999999</v>
      </c>
      <c r="E23896" s="6">
        <v>754.58789999999999</v>
      </c>
    </row>
    <row r="23897" spans="4:5" x14ac:dyDescent="0.25">
      <c r="D23897" s="6">
        <v>687.20500000000004</v>
      </c>
      <c r="E23897" s="6">
        <v>1480.7650000000001</v>
      </c>
    </row>
    <row r="23898" spans="4:5" x14ac:dyDescent="0.25">
      <c r="D23898" s="6">
        <v>840.53769999999997</v>
      </c>
      <c r="E23898" s="6">
        <v>3798.2429999999999</v>
      </c>
    </row>
    <row r="23899" spans="4:5" x14ac:dyDescent="0.25">
      <c r="D23899" s="6">
        <v>703.57939999999996</v>
      </c>
      <c r="E23899" s="6">
        <v>675.68899999999996</v>
      </c>
    </row>
    <row r="23900" spans="4:5" x14ac:dyDescent="0.25">
      <c r="D23900" s="6">
        <v>610.7989</v>
      </c>
      <c r="E23900" s="6">
        <v>596.44290000000001</v>
      </c>
    </row>
    <row r="23901" spans="4:5" x14ac:dyDescent="0.25">
      <c r="D23901" s="6">
        <v>455.37569999999999</v>
      </c>
      <c r="E23901" s="6">
        <v>1934.1089999999999</v>
      </c>
    </row>
    <row r="23902" spans="4:5" x14ac:dyDescent="0.25">
      <c r="D23902" s="6">
        <v>659.42229999999995</v>
      </c>
      <c r="E23902" s="6">
        <v>441.65280000000001</v>
      </c>
    </row>
    <row r="23903" spans="4:5" x14ac:dyDescent="0.25">
      <c r="D23903" s="6">
        <v>780.40300000000002</v>
      </c>
      <c r="E23903" s="6">
        <v>912.67960000000005</v>
      </c>
    </row>
    <row r="23904" spans="4:5" x14ac:dyDescent="0.25">
      <c r="D23904" s="6">
        <v>660.67729999999995</v>
      </c>
      <c r="E23904" s="6">
        <v>708.48979999999995</v>
      </c>
    </row>
    <row r="23905" spans="4:5" x14ac:dyDescent="0.25">
      <c r="D23905" s="6">
        <v>686.96019999999999</v>
      </c>
      <c r="E23905" s="6">
        <v>715.42039999999997</v>
      </c>
    </row>
    <row r="23906" spans="4:5" x14ac:dyDescent="0.25">
      <c r="D23906" s="6">
        <v>506.36630000000002</v>
      </c>
      <c r="E23906" s="6">
        <v>1346.345</v>
      </c>
    </row>
    <row r="23907" spans="4:5" x14ac:dyDescent="0.25">
      <c r="D23907" s="6">
        <v>5408.7340000000004</v>
      </c>
      <c r="E23907" s="6">
        <v>1341.097</v>
      </c>
    </row>
    <row r="23908" spans="4:5" x14ac:dyDescent="0.25">
      <c r="D23908" s="6">
        <v>698.86890000000005</v>
      </c>
      <c r="E23908" s="6">
        <v>4774.1760000000004</v>
      </c>
    </row>
    <row r="23909" spans="4:5" x14ac:dyDescent="0.25">
      <c r="D23909" s="6">
        <v>672.25040000000001</v>
      </c>
      <c r="E23909" s="6">
        <v>616.08879999999999</v>
      </c>
    </row>
    <row r="23910" spans="4:5" x14ac:dyDescent="0.25">
      <c r="D23910" s="6">
        <v>687.09720000000004</v>
      </c>
      <c r="E23910" s="6">
        <v>671.08759999999995</v>
      </c>
    </row>
    <row r="23911" spans="4:5" x14ac:dyDescent="0.25">
      <c r="D23911" s="6">
        <v>596.08249999999998</v>
      </c>
      <c r="E23911" s="6">
        <v>1089.43</v>
      </c>
    </row>
    <row r="23912" spans="4:5" x14ac:dyDescent="0.25">
      <c r="D23912" s="6">
        <v>657.37729999999999</v>
      </c>
      <c r="E23912" s="6">
        <v>1024.3589999999999</v>
      </c>
    </row>
    <row r="23913" spans="4:5" x14ac:dyDescent="0.25">
      <c r="D23913" s="6">
        <v>2845</v>
      </c>
      <c r="E23913" s="6">
        <v>5086.6090000000004</v>
      </c>
    </row>
    <row r="23914" spans="4:5" x14ac:dyDescent="0.25">
      <c r="D23914" s="6">
        <v>2331.1860000000001</v>
      </c>
      <c r="E23914" s="6">
        <v>3105.39</v>
      </c>
    </row>
    <row r="23915" spans="4:5" x14ac:dyDescent="0.25">
      <c r="D23915" s="6">
        <v>463.45580000000001</v>
      </c>
      <c r="E23915" s="6">
        <v>1447.45</v>
      </c>
    </row>
    <row r="23916" spans="4:5" x14ac:dyDescent="0.25">
      <c r="D23916" s="6">
        <v>1394.5640000000001</v>
      </c>
      <c r="E23916" s="6">
        <v>782.94839999999999</v>
      </c>
    </row>
    <row r="23917" spans="4:5" x14ac:dyDescent="0.25">
      <c r="D23917" s="6">
        <v>2774.0309999999999</v>
      </c>
      <c r="E23917" s="6">
        <v>3263.6959999999999</v>
      </c>
    </row>
    <row r="23918" spans="4:5" x14ac:dyDescent="0.25">
      <c r="D23918" s="6">
        <v>739.49929999999995</v>
      </c>
      <c r="E23918" s="6">
        <v>798.53869999999995</v>
      </c>
    </row>
    <row r="23919" spans="4:5" x14ac:dyDescent="0.25">
      <c r="D23919" s="6">
        <v>623.1232</v>
      </c>
      <c r="E23919" s="6">
        <v>2710.2159999999999</v>
      </c>
    </row>
    <row r="23920" spans="4:5" x14ac:dyDescent="0.25">
      <c r="D23920" s="6">
        <v>680.01800000000003</v>
      </c>
      <c r="E23920" s="6">
        <v>558.85490000000004</v>
      </c>
    </row>
    <row r="23921" spans="4:5" x14ac:dyDescent="0.25">
      <c r="D23921" s="6">
        <v>736.46190000000001</v>
      </c>
      <c r="E23921" s="6">
        <v>4413.0280000000002</v>
      </c>
    </row>
    <row r="23922" spans="4:5" x14ac:dyDescent="0.25">
      <c r="D23922" s="6">
        <v>1039.9280000000001</v>
      </c>
      <c r="E23922" s="6">
        <v>708.86329999999998</v>
      </c>
    </row>
    <row r="23923" spans="4:5" x14ac:dyDescent="0.25">
      <c r="D23923" s="6">
        <v>1071</v>
      </c>
      <c r="E23923" s="6">
        <v>2558.7530000000002</v>
      </c>
    </row>
    <row r="23924" spans="4:5" x14ac:dyDescent="0.25">
      <c r="D23924" s="6">
        <v>849.99509999999998</v>
      </c>
      <c r="E23924" s="6">
        <v>2039.248</v>
      </c>
    </row>
    <row r="23925" spans="4:5" x14ac:dyDescent="0.25">
      <c r="D23925" s="6">
        <v>662.94399999999996</v>
      </c>
      <c r="E23925" s="6">
        <v>549.69780000000003</v>
      </c>
    </row>
    <row r="23926" spans="4:5" x14ac:dyDescent="0.25">
      <c r="D23926" s="6">
        <v>466.73829999999998</v>
      </c>
      <c r="E23926" s="6">
        <v>577.44420000000002</v>
      </c>
    </row>
    <row r="23927" spans="4:5" x14ac:dyDescent="0.25">
      <c r="D23927" s="6">
        <v>11822.96</v>
      </c>
      <c r="E23927" s="6">
        <v>511.899</v>
      </c>
    </row>
    <row r="23928" spans="4:5" x14ac:dyDescent="0.25">
      <c r="D23928" s="6">
        <v>4832.4440000000004</v>
      </c>
      <c r="E23928" s="6">
        <v>1098.405</v>
      </c>
    </row>
    <row r="23929" spans="4:5" x14ac:dyDescent="0.25">
      <c r="D23929" s="6">
        <v>633.67359999999996</v>
      </c>
      <c r="E23929" s="6">
        <v>654.90620000000001</v>
      </c>
    </row>
    <row r="23930" spans="4:5" x14ac:dyDescent="0.25">
      <c r="D23930" s="6">
        <v>539.89649999999995</v>
      </c>
      <c r="E23930" s="6">
        <v>715.93769999999995</v>
      </c>
    </row>
    <row r="23931" spans="4:5" x14ac:dyDescent="0.25">
      <c r="D23931" s="6">
        <v>688.0548</v>
      </c>
      <c r="E23931" s="6">
        <v>8470.8250000000007</v>
      </c>
    </row>
    <row r="23932" spans="4:5" x14ac:dyDescent="0.25">
      <c r="D23932" s="6">
        <v>717.08600000000001</v>
      </c>
      <c r="E23932" s="6">
        <v>693.27750000000003</v>
      </c>
    </row>
    <row r="23933" spans="4:5" x14ac:dyDescent="0.25">
      <c r="D23933" s="6">
        <v>646.71469999999999</v>
      </c>
      <c r="E23933" s="6">
        <v>4431.2020000000002</v>
      </c>
    </row>
    <row r="23934" spans="4:5" x14ac:dyDescent="0.25">
      <c r="D23934" s="6">
        <v>925.89279999999997</v>
      </c>
      <c r="E23934" s="6">
        <v>556.93740000000003</v>
      </c>
    </row>
    <row r="23935" spans="4:5" x14ac:dyDescent="0.25">
      <c r="D23935" s="6">
        <v>647.56780000000003</v>
      </c>
      <c r="E23935" s="6">
        <v>1067.7619999999999</v>
      </c>
    </row>
    <row r="23936" spans="4:5" x14ac:dyDescent="0.25">
      <c r="D23936" s="6">
        <v>571.774</v>
      </c>
      <c r="E23936" s="6">
        <v>693.46289999999999</v>
      </c>
    </row>
    <row r="23937" spans="4:5" x14ac:dyDescent="0.25">
      <c r="D23937" s="6">
        <v>6648.7139999999999</v>
      </c>
      <c r="E23937" s="6">
        <v>1411.1279999999999</v>
      </c>
    </row>
    <row r="23938" spans="4:5" x14ac:dyDescent="0.25">
      <c r="D23938" s="6">
        <v>1736.066</v>
      </c>
      <c r="E23938" s="6">
        <v>1023.278</v>
      </c>
    </row>
    <row r="23939" spans="4:5" x14ac:dyDescent="0.25">
      <c r="D23939" s="6">
        <v>593.47249999999997</v>
      </c>
      <c r="E23939" s="6">
        <v>653.1934</v>
      </c>
    </row>
    <row r="23940" spans="4:5" x14ac:dyDescent="0.25">
      <c r="D23940" s="6">
        <v>1710.7950000000001</v>
      </c>
      <c r="E23940" s="6">
        <v>640.8048</v>
      </c>
    </row>
    <row r="23941" spans="4:5" x14ac:dyDescent="0.25">
      <c r="D23941" s="6">
        <v>464.03879999999998</v>
      </c>
      <c r="E23941" s="6">
        <v>924.95489999999995</v>
      </c>
    </row>
    <row r="23942" spans="4:5" x14ac:dyDescent="0.25">
      <c r="D23942" s="6">
        <v>683.47580000000005</v>
      </c>
      <c r="E23942" s="6">
        <v>3882.1089999999999</v>
      </c>
    </row>
    <row r="23943" spans="4:5" x14ac:dyDescent="0.25">
      <c r="D23943" s="6">
        <v>604.73929999999996</v>
      </c>
      <c r="E23943" s="6">
        <v>693.7423</v>
      </c>
    </row>
    <row r="23944" spans="4:5" x14ac:dyDescent="0.25">
      <c r="D23944" s="6">
        <v>772.16459999999995</v>
      </c>
      <c r="E23944" s="6">
        <v>1353.3430000000001</v>
      </c>
    </row>
    <row r="23945" spans="4:5" x14ac:dyDescent="0.25">
      <c r="D23945" s="6">
        <v>522.63980000000004</v>
      </c>
      <c r="E23945" s="6">
        <v>1266.2249999999999</v>
      </c>
    </row>
    <row r="23946" spans="4:5" x14ac:dyDescent="0.25">
      <c r="D23946" s="6">
        <v>561.62239999999997</v>
      </c>
      <c r="E23946" s="6">
        <v>6367.1180000000004</v>
      </c>
    </row>
    <row r="23947" spans="4:5" x14ac:dyDescent="0.25">
      <c r="D23947" s="6">
        <v>595.59490000000005</v>
      </c>
      <c r="E23947" s="6">
        <v>4772.3280000000004</v>
      </c>
    </row>
    <row r="23948" spans="4:5" x14ac:dyDescent="0.25">
      <c r="D23948" s="6">
        <v>756.63369999999998</v>
      </c>
      <c r="E23948" s="6">
        <v>593.15369999999996</v>
      </c>
    </row>
    <row r="23949" spans="4:5" x14ac:dyDescent="0.25">
      <c r="D23949" s="6">
        <v>583.92579999999998</v>
      </c>
      <c r="E23949" s="6">
        <v>829.5539</v>
      </c>
    </row>
    <row r="23950" spans="4:5" x14ac:dyDescent="0.25">
      <c r="D23950" s="6">
        <v>832.86810000000003</v>
      </c>
      <c r="E23950" s="6">
        <v>561.73140000000001</v>
      </c>
    </row>
    <row r="23951" spans="4:5" x14ac:dyDescent="0.25">
      <c r="D23951" s="6">
        <v>633.05610000000001</v>
      </c>
      <c r="E23951" s="6">
        <v>675.6875</v>
      </c>
    </row>
    <row r="23952" spans="4:5" x14ac:dyDescent="0.25">
      <c r="D23952" s="6">
        <v>601.22839999999997</v>
      </c>
      <c r="E23952" s="6">
        <v>686.63239999999996</v>
      </c>
    </row>
    <row r="23953" spans="4:5" x14ac:dyDescent="0.25">
      <c r="D23953" s="6">
        <v>538.85019999999997</v>
      </c>
      <c r="E23953" s="6">
        <v>681.70119999999997</v>
      </c>
    </row>
    <row r="23954" spans="4:5" x14ac:dyDescent="0.25">
      <c r="D23954" s="6">
        <v>849.62350000000004</v>
      </c>
      <c r="E23954" s="6">
        <v>798.81410000000005</v>
      </c>
    </row>
    <row r="23955" spans="4:5" x14ac:dyDescent="0.25">
      <c r="D23955" s="6">
        <v>940.39639999999997</v>
      </c>
      <c r="E23955" s="6">
        <v>601.44219999999996</v>
      </c>
    </row>
    <row r="23956" spans="4:5" x14ac:dyDescent="0.25">
      <c r="D23956" s="6">
        <v>821.83960000000002</v>
      </c>
      <c r="E23956" s="6">
        <v>6401.6980000000003</v>
      </c>
    </row>
    <row r="23957" spans="4:5" x14ac:dyDescent="0.25">
      <c r="D23957" s="6">
        <v>613.28560000000004</v>
      </c>
      <c r="E23957" s="6">
        <v>829.99360000000001</v>
      </c>
    </row>
    <row r="23958" spans="4:5" x14ac:dyDescent="0.25">
      <c r="D23958" s="6">
        <v>696.00919999999996</v>
      </c>
      <c r="E23958" s="6">
        <v>569.81169999999997</v>
      </c>
    </row>
    <row r="23959" spans="4:5" x14ac:dyDescent="0.25">
      <c r="D23959" s="6">
        <v>484.19970000000001</v>
      </c>
      <c r="E23959" s="6">
        <v>5544.2569999999996</v>
      </c>
    </row>
    <row r="23960" spans="4:5" x14ac:dyDescent="0.25">
      <c r="D23960" s="6">
        <v>673.2414</v>
      </c>
      <c r="E23960" s="6">
        <v>666.69899999999996</v>
      </c>
    </row>
    <row r="23961" spans="4:5" x14ac:dyDescent="0.25">
      <c r="D23961" s="6">
        <v>554.096</v>
      </c>
      <c r="E23961" s="6">
        <v>6426.7489999999998</v>
      </c>
    </row>
    <row r="23962" spans="4:5" x14ac:dyDescent="0.25">
      <c r="D23962" s="6">
        <v>708.76869999999997</v>
      </c>
      <c r="E23962" s="6">
        <v>659.87670000000003</v>
      </c>
    </row>
    <row r="23963" spans="4:5" x14ac:dyDescent="0.25">
      <c r="D23963" s="6">
        <v>4419.8789999999999</v>
      </c>
      <c r="E23963" s="6">
        <v>10421.879999999999</v>
      </c>
    </row>
    <row r="23964" spans="4:5" x14ac:dyDescent="0.25">
      <c r="D23964" s="6">
        <v>567.44979999999998</v>
      </c>
      <c r="E23964" s="6">
        <v>2527.25</v>
      </c>
    </row>
    <row r="23965" spans="4:5" x14ac:dyDescent="0.25">
      <c r="D23965" s="6">
        <v>543.69209999999998</v>
      </c>
      <c r="E23965" s="6">
        <v>811.57360000000006</v>
      </c>
    </row>
    <row r="23966" spans="4:5" x14ac:dyDescent="0.25">
      <c r="D23966" s="6">
        <v>695.35360000000003</v>
      </c>
      <c r="E23966" s="6">
        <v>634.54639999999995</v>
      </c>
    </row>
    <row r="23967" spans="4:5" x14ac:dyDescent="0.25">
      <c r="D23967" s="6">
        <v>702.6114</v>
      </c>
      <c r="E23967" s="6">
        <v>5240.2920000000004</v>
      </c>
    </row>
    <row r="23968" spans="4:5" x14ac:dyDescent="0.25">
      <c r="D23968" s="6">
        <v>1816.7470000000001</v>
      </c>
      <c r="E23968" s="6">
        <v>810.5675</v>
      </c>
    </row>
    <row r="23969" spans="4:5" x14ac:dyDescent="0.25">
      <c r="D23969" s="6">
        <v>563.52350000000001</v>
      </c>
      <c r="E23969" s="6">
        <v>577.75250000000005</v>
      </c>
    </row>
    <row r="23970" spans="4:5" x14ac:dyDescent="0.25">
      <c r="D23970" s="6">
        <v>693.81849999999997</v>
      </c>
      <c r="E23970" s="6">
        <v>715.25609999999995</v>
      </c>
    </row>
    <row r="23971" spans="4:5" x14ac:dyDescent="0.25">
      <c r="D23971" s="6">
        <v>621.74120000000005</v>
      </c>
      <c r="E23971" s="6">
        <v>570.70960000000002</v>
      </c>
    </row>
    <row r="23972" spans="4:5" x14ac:dyDescent="0.25">
      <c r="D23972" s="6">
        <v>551.26940000000002</v>
      </c>
      <c r="E23972" s="6">
        <v>787.89070000000004</v>
      </c>
    </row>
    <row r="23973" spans="4:5" x14ac:dyDescent="0.25">
      <c r="D23973" s="6">
        <v>638.58109999999999</v>
      </c>
      <c r="E23973" s="6">
        <v>714.6567</v>
      </c>
    </row>
    <row r="23974" spans="4:5" x14ac:dyDescent="0.25">
      <c r="D23974" s="6">
        <v>2572.9760000000001</v>
      </c>
      <c r="E23974" s="6">
        <v>788.87099999999998</v>
      </c>
    </row>
    <row r="23975" spans="4:5" x14ac:dyDescent="0.25">
      <c r="D23975" s="6">
        <v>562.75250000000005</v>
      </c>
      <c r="E23975" s="6">
        <v>668.84310000000005</v>
      </c>
    </row>
    <row r="23976" spans="4:5" x14ac:dyDescent="0.25">
      <c r="D23976" s="6">
        <v>702.48040000000003</v>
      </c>
      <c r="E23976" s="6">
        <v>656.13570000000004</v>
      </c>
    </row>
    <row r="23977" spans="4:5" x14ac:dyDescent="0.25">
      <c r="D23977" s="6">
        <v>740.46680000000003</v>
      </c>
      <c r="E23977" s="6">
        <v>955.61890000000005</v>
      </c>
    </row>
    <row r="23978" spans="4:5" x14ac:dyDescent="0.25">
      <c r="D23978" s="6">
        <v>418.8657</v>
      </c>
      <c r="E23978" s="6">
        <v>873.1309</v>
      </c>
    </row>
    <row r="23979" spans="4:5" x14ac:dyDescent="0.25">
      <c r="D23979" s="6">
        <v>405.06020000000001</v>
      </c>
      <c r="E23979" s="6">
        <v>651.47559999999999</v>
      </c>
    </row>
    <row r="23980" spans="4:5" x14ac:dyDescent="0.25">
      <c r="D23980" s="6">
        <v>653.85619999999994</v>
      </c>
      <c r="E23980" s="6">
        <v>621.15859999999998</v>
      </c>
    </row>
    <row r="23981" spans="4:5" x14ac:dyDescent="0.25">
      <c r="D23981" s="6">
        <v>629.76210000000003</v>
      </c>
      <c r="E23981" s="6">
        <v>761.09469999999999</v>
      </c>
    </row>
    <row r="23982" spans="4:5" x14ac:dyDescent="0.25">
      <c r="D23982" s="6">
        <v>1989.5429999999999</v>
      </c>
      <c r="E23982" s="6">
        <v>1024.538</v>
      </c>
    </row>
    <row r="23983" spans="4:5" x14ac:dyDescent="0.25">
      <c r="D23983" s="6">
        <v>813.16480000000001</v>
      </c>
      <c r="E23983" s="6">
        <v>566.2491</v>
      </c>
    </row>
    <row r="23984" spans="4:5" x14ac:dyDescent="0.25">
      <c r="D23984" s="6">
        <v>940.61540000000002</v>
      </c>
      <c r="E23984" s="6">
        <v>885.19069999999999</v>
      </c>
    </row>
    <row r="23985" spans="4:5" x14ac:dyDescent="0.25">
      <c r="D23985" s="6">
        <v>685.98360000000002</v>
      </c>
      <c r="E23985" s="6">
        <v>1038.3920000000001</v>
      </c>
    </row>
    <row r="23986" spans="4:5" x14ac:dyDescent="0.25">
      <c r="D23986" s="6">
        <v>646.09960000000001</v>
      </c>
      <c r="E23986" s="6">
        <v>2992.4690000000001</v>
      </c>
    </row>
    <row r="23987" spans="4:5" x14ac:dyDescent="0.25">
      <c r="D23987" s="6">
        <v>588.66920000000005</v>
      </c>
      <c r="E23987" s="6">
        <v>749.48030000000006</v>
      </c>
    </row>
    <row r="23988" spans="4:5" x14ac:dyDescent="0.25">
      <c r="D23988" s="6">
        <v>613.16129999999998</v>
      </c>
      <c r="E23988" s="6">
        <v>769.67160000000001</v>
      </c>
    </row>
    <row r="23989" spans="4:5" x14ac:dyDescent="0.25">
      <c r="D23989" s="6">
        <v>662.56569999999999</v>
      </c>
      <c r="E23989" s="6">
        <v>7851.9</v>
      </c>
    </row>
    <row r="23990" spans="4:5" x14ac:dyDescent="0.25">
      <c r="D23990" s="6">
        <v>554.36760000000004</v>
      </c>
      <c r="E23990" s="6">
        <v>5305.59</v>
      </c>
    </row>
    <row r="23991" spans="4:5" x14ac:dyDescent="0.25">
      <c r="D23991" s="6">
        <v>1413.2950000000001</v>
      </c>
      <c r="E23991" s="6">
        <v>5546.9849999999997</v>
      </c>
    </row>
    <row r="23992" spans="4:5" x14ac:dyDescent="0.25">
      <c r="D23992" s="6">
        <v>545.3175</v>
      </c>
      <c r="E23992" s="6">
        <v>6710.44</v>
      </c>
    </row>
    <row r="23993" spans="4:5" x14ac:dyDescent="0.25">
      <c r="D23993" s="6">
        <v>517.14570000000003</v>
      </c>
      <c r="E23993" s="6">
        <v>728.24270000000001</v>
      </c>
    </row>
    <row r="23994" spans="4:5" x14ac:dyDescent="0.25">
      <c r="D23994" s="6">
        <v>688.53790000000004</v>
      </c>
      <c r="E23994" s="6">
        <v>930.97829999999999</v>
      </c>
    </row>
    <row r="23995" spans="4:5" x14ac:dyDescent="0.25">
      <c r="D23995" s="6">
        <v>657.17600000000004</v>
      </c>
      <c r="E23995" s="6">
        <v>727.38220000000001</v>
      </c>
    </row>
    <row r="23996" spans="4:5" x14ac:dyDescent="0.25">
      <c r="D23996" s="6">
        <v>769.88549999999998</v>
      </c>
      <c r="E23996" s="6">
        <v>4499.8599999999997</v>
      </c>
    </row>
    <row r="23997" spans="4:5" x14ac:dyDescent="0.25">
      <c r="D23997" s="6">
        <v>765.47209999999995</v>
      </c>
      <c r="E23997" s="6">
        <v>2740.6570000000002</v>
      </c>
    </row>
    <row r="23998" spans="4:5" x14ac:dyDescent="0.25">
      <c r="D23998" s="6">
        <v>709.72810000000004</v>
      </c>
      <c r="E23998" s="6">
        <v>2105.3240000000001</v>
      </c>
    </row>
    <row r="23999" spans="4:5" x14ac:dyDescent="0.25">
      <c r="D23999" s="6">
        <v>634.13789999999995</v>
      </c>
      <c r="E23999" s="6">
        <v>666.19899999999996</v>
      </c>
    </row>
    <row r="24000" spans="4:5" x14ac:dyDescent="0.25">
      <c r="D24000" s="6">
        <v>546.43970000000002</v>
      </c>
      <c r="E24000" s="6">
        <v>5561.723</v>
      </c>
    </row>
    <row r="24001" spans="4:5" x14ac:dyDescent="0.25">
      <c r="D24001" s="6">
        <v>829.49789999999996</v>
      </c>
      <c r="E24001" s="6">
        <v>770.39880000000005</v>
      </c>
    </row>
    <row r="24002" spans="4:5" x14ac:dyDescent="0.25">
      <c r="D24002" s="6">
        <v>498.41469999999998</v>
      </c>
      <c r="E24002" s="6">
        <v>3069.674</v>
      </c>
    </row>
    <row r="24003" spans="4:5" x14ac:dyDescent="0.25">
      <c r="D24003" s="6">
        <v>487.27249999999998</v>
      </c>
      <c r="E24003" s="6">
        <v>652.36159999999995</v>
      </c>
    </row>
    <row r="24004" spans="4:5" x14ac:dyDescent="0.25">
      <c r="D24004" s="6">
        <v>1391.961</v>
      </c>
      <c r="E24004" s="6">
        <v>5616.7629999999999</v>
      </c>
    </row>
    <row r="24005" spans="4:5" x14ac:dyDescent="0.25">
      <c r="D24005" s="6">
        <v>643.25379999999996</v>
      </c>
      <c r="E24005" s="6">
        <v>894.00760000000002</v>
      </c>
    </row>
    <row r="24006" spans="4:5" x14ac:dyDescent="0.25">
      <c r="D24006" s="6">
        <v>602.37009999999998</v>
      </c>
      <c r="E24006" s="6">
        <v>1032.7919999999999</v>
      </c>
    </row>
    <row r="24007" spans="4:5" x14ac:dyDescent="0.25">
      <c r="D24007" s="6">
        <v>708.81910000000005</v>
      </c>
      <c r="E24007" s="6">
        <v>708.25969999999995</v>
      </c>
    </row>
    <row r="24008" spans="4:5" x14ac:dyDescent="0.25">
      <c r="D24008" s="6">
        <v>580.80790000000002</v>
      </c>
      <c r="E24008" s="6">
        <v>1028.8869999999999</v>
      </c>
    </row>
    <row r="24009" spans="4:5" x14ac:dyDescent="0.25">
      <c r="D24009" s="6">
        <v>860.03340000000003</v>
      </c>
      <c r="E24009" s="6">
        <v>3941.2420000000002</v>
      </c>
    </row>
    <row r="24010" spans="4:5" x14ac:dyDescent="0.25">
      <c r="D24010" s="6">
        <v>742.39599999999996</v>
      </c>
      <c r="E24010" s="6">
        <v>648.13400000000001</v>
      </c>
    </row>
    <row r="24011" spans="4:5" x14ac:dyDescent="0.25">
      <c r="D24011" s="6">
        <v>586.39679999999998</v>
      </c>
      <c r="E24011" s="6">
        <v>6809.3549999999996</v>
      </c>
    </row>
    <row r="24012" spans="4:5" x14ac:dyDescent="0.25">
      <c r="D24012" s="6">
        <v>643.69839999999999</v>
      </c>
      <c r="E24012" s="6">
        <v>953.54269999999997</v>
      </c>
    </row>
    <row r="24013" spans="4:5" x14ac:dyDescent="0.25">
      <c r="D24013" s="6">
        <v>3005</v>
      </c>
      <c r="E24013" s="6">
        <v>562.9701</v>
      </c>
    </row>
    <row r="24014" spans="4:5" x14ac:dyDescent="0.25">
      <c r="D24014" s="6">
        <v>776.5</v>
      </c>
      <c r="E24014" s="6">
        <v>668.37750000000005</v>
      </c>
    </row>
    <row r="24015" spans="4:5" x14ac:dyDescent="0.25">
      <c r="D24015" s="6">
        <v>675.35490000000004</v>
      </c>
      <c r="E24015" s="6">
        <v>1105.4770000000001</v>
      </c>
    </row>
    <row r="24016" spans="4:5" x14ac:dyDescent="0.25">
      <c r="D24016" s="6">
        <v>668.00559999999996</v>
      </c>
      <c r="E24016" s="6">
        <v>777.33429999999998</v>
      </c>
    </row>
    <row r="24017" spans="4:5" x14ac:dyDescent="0.25">
      <c r="D24017" s="6">
        <v>5246</v>
      </c>
      <c r="E24017" s="6">
        <v>728.56780000000003</v>
      </c>
    </row>
    <row r="24018" spans="4:5" x14ac:dyDescent="0.25">
      <c r="D24018" s="6">
        <v>779.20669999999996</v>
      </c>
      <c r="E24018" s="6">
        <v>5157.7960000000003</v>
      </c>
    </row>
    <row r="24019" spans="4:5" x14ac:dyDescent="0.25">
      <c r="D24019" s="6">
        <v>574.98879999999997</v>
      </c>
      <c r="E24019" s="6">
        <v>2195.0700000000002</v>
      </c>
    </row>
    <row r="24020" spans="4:5" x14ac:dyDescent="0.25">
      <c r="D24020" s="6">
        <v>609.79629999999997</v>
      </c>
      <c r="E24020" s="6">
        <v>560.87699999999995</v>
      </c>
    </row>
    <row r="24021" spans="4:5" x14ac:dyDescent="0.25">
      <c r="D24021" s="6">
        <v>861.54759999999999</v>
      </c>
      <c r="E24021" s="6">
        <v>479.28100000000001</v>
      </c>
    </row>
    <row r="24022" spans="4:5" x14ac:dyDescent="0.25">
      <c r="D24022" s="6">
        <v>5271.826</v>
      </c>
      <c r="E24022" s="6">
        <v>715.9556</v>
      </c>
    </row>
    <row r="24023" spans="4:5" x14ac:dyDescent="0.25">
      <c r="D24023" s="6">
        <v>726.69489999999996</v>
      </c>
      <c r="E24023" s="6">
        <v>750.24620000000004</v>
      </c>
    </row>
    <row r="24024" spans="4:5" x14ac:dyDescent="0.25">
      <c r="D24024" s="6">
        <v>629.95730000000003</v>
      </c>
      <c r="E24024" s="6">
        <v>666.22860000000003</v>
      </c>
    </row>
    <row r="24025" spans="4:5" x14ac:dyDescent="0.25">
      <c r="D24025" s="6">
        <v>731.18330000000003</v>
      </c>
      <c r="E24025" s="6">
        <v>667.21910000000003</v>
      </c>
    </row>
    <row r="24026" spans="4:5" x14ac:dyDescent="0.25">
      <c r="D24026" s="6">
        <v>2517.4810000000002</v>
      </c>
      <c r="E24026" s="6">
        <v>658.4855</v>
      </c>
    </row>
    <row r="24027" spans="4:5" x14ac:dyDescent="0.25">
      <c r="D24027" s="6">
        <v>587.07640000000004</v>
      </c>
      <c r="E24027" s="6">
        <v>5299.3320000000003</v>
      </c>
    </row>
    <row r="24028" spans="4:5" x14ac:dyDescent="0.25">
      <c r="D24028" s="6">
        <v>1231.9059999999999</v>
      </c>
      <c r="E24028" s="6">
        <v>804.41669999999999</v>
      </c>
    </row>
    <row r="24029" spans="4:5" x14ac:dyDescent="0.25">
      <c r="D24029" s="6">
        <v>7960.58</v>
      </c>
      <c r="E24029" s="6">
        <v>447.96159999999998</v>
      </c>
    </row>
    <row r="24030" spans="4:5" x14ac:dyDescent="0.25">
      <c r="D24030" s="6">
        <v>758.49360000000001</v>
      </c>
      <c r="E24030" s="6">
        <v>1486.183</v>
      </c>
    </row>
    <row r="24031" spans="4:5" x14ac:dyDescent="0.25">
      <c r="D24031" s="6">
        <v>544.76689999999996</v>
      </c>
      <c r="E24031" s="6">
        <v>665.29110000000003</v>
      </c>
    </row>
    <row r="24032" spans="4:5" x14ac:dyDescent="0.25">
      <c r="D24032" s="6">
        <v>686.72280000000001</v>
      </c>
      <c r="E24032" s="6">
        <v>1960.4929999999999</v>
      </c>
    </row>
    <row r="24033" spans="4:5" x14ac:dyDescent="0.25">
      <c r="D24033" s="6">
        <v>1358.046</v>
      </c>
      <c r="E24033" s="6">
        <v>2968.9879999999998</v>
      </c>
    </row>
    <row r="24034" spans="4:5" x14ac:dyDescent="0.25">
      <c r="D24034" s="6">
        <v>354.42349999999999</v>
      </c>
      <c r="E24034" s="6">
        <v>571.76350000000002</v>
      </c>
    </row>
    <row r="24035" spans="4:5" x14ac:dyDescent="0.25">
      <c r="D24035" s="6">
        <v>588.20439999999996</v>
      </c>
      <c r="E24035" s="6">
        <v>1240.4480000000001</v>
      </c>
    </row>
    <row r="24036" spans="4:5" x14ac:dyDescent="0.25">
      <c r="D24036" s="6">
        <v>735.30899999999997</v>
      </c>
      <c r="E24036" s="6">
        <v>551.96910000000003</v>
      </c>
    </row>
    <row r="24037" spans="4:5" x14ac:dyDescent="0.25">
      <c r="D24037" s="6">
        <v>2046.672</v>
      </c>
      <c r="E24037" s="6">
        <v>1123.9079999999999</v>
      </c>
    </row>
    <row r="24038" spans="4:5" x14ac:dyDescent="0.25">
      <c r="D24038" s="6">
        <v>1504.2</v>
      </c>
      <c r="E24038" s="6">
        <v>5077.174</v>
      </c>
    </row>
    <row r="24039" spans="4:5" x14ac:dyDescent="0.25">
      <c r="D24039" s="6">
        <v>1320.473</v>
      </c>
      <c r="E24039" s="6">
        <v>4108.8149999999996</v>
      </c>
    </row>
    <row r="24040" spans="4:5" x14ac:dyDescent="0.25">
      <c r="D24040" s="6">
        <v>540.02470000000005</v>
      </c>
      <c r="E24040" s="6">
        <v>1282.047</v>
      </c>
    </row>
    <row r="24041" spans="4:5" x14ac:dyDescent="0.25">
      <c r="D24041" s="6">
        <v>664.12829999999997</v>
      </c>
      <c r="E24041" s="6">
        <v>537.17520000000002</v>
      </c>
    </row>
    <row r="24042" spans="4:5" x14ac:dyDescent="0.25">
      <c r="D24042" s="6">
        <v>669.51660000000004</v>
      </c>
      <c r="E24042" s="6">
        <v>4809.9960000000001</v>
      </c>
    </row>
    <row r="24043" spans="4:5" x14ac:dyDescent="0.25">
      <c r="D24043" s="6">
        <v>516.98209999999995</v>
      </c>
      <c r="E24043" s="6">
        <v>624.37080000000003</v>
      </c>
    </row>
    <row r="24044" spans="4:5" x14ac:dyDescent="0.25">
      <c r="D24044" s="6">
        <v>651.32119999999998</v>
      </c>
      <c r="E24044" s="6">
        <v>798.1037</v>
      </c>
    </row>
    <row r="24045" spans="4:5" x14ac:dyDescent="0.25">
      <c r="D24045" s="6">
        <v>4104.643</v>
      </c>
      <c r="E24045" s="6">
        <v>807.26919999999996</v>
      </c>
    </row>
    <row r="24046" spans="4:5" x14ac:dyDescent="0.25">
      <c r="D24046" s="6">
        <v>581.37890000000004</v>
      </c>
      <c r="E24046" s="6">
        <v>257.15899999999999</v>
      </c>
    </row>
    <row r="24047" spans="4:5" x14ac:dyDescent="0.25">
      <c r="D24047" s="6">
        <v>5611.6170000000002</v>
      </c>
      <c r="E24047" s="6">
        <v>1013.7329999999999</v>
      </c>
    </row>
    <row r="24048" spans="4:5" x14ac:dyDescent="0.25">
      <c r="D24048" s="6">
        <v>685.6875</v>
      </c>
      <c r="E24048" s="6">
        <v>786.66430000000003</v>
      </c>
    </row>
    <row r="24049" spans="4:5" x14ac:dyDescent="0.25">
      <c r="D24049" s="6">
        <v>808.79300000000001</v>
      </c>
      <c r="E24049" s="6">
        <v>4344.4279999999999</v>
      </c>
    </row>
    <row r="24050" spans="4:5" x14ac:dyDescent="0.25">
      <c r="D24050" s="6">
        <v>846.1155</v>
      </c>
      <c r="E24050" s="6">
        <v>1095.7650000000001</v>
      </c>
    </row>
    <row r="24051" spans="4:5" x14ac:dyDescent="0.25">
      <c r="D24051" s="6">
        <v>598.27419999999995</v>
      </c>
      <c r="E24051" s="6">
        <v>604.5675</v>
      </c>
    </row>
    <row r="24052" spans="4:5" x14ac:dyDescent="0.25">
      <c r="D24052" s="6">
        <v>786.61689999999999</v>
      </c>
      <c r="E24052" s="6">
        <v>792.62530000000004</v>
      </c>
    </row>
    <row r="24053" spans="4:5" x14ac:dyDescent="0.25">
      <c r="D24053" s="6">
        <v>2579.3270000000002</v>
      </c>
      <c r="E24053" s="6">
        <v>777.45510000000002</v>
      </c>
    </row>
    <row r="24054" spans="4:5" x14ac:dyDescent="0.25">
      <c r="D24054" s="6">
        <v>541.54390000000001</v>
      </c>
      <c r="E24054" s="6">
        <v>587.76919999999996</v>
      </c>
    </row>
    <row r="24055" spans="4:5" x14ac:dyDescent="0.25">
      <c r="D24055" s="6">
        <v>645.21569999999997</v>
      </c>
      <c r="E24055" s="6">
        <v>5506.1090000000004</v>
      </c>
    </row>
    <row r="24056" spans="4:5" x14ac:dyDescent="0.25">
      <c r="D24056" s="6">
        <v>522.0009</v>
      </c>
      <c r="E24056" s="6">
        <v>591.85630000000003</v>
      </c>
    </row>
    <row r="24057" spans="4:5" x14ac:dyDescent="0.25">
      <c r="D24057" s="6">
        <v>5837.3140000000003</v>
      </c>
      <c r="E24057" s="6">
        <v>702.98979999999995</v>
      </c>
    </row>
    <row r="24058" spans="4:5" x14ac:dyDescent="0.25">
      <c r="D24058" s="6">
        <v>7904.2340000000004</v>
      </c>
      <c r="E24058" s="6">
        <v>1007.7</v>
      </c>
    </row>
    <row r="24059" spans="4:5" x14ac:dyDescent="0.25">
      <c r="D24059" s="6">
        <v>1174.3340000000001</v>
      </c>
      <c r="E24059" s="6">
        <v>637.56780000000003</v>
      </c>
    </row>
    <row r="24060" spans="4:5" x14ac:dyDescent="0.25">
      <c r="D24060" s="6">
        <v>636.13660000000004</v>
      </c>
      <c r="E24060" s="6">
        <v>682.47109999999998</v>
      </c>
    </row>
    <row r="24061" spans="4:5" x14ac:dyDescent="0.25">
      <c r="D24061" s="6">
        <v>527.18269999999995</v>
      </c>
      <c r="E24061" s="6">
        <v>663.46209999999996</v>
      </c>
    </row>
    <row r="24062" spans="4:5" x14ac:dyDescent="0.25">
      <c r="D24062" s="6">
        <v>5759.5290000000005</v>
      </c>
      <c r="E24062" s="6">
        <v>2156.31</v>
      </c>
    </row>
    <row r="24063" spans="4:5" x14ac:dyDescent="0.25">
      <c r="D24063" s="6">
        <v>608.75</v>
      </c>
      <c r="E24063" s="6">
        <v>2472.8139999999999</v>
      </c>
    </row>
    <row r="24064" spans="4:5" x14ac:dyDescent="0.25">
      <c r="D24064" s="6">
        <v>961.16809999999998</v>
      </c>
      <c r="E24064" s="6">
        <v>686.25429999999994</v>
      </c>
    </row>
    <row r="24065" spans="4:5" x14ac:dyDescent="0.25">
      <c r="D24065" s="6">
        <v>729.51440000000002</v>
      </c>
      <c r="E24065" s="6">
        <v>1034.797</v>
      </c>
    </row>
    <row r="24066" spans="4:5" x14ac:dyDescent="0.25">
      <c r="D24066" s="6">
        <v>665.78420000000006</v>
      </c>
      <c r="E24066" s="6">
        <v>955.49630000000002</v>
      </c>
    </row>
    <row r="24067" spans="4:5" x14ac:dyDescent="0.25">
      <c r="D24067" s="6">
        <v>1162.5</v>
      </c>
      <c r="E24067" s="6">
        <v>597.65989999999999</v>
      </c>
    </row>
    <row r="24068" spans="4:5" x14ac:dyDescent="0.25">
      <c r="D24068" s="6">
        <v>653.14290000000005</v>
      </c>
      <c r="E24068" s="6">
        <v>668.00229999999999</v>
      </c>
    </row>
    <row r="24069" spans="4:5" x14ac:dyDescent="0.25">
      <c r="D24069" s="6">
        <v>306.57580000000002</v>
      </c>
      <c r="E24069" s="6">
        <v>1670.575</v>
      </c>
    </row>
    <row r="24070" spans="4:5" x14ac:dyDescent="0.25">
      <c r="D24070" s="6">
        <v>556.55909999999994</v>
      </c>
      <c r="E24070" s="6">
        <v>1080.604</v>
      </c>
    </row>
    <row r="24071" spans="4:5" x14ac:dyDescent="0.25">
      <c r="D24071" s="6">
        <v>809.25019999999995</v>
      </c>
      <c r="E24071" s="6">
        <v>572.97919999999999</v>
      </c>
    </row>
    <row r="24072" spans="4:5" x14ac:dyDescent="0.25">
      <c r="D24072" s="6">
        <v>1101.2619999999999</v>
      </c>
      <c r="E24072" s="6">
        <v>849.45140000000004</v>
      </c>
    </row>
    <row r="24073" spans="4:5" x14ac:dyDescent="0.25">
      <c r="D24073" s="6">
        <v>426.68180000000001</v>
      </c>
      <c r="E24073" s="6">
        <v>674.8691</v>
      </c>
    </row>
    <row r="24074" spans="4:5" x14ac:dyDescent="0.25">
      <c r="D24074" s="6">
        <v>569.82560000000001</v>
      </c>
      <c r="E24074" s="6">
        <v>593.58109999999999</v>
      </c>
    </row>
    <row r="24075" spans="4:5" x14ac:dyDescent="0.25">
      <c r="D24075" s="6">
        <v>1180.1780000000001</v>
      </c>
      <c r="E24075" s="6">
        <v>502</v>
      </c>
    </row>
    <row r="24076" spans="4:5" x14ac:dyDescent="0.25">
      <c r="D24076" s="6">
        <v>553.24469999999997</v>
      </c>
      <c r="E24076" s="6">
        <v>8028.14</v>
      </c>
    </row>
    <row r="24077" spans="4:5" x14ac:dyDescent="0.25">
      <c r="D24077" s="6">
        <v>585.87879999999996</v>
      </c>
      <c r="E24077" s="6">
        <v>665.66539999999998</v>
      </c>
    </row>
    <row r="24078" spans="4:5" x14ac:dyDescent="0.25">
      <c r="D24078" s="6">
        <v>1222.893</v>
      </c>
      <c r="E24078" s="6">
        <v>690.59699999999998</v>
      </c>
    </row>
    <row r="24079" spans="4:5" x14ac:dyDescent="0.25">
      <c r="D24079" s="6">
        <v>628.81010000000003</v>
      </c>
      <c r="E24079" s="6">
        <v>1180.5250000000001</v>
      </c>
    </row>
    <row r="24080" spans="4:5" x14ac:dyDescent="0.25">
      <c r="D24080" s="6">
        <v>561.28499999999997</v>
      </c>
      <c r="E24080" s="6">
        <v>663.25</v>
      </c>
    </row>
    <row r="24081" spans="4:5" x14ac:dyDescent="0.25">
      <c r="D24081" s="6">
        <v>610.60260000000005</v>
      </c>
      <c r="E24081" s="6">
        <v>689.44910000000004</v>
      </c>
    </row>
    <row r="24082" spans="4:5" x14ac:dyDescent="0.25">
      <c r="D24082" s="6">
        <v>5001.2809999999999</v>
      </c>
      <c r="E24082" s="6">
        <v>747.67669999999998</v>
      </c>
    </row>
    <row r="24083" spans="4:5" x14ac:dyDescent="0.25">
      <c r="D24083" s="6">
        <v>513.76769999999999</v>
      </c>
      <c r="E24083" s="6">
        <v>654.62980000000005</v>
      </c>
    </row>
    <row r="24084" spans="4:5" x14ac:dyDescent="0.25">
      <c r="D24084" s="6">
        <v>1163.328</v>
      </c>
      <c r="E24084" s="6">
        <v>571.1848</v>
      </c>
    </row>
    <row r="24085" spans="4:5" x14ac:dyDescent="0.25">
      <c r="D24085" s="6">
        <v>543.69010000000003</v>
      </c>
      <c r="E24085" s="6">
        <v>2099.2069999999999</v>
      </c>
    </row>
    <row r="24086" spans="4:5" x14ac:dyDescent="0.25">
      <c r="D24086" s="6">
        <v>538.81410000000005</v>
      </c>
      <c r="E24086" s="6">
        <v>953.02149999999995</v>
      </c>
    </row>
    <row r="24087" spans="4:5" x14ac:dyDescent="0.25">
      <c r="D24087" s="6">
        <v>696.0376</v>
      </c>
      <c r="E24087" s="6">
        <v>1540.806</v>
      </c>
    </row>
    <row r="24088" spans="4:5" x14ac:dyDescent="0.25">
      <c r="D24088" s="6">
        <v>662.24390000000005</v>
      </c>
      <c r="E24088" s="6">
        <v>1348.76</v>
      </c>
    </row>
    <row r="24089" spans="4:5" x14ac:dyDescent="0.25">
      <c r="D24089" s="6">
        <v>801.55889999999999</v>
      </c>
      <c r="E24089" s="6">
        <v>5667.0010000000002</v>
      </c>
    </row>
    <row r="24090" spans="4:5" x14ac:dyDescent="0.25">
      <c r="D24090" s="6">
        <v>644.83640000000003</v>
      </c>
      <c r="E24090" s="6">
        <v>863.43510000000003</v>
      </c>
    </row>
    <row r="24091" spans="4:5" x14ac:dyDescent="0.25">
      <c r="D24091" s="6">
        <v>735.70190000000002</v>
      </c>
      <c r="E24091" s="6">
        <v>522.98940000000005</v>
      </c>
    </row>
    <row r="24092" spans="4:5" x14ac:dyDescent="0.25">
      <c r="D24092" s="6">
        <v>2259.9079999999999</v>
      </c>
      <c r="E24092" s="6">
        <v>662.00940000000003</v>
      </c>
    </row>
    <row r="24093" spans="4:5" x14ac:dyDescent="0.25">
      <c r="D24093" s="6">
        <v>400.9128</v>
      </c>
      <c r="E24093" s="6">
        <v>5928.8580000000002</v>
      </c>
    </row>
    <row r="24094" spans="4:5" x14ac:dyDescent="0.25">
      <c r="D24094" s="6">
        <v>713.29480000000001</v>
      </c>
      <c r="E24094" s="6">
        <v>659.35029999999995</v>
      </c>
    </row>
    <row r="24095" spans="4:5" x14ac:dyDescent="0.25">
      <c r="D24095" s="6">
        <v>690.07060000000001</v>
      </c>
      <c r="E24095" s="6">
        <v>830.73329999999999</v>
      </c>
    </row>
    <row r="24096" spans="4:5" x14ac:dyDescent="0.25">
      <c r="D24096" s="6">
        <v>4183.9359999999997</v>
      </c>
      <c r="E24096" s="6">
        <v>751.90589999999997</v>
      </c>
    </row>
    <row r="24097" spans="4:5" x14ac:dyDescent="0.25">
      <c r="D24097" s="6">
        <v>747.601</v>
      </c>
      <c r="E24097" s="6">
        <v>1806.5129999999999</v>
      </c>
    </row>
    <row r="24098" spans="4:5" x14ac:dyDescent="0.25">
      <c r="D24098" s="6">
        <v>578.93600000000004</v>
      </c>
      <c r="E24098" s="6">
        <v>1779.798</v>
      </c>
    </row>
    <row r="24099" spans="4:5" x14ac:dyDescent="0.25">
      <c r="D24099" s="6">
        <v>752.13149999999996</v>
      </c>
      <c r="E24099" s="6">
        <v>1167.3150000000001</v>
      </c>
    </row>
    <row r="24100" spans="4:5" x14ac:dyDescent="0.25">
      <c r="D24100" s="6">
        <v>567.31989999999996</v>
      </c>
      <c r="E24100" s="6">
        <v>456.06709999999998</v>
      </c>
    </row>
    <row r="24101" spans="4:5" x14ac:dyDescent="0.25">
      <c r="D24101" s="6">
        <v>592.52930000000003</v>
      </c>
      <c r="E24101" s="6">
        <v>1382.172</v>
      </c>
    </row>
    <row r="24102" spans="4:5" x14ac:dyDescent="0.25">
      <c r="D24102" s="6">
        <v>677.39559999999994</v>
      </c>
      <c r="E24102" s="6">
        <v>6298.134</v>
      </c>
    </row>
    <row r="24103" spans="4:5" x14ac:dyDescent="0.25">
      <c r="D24103" s="6">
        <v>459.96749999999997</v>
      </c>
      <c r="E24103" s="6">
        <v>545.26229999999998</v>
      </c>
    </row>
    <row r="24104" spans="4:5" x14ac:dyDescent="0.25">
      <c r="D24104" s="6">
        <v>675.46659999999997</v>
      </c>
      <c r="E24104" s="6">
        <v>637.43939999999998</v>
      </c>
    </row>
    <row r="24105" spans="4:5" x14ac:dyDescent="0.25">
      <c r="D24105" s="6">
        <v>688.41279999999995</v>
      </c>
      <c r="E24105" s="6">
        <v>2527.0419999999999</v>
      </c>
    </row>
    <row r="24106" spans="4:5" x14ac:dyDescent="0.25">
      <c r="D24106" s="6">
        <v>6374.7240000000002</v>
      </c>
      <c r="E24106" s="6">
        <v>4615.3289999999997</v>
      </c>
    </row>
    <row r="24107" spans="4:5" x14ac:dyDescent="0.25">
      <c r="D24107" s="6">
        <v>5738.2060000000001</v>
      </c>
      <c r="E24107" s="6">
        <v>1401.3409999999999</v>
      </c>
    </row>
    <row r="24108" spans="4:5" x14ac:dyDescent="0.25">
      <c r="D24108" s="6">
        <v>556.33109999999999</v>
      </c>
      <c r="E24108" s="6">
        <v>732.83889999999997</v>
      </c>
    </row>
    <row r="24109" spans="4:5" x14ac:dyDescent="0.25">
      <c r="D24109" s="6">
        <v>761.1259</v>
      </c>
      <c r="E24109" s="6">
        <v>4244.9229999999998</v>
      </c>
    </row>
    <row r="24110" spans="4:5" x14ac:dyDescent="0.25">
      <c r="D24110" s="6">
        <v>451.4665</v>
      </c>
      <c r="E24110" s="6">
        <v>549.75080000000003</v>
      </c>
    </row>
    <row r="24111" spans="4:5" x14ac:dyDescent="0.25">
      <c r="D24111" s="6">
        <v>912.79259999999999</v>
      </c>
      <c r="E24111" s="6">
        <v>729.08029999999997</v>
      </c>
    </row>
    <row r="24112" spans="4:5" x14ac:dyDescent="0.25">
      <c r="D24112" s="6">
        <v>584.59119999999996</v>
      </c>
      <c r="E24112" s="6">
        <v>1242.299</v>
      </c>
    </row>
    <row r="24113" spans="4:5" x14ac:dyDescent="0.25">
      <c r="D24113" s="6">
        <v>676.38829999999996</v>
      </c>
      <c r="E24113" s="6">
        <v>529.11659999999995</v>
      </c>
    </row>
    <row r="24114" spans="4:5" x14ac:dyDescent="0.25">
      <c r="D24114" s="6">
        <v>545.05610000000001</v>
      </c>
      <c r="E24114" s="6">
        <v>1048.25</v>
      </c>
    </row>
    <row r="24115" spans="4:5" x14ac:dyDescent="0.25">
      <c r="D24115" s="6">
        <v>582.24</v>
      </c>
      <c r="E24115" s="6">
        <v>6353.8069999999998</v>
      </c>
    </row>
    <row r="24116" spans="4:5" x14ac:dyDescent="0.25">
      <c r="D24116" s="6">
        <v>726.93920000000003</v>
      </c>
      <c r="E24116" s="6">
        <v>1039.6199999999999</v>
      </c>
    </row>
    <row r="24117" spans="4:5" x14ac:dyDescent="0.25">
      <c r="D24117" s="6">
        <v>558.65300000000002</v>
      </c>
      <c r="E24117" s="6">
        <v>854.9973</v>
      </c>
    </row>
    <row r="24118" spans="4:5" x14ac:dyDescent="0.25">
      <c r="D24118" s="6">
        <v>621.87009999999998</v>
      </c>
      <c r="E24118" s="6">
        <v>816.44989999999996</v>
      </c>
    </row>
    <row r="24119" spans="4:5" x14ac:dyDescent="0.25">
      <c r="D24119" s="6">
        <v>709.44010000000003</v>
      </c>
      <c r="E24119" s="6">
        <v>1106.8330000000001</v>
      </c>
    </row>
    <row r="24120" spans="4:5" x14ac:dyDescent="0.25">
      <c r="D24120" s="6">
        <v>614.21619999999996</v>
      </c>
      <c r="E24120" s="6">
        <v>746.85500000000002</v>
      </c>
    </row>
    <row r="24121" spans="4:5" x14ac:dyDescent="0.25">
      <c r="D24121" s="6">
        <v>1471.78</v>
      </c>
      <c r="E24121" s="6">
        <v>5745.5129999999999</v>
      </c>
    </row>
    <row r="24122" spans="4:5" x14ac:dyDescent="0.25">
      <c r="D24122" s="6">
        <v>537.83330000000001</v>
      </c>
      <c r="E24122" s="6">
        <v>757.0385</v>
      </c>
    </row>
    <row r="24123" spans="4:5" x14ac:dyDescent="0.25">
      <c r="D24123" s="6">
        <v>2927.75</v>
      </c>
      <c r="E24123" s="6">
        <v>1000.481</v>
      </c>
    </row>
    <row r="24124" spans="4:5" x14ac:dyDescent="0.25">
      <c r="D24124" s="6">
        <v>542.27800000000002</v>
      </c>
      <c r="E24124" s="6">
        <v>2595.7779999999998</v>
      </c>
    </row>
    <row r="24125" spans="4:5" x14ac:dyDescent="0.25">
      <c r="D24125" s="6">
        <v>692.93280000000004</v>
      </c>
      <c r="E24125" s="6">
        <v>4708.9269999999997</v>
      </c>
    </row>
    <row r="24126" spans="4:5" x14ac:dyDescent="0.25">
      <c r="D24126" s="6">
        <v>605.45029999999997</v>
      </c>
      <c r="E24126" s="6">
        <v>3493.431</v>
      </c>
    </row>
    <row r="24127" spans="4:5" x14ac:dyDescent="0.25">
      <c r="D24127" s="6">
        <v>672.15319999999997</v>
      </c>
      <c r="E24127" s="6">
        <v>6295.2780000000002</v>
      </c>
    </row>
    <row r="24128" spans="4:5" x14ac:dyDescent="0.25">
      <c r="D24128" s="6">
        <v>1793.8440000000001</v>
      </c>
      <c r="E24128" s="6">
        <v>1740.944</v>
      </c>
    </row>
    <row r="24129" spans="4:5" x14ac:dyDescent="0.25">
      <c r="D24129" s="6">
        <v>5903.7030000000004</v>
      </c>
      <c r="E24129" s="6">
        <v>3115.0140000000001</v>
      </c>
    </row>
    <row r="24130" spans="4:5" x14ac:dyDescent="0.25">
      <c r="D24130" s="6">
        <v>896.79489999999998</v>
      </c>
      <c r="E24130" s="6">
        <v>512.57510000000002</v>
      </c>
    </row>
    <row r="24131" spans="4:5" x14ac:dyDescent="0.25">
      <c r="D24131" s="6">
        <v>796.96619999999996</v>
      </c>
      <c r="E24131" s="6">
        <v>579.50990000000002</v>
      </c>
    </row>
    <row r="24132" spans="4:5" x14ac:dyDescent="0.25">
      <c r="D24132" s="6">
        <v>625.49459999999999</v>
      </c>
      <c r="E24132" s="6">
        <v>540.39530000000002</v>
      </c>
    </row>
    <row r="24133" spans="4:5" x14ac:dyDescent="0.25">
      <c r="D24133" s="6">
        <v>490.5761</v>
      </c>
      <c r="E24133" s="6">
        <v>725.15219999999999</v>
      </c>
    </row>
    <row r="24134" spans="4:5" x14ac:dyDescent="0.25">
      <c r="D24134" s="6">
        <v>6115.4040000000005</v>
      </c>
      <c r="E24134" s="6">
        <v>726.67639999999994</v>
      </c>
    </row>
    <row r="24135" spans="4:5" x14ac:dyDescent="0.25">
      <c r="D24135" s="6">
        <v>678.00540000000001</v>
      </c>
      <c r="E24135" s="6">
        <v>751.54150000000004</v>
      </c>
    </row>
    <row r="24136" spans="4:5" x14ac:dyDescent="0.25">
      <c r="D24136" s="6">
        <v>751.73620000000005</v>
      </c>
      <c r="E24136" s="6">
        <v>1272.796</v>
      </c>
    </row>
    <row r="24137" spans="4:5" x14ac:dyDescent="0.25">
      <c r="D24137" s="6">
        <v>1002.902</v>
      </c>
      <c r="E24137" s="6">
        <v>682.84249999999997</v>
      </c>
    </row>
    <row r="24138" spans="4:5" x14ac:dyDescent="0.25">
      <c r="D24138" s="6">
        <v>4786.7190000000001</v>
      </c>
      <c r="E24138" s="6">
        <v>621.58029999999997</v>
      </c>
    </row>
    <row r="24139" spans="4:5" x14ac:dyDescent="0.25">
      <c r="D24139" s="6">
        <v>508.66980000000001</v>
      </c>
      <c r="E24139" s="6">
        <v>6138.0479999999998</v>
      </c>
    </row>
    <row r="24140" spans="4:5" x14ac:dyDescent="0.25">
      <c r="D24140" s="6">
        <v>602.20309999999995</v>
      </c>
      <c r="E24140" s="6">
        <v>634.86469999999997</v>
      </c>
    </row>
    <row r="24141" spans="4:5" x14ac:dyDescent="0.25">
      <c r="D24141" s="6">
        <v>635.80280000000005</v>
      </c>
      <c r="E24141" s="6">
        <v>546.82690000000002</v>
      </c>
    </row>
    <row r="24142" spans="4:5" x14ac:dyDescent="0.25">
      <c r="D24142" s="6">
        <v>567.3492</v>
      </c>
      <c r="E24142" s="6">
        <v>674.91489999999999</v>
      </c>
    </row>
    <row r="24143" spans="4:5" x14ac:dyDescent="0.25">
      <c r="D24143" s="6">
        <v>3187.9540000000002</v>
      </c>
      <c r="E24143" s="6">
        <v>659.33479999999997</v>
      </c>
    </row>
    <row r="24144" spans="4:5" x14ac:dyDescent="0.25">
      <c r="D24144" s="6">
        <v>659.37220000000002</v>
      </c>
      <c r="E24144" s="6">
        <v>1164.145</v>
      </c>
    </row>
    <row r="24145" spans="4:5" x14ac:dyDescent="0.25">
      <c r="D24145" s="6">
        <v>631.44659999999999</v>
      </c>
      <c r="E24145" s="6">
        <v>760.06460000000004</v>
      </c>
    </row>
    <row r="24146" spans="4:5" x14ac:dyDescent="0.25">
      <c r="D24146" s="6">
        <v>549.36779999999999</v>
      </c>
      <c r="E24146" s="6">
        <v>4869.0739999999996</v>
      </c>
    </row>
    <row r="24147" spans="4:5" x14ac:dyDescent="0.25">
      <c r="D24147" s="6">
        <v>449.3526</v>
      </c>
      <c r="E24147" s="6">
        <v>1312.6569999999999</v>
      </c>
    </row>
    <row r="24148" spans="4:5" x14ac:dyDescent="0.25">
      <c r="D24148" s="6">
        <v>820.29219999999998</v>
      </c>
      <c r="E24148" s="6">
        <v>3904.933</v>
      </c>
    </row>
    <row r="24149" spans="4:5" x14ac:dyDescent="0.25">
      <c r="D24149" s="6">
        <v>5930.84</v>
      </c>
      <c r="E24149" s="6">
        <v>1382.595</v>
      </c>
    </row>
    <row r="24150" spans="4:5" x14ac:dyDescent="0.25">
      <c r="D24150" s="6">
        <v>624.3501</v>
      </c>
      <c r="E24150" s="6">
        <v>813.34680000000003</v>
      </c>
    </row>
    <row r="24151" spans="4:5" x14ac:dyDescent="0.25">
      <c r="D24151" s="6">
        <v>675.4375</v>
      </c>
      <c r="E24151" s="6">
        <v>4852.5709999999999</v>
      </c>
    </row>
    <row r="24152" spans="4:5" x14ac:dyDescent="0.25">
      <c r="D24152" s="6">
        <v>4990.558</v>
      </c>
      <c r="E24152" s="6">
        <v>610.35749999999996</v>
      </c>
    </row>
    <row r="24153" spans="4:5" x14ac:dyDescent="0.25">
      <c r="D24153" s="6">
        <v>606.38990000000001</v>
      </c>
      <c r="E24153" s="6">
        <v>1957.1410000000001</v>
      </c>
    </row>
    <row r="24154" spans="4:5" x14ac:dyDescent="0.25">
      <c r="D24154" s="6">
        <v>6344.5389999999998</v>
      </c>
      <c r="E24154" s="6">
        <v>1365.1189999999999</v>
      </c>
    </row>
    <row r="24155" spans="4:5" x14ac:dyDescent="0.25">
      <c r="D24155" s="6">
        <v>5317.808</v>
      </c>
      <c r="E24155" s="6">
        <v>602.58709999999996</v>
      </c>
    </row>
    <row r="24156" spans="4:5" x14ac:dyDescent="0.25">
      <c r="D24156" s="6">
        <v>5419.38</v>
      </c>
      <c r="E24156" s="6">
        <v>575.51930000000004</v>
      </c>
    </row>
    <row r="24157" spans="4:5" x14ac:dyDescent="0.25">
      <c r="D24157" s="6">
        <v>693.22789999999998</v>
      </c>
      <c r="E24157" s="6">
        <v>1710.2550000000001</v>
      </c>
    </row>
    <row r="24158" spans="4:5" x14ac:dyDescent="0.25">
      <c r="D24158" s="6">
        <v>701.50229999999999</v>
      </c>
      <c r="E24158" s="6">
        <v>709.67449999999997</v>
      </c>
    </row>
    <row r="24159" spans="4:5" x14ac:dyDescent="0.25">
      <c r="D24159" s="6">
        <v>759.86279999999999</v>
      </c>
      <c r="E24159" s="6">
        <v>4740.326</v>
      </c>
    </row>
    <row r="24160" spans="4:5" x14ac:dyDescent="0.25">
      <c r="D24160" s="6">
        <v>2257.0619999999999</v>
      </c>
      <c r="E24160" s="6">
        <v>989.45159999999998</v>
      </c>
    </row>
    <row r="24161" spans="4:5" x14ac:dyDescent="0.25">
      <c r="D24161" s="6">
        <v>536.29319999999996</v>
      </c>
      <c r="E24161" s="6">
        <v>1422.0640000000001</v>
      </c>
    </row>
    <row r="24162" spans="4:5" x14ac:dyDescent="0.25">
      <c r="D24162" s="6">
        <v>689.17660000000001</v>
      </c>
      <c r="E24162" s="6">
        <v>2136.518</v>
      </c>
    </row>
    <row r="24163" spans="4:5" x14ac:dyDescent="0.25">
      <c r="D24163" s="6">
        <v>819.05</v>
      </c>
      <c r="E24163" s="6">
        <v>464.68790000000001</v>
      </c>
    </row>
    <row r="24164" spans="4:5" x14ac:dyDescent="0.25">
      <c r="D24164" s="6">
        <v>575.49699999999996</v>
      </c>
      <c r="E24164" s="6">
        <v>744.24189999999999</v>
      </c>
    </row>
    <row r="24165" spans="4:5" x14ac:dyDescent="0.25">
      <c r="D24165" s="6">
        <v>638.2328</v>
      </c>
      <c r="E24165" s="6">
        <v>633.15980000000002</v>
      </c>
    </row>
    <row r="24166" spans="4:5" x14ac:dyDescent="0.25">
      <c r="D24166" s="6">
        <v>743.52499999999998</v>
      </c>
      <c r="E24166" s="6">
        <v>662.5367</v>
      </c>
    </row>
    <row r="24167" spans="4:5" x14ac:dyDescent="0.25">
      <c r="D24167" s="6">
        <v>1127.8</v>
      </c>
      <c r="E24167" s="6">
        <v>4652.7640000000001</v>
      </c>
    </row>
    <row r="24168" spans="4:5" x14ac:dyDescent="0.25">
      <c r="D24168" s="6">
        <v>796.13469999999995</v>
      </c>
      <c r="E24168" s="6">
        <v>647.81100000000004</v>
      </c>
    </row>
    <row r="24169" spans="4:5" x14ac:dyDescent="0.25">
      <c r="D24169" s="6">
        <v>657.87139999999999</v>
      </c>
      <c r="E24169" s="6">
        <v>622.98739999999998</v>
      </c>
    </row>
    <row r="24170" spans="4:5" x14ac:dyDescent="0.25">
      <c r="D24170" s="6">
        <v>2281.0709999999999</v>
      </c>
      <c r="E24170" s="6">
        <v>1033.3109999999999</v>
      </c>
    </row>
    <row r="24171" spans="4:5" x14ac:dyDescent="0.25">
      <c r="D24171" s="6">
        <v>833.90250000000003</v>
      </c>
      <c r="E24171" s="6">
        <v>2042.835</v>
      </c>
    </row>
    <row r="24172" spans="4:5" x14ac:dyDescent="0.25">
      <c r="D24172" s="6">
        <v>765.31269999999995</v>
      </c>
      <c r="E24172" s="6">
        <v>1496.7439999999999</v>
      </c>
    </row>
    <row r="24173" spans="4:5" x14ac:dyDescent="0.25">
      <c r="D24173" s="6">
        <v>660.33619999999996</v>
      </c>
      <c r="E24173" s="6">
        <v>5677.5</v>
      </c>
    </row>
    <row r="24174" spans="4:5" x14ac:dyDescent="0.25">
      <c r="D24174" s="6">
        <v>799.399</v>
      </c>
      <c r="E24174" s="6">
        <v>615.59749999999997</v>
      </c>
    </row>
    <row r="24175" spans="4:5" x14ac:dyDescent="0.25">
      <c r="D24175" s="6">
        <v>568.15290000000005</v>
      </c>
      <c r="E24175" s="6">
        <v>2736.0169999999998</v>
      </c>
    </row>
    <row r="24176" spans="4:5" x14ac:dyDescent="0.25">
      <c r="D24176" s="6">
        <v>547.47889999999995</v>
      </c>
      <c r="E24176" s="6">
        <v>654.47379999999998</v>
      </c>
    </row>
    <row r="24177" spans="4:5" x14ac:dyDescent="0.25">
      <c r="D24177" s="6">
        <v>1845.509</v>
      </c>
      <c r="E24177" s="6">
        <v>577.01189999999997</v>
      </c>
    </row>
    <row r="24178" spans="4:5" x14ac:dyDescent="0.25">
      <c r="D24178" s="6">
        <v>626.45839999999998</v>
      </c>
      <c r="E24178" s="6">
        <v>737.76930000000004</v>
      </c>
    </row>
    <row r="24179" spans="4:5" x14ac:dyDescent="0.25">
      <c r="D24179" s="6">
        <v>726.11199999999997</v>
      </c>
      <c r="E24179" s="6">
        <v>636.32529999999997</v>
      </c>
    </row>
    <row r="24180" spans="4:5" x14ac:dyDescent="0.25">
      <c r="D24180" s="6">
        <v>580.39369999999997</v>
      </c>
      <c r="E24180" s="6">
        <v>3099.931</v>
      </c>
    </row>
    <row r="24181" spans="4:5" x14ac:dyDescent="0.25">
      <c r="D24181" s="6">
        <v>642.08640000000003</v>
      </c>
      <c r="E24181" s="6">
        <v>4258.1120000000001</v>
      </c>
    </row>
    <row r="24182" spans="4:5" x14ac:dyDescent="0.25">
      <c r="D24182" s="6">
        <v>684.928</v>
      </c>
      <c r="E24182" s="6">
        <v>472.57560000000001</v>
      </c>
    </row>
    <row r="24183" spans="4:5" x14ac:dyDescent="0.25">
      <c r="D24183" s="6">
        <v>733.33420000000001</v>
      </c>
      <c r="E24183" s="6">
        <v>4697.7860000000001</v>
      </c>
    </row>
    <row r="24184" spans="4:5" x14ac:dyDescent="0.25">
      <c r="D24184" s="6">
        <v>608.84699999999998</v>
      </c>
      <c r="E24184" s="6">
        <v>616.99980000000005</v>
      </c>
    </row>
    <row r="24185" spans="4:5" x14ac:dyDescent="0.25">
      <c r="D24185" s="6">
        <v>571.75609999999995</v>
      </c>
      <c r="E24185" s="6">
        <v>656.14440000000002</v>
      </c>
    </row>
    <row r="24186" spans="4:5" x14ac:dyDescent="0.25">
      <c r="D24186" s="6">
        <v>715.95010000000002</v>
      </c>
      <c r="E24186" s="6">
        <v>603.20950000000005</v>
      </c>
    </row>
    <row r="24187" spans="4:5" x14ac:dyDescent="0.25">
      <c r="D24187" s="6">
        <v>632.40430000000003</v>
      </c>
      <c r="E24187" s="6">
        <v>894.75369999999998</v>
      </c>
    </row>
    <row r="24188" spans="4:5" x14ac:dyDescent="0.25">
      <c r="D24188" s="6">
        <v>5366.0349999999999</v>
      </c>
      <c r="E24188" s="6">
        <v>4170.38</v>
      </c>
    </row>
    <row r="24189" spans="4:5" x14ac:dyDescent="0.25">
      <c r="D24189" s="6">
        <v>678.17349999999999</v>
      </c>
      <c r="E24189" s="6">
        <v>739.40840000000003</v>
      </c>
    </row>
    <row r="24190" spans="4:5" x14ac:dyDescent="0.25">
      <c r="D24190" s="6">
        <v>629.40459999999996</v>
      </c>
      <c r="E24190" s="6">
        <v>1066.1289999999999</v>
      </c>
    </row>
    <row r="24191" spans="4:5" x14ac:dyDescent="0.25">
      <c r="D24191" s="6">
        <v>597.15369999999996</v>
      </c>
      <c r="E24191" s="6">
        <v>765.17539999999997</v>
      </c>
    </row>
    <row r="24192" spans="4:5" x14ac:dyDescent="0.25">
      <c r="D24192" s="6">
        <v>548.97990000000004</v>
      </c>
      <c r="E24192" s="6">
        <v>765.13379999999995</v>
      </c>
    </row>
    <row r="24193" spans="4:5" x14ac:dyDescent="0.25">
      <c r="D24193" s="6">
        <v>623.36220000000003</v>
      </c>
      <c r="E24193" s="6">
        <v>643.62239999999997</v>
      </c>
    </row>
    <row r="24194" spans="4:5" x14ac:dyDescent="0.25">
      <c r="D24194" s="6">
        <v>746.94330000000002</v>
      </c>
      <c r="E24194" s="6">
        <v>573.8569</v>
      </c>
    </row>
    <row r="24195" spans="4:5" x14ac:dyDescent="0.25">
      <c r="D24195" s="6">
        <v>701.83299999999997</v>
      </c>
      <c r="E24195" s="6">
        <v>3366.09</v>
      </c>
    </row>
    <row r="24196" spans="4:5" x14ac:dyDescent="0.25">
      <c r="D24196" s="6">
        <v>745.47299999999996</v>
      </c>
      <c r="E24196" s="6">
        <v>4515.1009999999997</v>
      </c>
    </row>
    <row r="24197" spans="4:5" x14ac:dyDescent="0.25">
      <c r="D24197" s="6">
        <v>1107.777</v>
      </c>
      <c r="E24197" s="6">
        <v>651.00469999999996</v>
      </c>
    </row>
    <row r="24198" spans="4:5" x14ac:dyDescent="0.25">
      <c r="D24198" s="6">
        <v>5280.1760000000004</v>
      </c>
      <c r="E24198" s="6">
        <v>475.26549999999997</v>
      </c>
    </row>
    <row r="24199" spans="4:5" x14ac:dyDescent="0.25">
      <c r="D24199" s="6">
        <v>695.55309999999997</v>
      </c>
      <c r="E24199" s="6">
        <v>4013.3020000000001</v>
      </c>
    </row>
    <row r="24200" spans="4:5" x14ac:dyDescent="0.25">
      <c r="D24200" s="6">
        <v>524.87289999999996</v>
      </c>
      <c r="E24200" s="6">
        <v>750.53229999999996</v>
      </c>
    </row>
    <row r="24201" spans="4:5" x14ac:dyDescent="0.25">
      <c r="D24201" s="6">
        <v>2038.6110000000001</v>
      </c>
      <c r="E24201" s="6">
        <v>3503.5309999999999</v>
      </c>
    </row>
    <row r="24202" spans="4:5" x14ac:dyDescent="0.25">
      <c r="D24202" s="6">
        <v>897.6232</v>
      </c>
      <c r="E24202" s="6">
        <v>570.96979999999996</v>
      </c>
    </row>
    <row r="24203" spans="4:5" x14ac:dyDescent="0.25">
      <c r="D24203" s="6">
        <v>6021.1989999999996</v>
      </c>
      <c r="E24203" s="6">
        <v>1875.6369999999999</v>
      </c>
    </row>
    <row r="24204" spans="4:5" x14ac:dyDescent="0.25">
      <c r="D24204" s="6">
        <v>593.31349999999998</v>
      </c>
      <c r="E24204" s="6">
        <v>2342.7669999999998</v>
      </c>
    </row>
    <row r="24205" spans="4:5" x14ac:dyDescent="0.25">
      <c r="D24205" s="6">
        <v>636.72379999999998</v>
      </c>
      <c r="E24205" s="6">
        <v>1100.143</v>
      </c>
    </row>
    <row r="24206" spans="4:5" x14ac:dyDescent="0.25">
      <c r="D24206" s="6">
        <v>530.61019999999996</v>
      </c>
      <c r="E24206" s="6">
        <v>609.38589999999999</v>
      </c>
    </row>
    <row r="24207" spans="4:5" x14ac:dyDescent="0.25">
      <c r="D24207" s="6">
        <v>825.88170000000002</v>
      </c>
      <c r="E24207" s="6">
        <v>860.31569999999999</v>
      </c>
    </row>
    <row r="24208" spans="4:5" x14ac:dyDescent="0.25">
      <c r="D24208" s="6">
        <v>587.30520000000001</v>
      </c>
      <c r="E24208" s="6">
        <v>698.8211</v>
      </c>
    </row>
    <row r="24209" spans="4:5" x14ac:dyDescent="0.25">
      <c r="D24209" s="6">
        <v>602.52890000000002</v>
      </c>
      <c r="E24209" s="6">
        <v>694.65219999999999</v>
      </c>
    </row>
    <row r="24210" spans="4:5" x14ac:dyDescent="0.25">
      <c r="D24210" s="6">
        <v>897.76400000000001</v>
      </c>
      <c r="E24210" s="6">
        <v>764.53560000000004</v>
      </c>
    </row>
    <row r="24211" spans="4:5" x14ac:dyDescent="0.25">
      <c r="D24211" s="6">
        <v>596.27449999999999</v>
      </c>
      <c r="E24211" s="6">
        <v>685.94389999999999</v>
      </c>
    </row>
    <row r="24212" spans="4:5" x14ac:dyDescent="0.25">
      <c r="D24212" s="6">
        <v>490.7509</v>
      </c>
      <c r="E24212" s="6">
        <v>595.43110000000001</v>
      </c>
    </row>
    <row r="24213" spans="4:5" x14ac:dyDescent="0.25">
      <c r="D24213" s="6">
        <v>488.79059999999998</v>
      </c>
      <c r="E24213" s="6">
        <v>669.35979999999995</v>
      </c>
    </row>
    <row r="24214" spans="4:5" x14ac:dyDescent="0.25">
      <c r="D24214" s="6">
        <v>599.60709999999995</v>
      </c>
      <c r="E24214" s="6">
        <v>5262.652</v>
      </c>
    </row>
    <row r="24215" spans="4:5" x14ac:dyDescent="0.25">
      <c r="D24215" s="6">
        <v>647.46680000000003</v>
      </c>
      <c r="E24215" s="6">
        <v>576.7885</v>
      </c>
    </row>
    <row r="24216" spans="4:5" x14ac:dyDescent="0.25">
      <c r="D24216" s="6">
        <v>4326.43</v>
      </c>
      <c r="E24216" s="6">
        <v>1293.7660000000001</v>
      </c>
    </row>
    <row r="24217" spans="4:5" x14ac:dyDescent="0.25">
      <c r="D24217" s="6">
        <v>675.68640000000005</v>
      </c>
      <c r="E24217" s="6">
        <v>706.25789999999995</v>
      </c>
    </row>
    <row r="24218" spans="4:5" x14ac:dyDescent="0.25">
      <c r="D24218" s="6">
        <v>563.28830000000005</v>
      </c>
      <c r="E24218" s="6">
        <v>558.14480000000003</v>
      </c>
    </row>
    <row r="24219" spans="4:5" x14ac:dyDescent="0.25">
      <c r="D24219" s="6">
        <v>549.7174</v>
      </c>
      <c r="E24219" s="6">
        <v>592.29570000000001</v>
      </c>
    </row>
    <row r="24220" spans="4:5" x14ac:dyDescent="0.25">
      <c r="D24220" s="6">
        <v>695.70460000000003</v>
      </c>
      <c r="E24220" s="6">
        <v>3496.884</v>
      </c>
    </row>
    <row r="24221" spans="4:5" x14ac:dyDescent="0.25">
      <c r="D24221" s="6">
        <v>692.04719999999998</v>
      </c>
      <c r="E24221" s="6">
        <v>1262.838</v>
      </c>
    </row>
    <row r="24222" spans="4:5" x14ac:dyDescent="0.25">
      <c r="D24222" s="6">
        <v>809.50419999999997</v>
      </c>
      <c r="E24222" s="6">
        <v>1557.2149999999999</v>
      </c>
    </row>
    <row r="24223" spans="4:5" x14ac:dyDescent="0.25">
      <c r="D24223" s="6">
        <v>590.10699999999997</v>
      </c>
      <c r="E24223" s="6">
        <v>617.63239999999996</v>
      </c>
    </row>
    <row r="24224" spans="4:5" x14ac:dyDescent="0.25">
      <c r="D24224" s="6">
        <v>787.90219999999999</v>
      </c>
      <c r="E24224" s="6">
        <v>704.39739999999995</v>
      </c>
    </row>
    <row r="24225" spans="4:5" x14ac:dyDescent="0.25">
      <c r="D24225" s="6">
        <v>555.55700000000002</v>
      </c>
      <c r="E24225" s="6">
        <v>549.68640000000005</v>
      </c>
    </row>
    <row r="24226" spans="4:5" x14ac:dyDescent="0.25">
      <c r="D24226" s="6">
        <v>4062.3180000000002</v>
      </c>
      <c r="E24226" s="6">
        <v>4428.5119999999997</v>
      </c>
    </row>
    <row r="24227" spans="4:5" x14ac:dyDescent="0.25">
      <c r="D24227" s="6">
        <v>800.22749999999996</v>
      </c>
      <c r="E24227" s="6">
        <v>855.93420000000003</v>
      </c>
    </row>
    <row r="24228" spans="4:5" x14ac:dyDescent="0.25">
      <c r="D24228" s="6">
        <v>569.2518</v>
      </c>
      <c r="E24228" s="6">
        <v>546.93060000000003</v>
      </c>
    </row>
    <row r="24229" spans="4:5" x14ac:dyDescent="0.25">
      <c r="D24229" s="6">
        <v>781.93</v>
      </c>
      <c r="E24229" s="6">
        <v>795.65070000000003</v>
      </c>
    </row>
    <row r="24230" spans="4:5" x14ac:dyDescent="0.25">
      <c r="D24230" s="6">
        <v>803.70299999999997</v>
      </c>
      <c r="E24230" s="6">
        <v>743.52430000000004</v>
      </c>
    </row>
    <row r="24231" spans="4:5" x14ac:dyDescent="0.25">
      <c r="D24231" s="6">
        <v>616.56449999999995</v>
      </c>
      <c r="E24231" s="6">
        <v>1424.7139999999999</v>
      </c>
    </row>
    <row r="24232" spans="4:5" x14ac:dyDescent="0.25">
      <c r="D24232" s="6">
        <v>5362.2659999999996</v>
      </c>
      <c r="E24232" s="6">
        <v>967.47500000000002</v>
      </c>
    </row>
    <row r="24233" spans="4:5" x14ac:dyDescent="0.25">
      <c r="D24233" s="6">
        <v>480.66579999999999</v>
      </c>
      <c r="E24233" s="6">
        <v>648.16629999999998</v>
      </c>
    </row>
    <row r="24234" spans="4:5" x14ac:dyDescent="0.25">
      <c r="D24234" s="6">
        <v>719.39139999999998</v>
      </c>
      <c r="E24234" s="6">
        <v>625.86670000000004</v>
      </c>
    </row>
    <row r="24235" spans="4:5" x14ac:dyDescent="0.25">
      <c r="D24235" s="6">
        <v>605.47379999999998</v>
      </c>
      <c r="E24235" s="6">
        <v>1815.28</v>
      </c>
    </row>
    <row r="24236" spans="4:5" x14ac:dyDescent="0.25">
      <c r="D24236" s="6">
        <v>596.06870000000004</v>
      </c>
      <c r="E24236" s="6">
        <v>3481.8850000000002</v>
      </c>
    </row>
    <row r="24237" spans="4:5" x14ac:dyDescent="0.25">
      <c r="D24237" s="6">
        <v>799.51</v>
      </c>
      <c r="E24237" s="6">
        <v>722.88239999999996</v>
      </c>
    </row>
    <row r="24238" spans="4:5" x14ac:dyDescent="0.25">
      <c r="D24238" s="6">
        <v>599.26009999999997</v>
      </c>
      <c r="E24238" s="6">
        <v>4026.8530000000001</v>
      </c>
    </row>
    <row r="24239" spans="4:5" x14ac:dyDescent="0.25">
      <c r="D24239" s="6">
        <v>1326.712</v>
      </c>
      <c r="E24239" s="6">
        <v>617.25819999999999</v>
      </c>
    </row>
    <row r="24240" spans="4:5" x14ac:dyDescent="0.25">
      <c r="D24240" s="6">
        <v>549.66669999999999</v>
      </c>
      <c r="E24240" s="6">
        <v>6135.5219999999999</v>
      </c>
    </row>
    <row r="24241" spans="4:5" x14ac:dyDescent="0.25">
      <c r="D24241" s="6">
        <v>2102.241</v>
      </c>
      <c r="E24241" s="6">
        <v>622.86310000000003</v>
      </c>
    </row>
    <row r="24242" spans="4:5" x14ac:dyDescent="0.25">
      <c r="D24242" s="6">
        <v>558.66989999999998</v>
      </c>
      <c r="E24242" s="6">
        <v>3772.8829999999998</v>
      </c>
    </row>
    <row r="24243" spans="4:5" x14ac:dyDescent="0.25">
      <c r="D24243" s="6">
        <v>660.74360000000001</v>
      </c>
      <c r="E24243" s="6">
        <v>4947.0360000000001</v>
      </c>
    </row>
    <row r="24244" spans="4:5" x14ac:dyDescent="0.25">
      <c r="D24244" s="6">
        <v>1137.3430000000001</v>
      </c>
      <c r="E24244" s="6">
        <v>1011.894</v>
      </c>
    </row>
    <row r="24245" spans="4:5" x14ac:dyDescent="0.25">
      <c r="D24245" s="6">
        <v>2118.0160000000001</v>
      </c>
      <c r="E24245" s="6">
        <v>703.71789999999999</v>
      </c>
    </row>
    <row r="24246" spans="4:5" x14ac:dyDescent="0.25">
      <c r="D24246" s="6">
        <v>509.4</v>
      </c>
      <c r="E24246" s="6">
        <v>5751.6379999999999</v>
      </c>
    </row>
    <row r="24247" spans="4:5" x14ac:dyDescent="0.25">
      <c r="D24247" s="6">
        <v>545.673</v>
      </c>
      <c r="E24247" s="6">
        <v>681.94389999999999</v>
      </c>
    </row>
    <row r="24248" spans="4:5" x14ac:dyDescent="0.25">
      <c r="D24248" s="6">
        <v>676.51340000000005</v>
      </c>
      <c r="E24248" s="6">
        <v>810.14139999999998</v>
      </c>
    </row>
    <row r="24249" spans="4:5" x14ac:dyDescent="0.25">
      <c r="D24249" s="6">
        <v>573.26750000000004</v>
      </c>
      <c r="E24249" s="6">
        <v>626.12959999999998</v>
      </c>
    </row>
    <row r="24250" spans="4:5" x14ac:dyDescent="0.25">
      <c r="D24250" s="6">
        <v>6049.4620000000004</v>
      </c>
      <c r="E24250" s="6">
        <v>4653.22</v>
      </c>
    </row>
    <row r="24251" spans="4:5" x14ac:dyDescent="0.25">
      <c r="D24251" s="6">
        <v>1623.2729999999999</v>
      </c>
      <c r="E24251" s="6">
        <v>647.08860000000004</v>
      </c>
    </row>
    <row r="24252" spans="4:5" x14ac:dyDescent="0.25">
      <c r="D24252" s="6">
        <v>627.21259999999995</v>
      </c>
      <c r="E24252" s="6">
        <v>2928.5729999999999</v>
      </c>
    </row>
    <row r="24253" spans="4:5" x14ac:dyDescent="0.25">
      <c r="D24253" s="6">
        <v>1868.6</v>
      </c>
      <c r="E24253" s="6">
        <v>637.37829999999997</v>
      </c>
    </row>
    <row r="24254" spans="4:5" x14ac:dyDescent="0.25">
      <c r="D24254" s="6">
        <v>523.48289999999997</v>
      </c>
      <c r="E24254" s="6">
        <v>5048.46</v>
      </c>
    </row>
    <row r="24255" spans="4:5" x14ac:dyDescent="0.25">
      <c r="D24255" s="6">
        <v>715.12419999999997</v>
      </c>
      <c r="E24255" s="6">
        <v>584.96939999999995</v>
      </c>
    </row>
    <row r="24256" spans="4:5" x14ac:dyDescent="0.25">
      <c r="D24256" s="6">
        <v>4994.076</v>
      </c>
      <c r="E24256" s="6">
        <v>3777.4369999999999</v>
      </c>
    </row>
    <row r="24257" spans="4:5" x14ac:dyDescent="0.25">
      <c r="D24257" s="6">
        <v>557.5548</v>
      </c>
      <c r="E24257" s="6">
        <v>1924.6969999999999</v>
      </c>
    </row>
    <row r="24258" spans="4:5" x14ac:dyDescent="0.25">
      <c r="D24258" s="6">
        <v>774.96339999999998</v>
      </c>
      <c r="E24258" s="6">
        <v>1605.73</v>
      </c>
    </row>
    <row r="24259" spans="4:5" x14ac:dyDescent="0.25">
      <c r="D24259" s="6">
        <v>862.57439999999997</v>
      </c>
      <c r="E24259" s="6">
        <v>703.33550000000002</v>
      </c>
    </row>
    <row r="24260" spans="4:5" x14ac:dyDescent="0.25">
      <c r="D24260" s="6">
        <v>539.02440000000001</v>
      </c>
      <c r="E24260" s="6">
        <v>9423.7150000000001</v>
      </c>
    </row>
    <row r="24261" spans="4:5" x14ac:dyDescent="0.25">
      <c r="D24261" s="6">
        <v>711.91859999999997</v>
      </c>
      <c r="E24261" s="6">
        <v>588.95690000000002</v>
      </c>
    </row>
    <row r="24262" spans="4:5" x14ac:dyDescent="0.25">
      <c r="D24262" s="6">
        <v>3551.9290000000001</v>
      </c>
      <c r="E24262" s="6">
        <v>617.61490000000003</v>
      </c>
    </row>
    <row r="24263" spans="4:5" x14ac:dyDescent="0.25">
      <c r="D24263" s="6">
        <v>578.1087</v>
      </c>
      <c r="E24263" s="6">
        <v>966.63750000000005</v>
      </c>
    </row>
    <row r="24264" spans="4:5" x14ac:dyDescent="0.25">
      <c r="D24264" s="6">
        <v>4698.4219999999996</v>
      </c>
      <c r="E24264" s="6">
        <v>840.03530000000001</v>
      </c>
    </row>
    <row r="24265" spans="4:5" x14ac:dyDescent="0.25">
      <c r="D24265" s="6">
        <v>553.41099999999994</v>
      </c>
      <c r="E24265" s="6">
        <v>597.88340000000005</v>
      </c>
    </row>
    <row r="24266" spans="4:5" x14ac:dyDescent="0.25">
      <c r="D24266" s="6">
        <v>585.34590000000003</v>
      </c>
      <c r="E24266" s="6">
        <v>5549.1030000000001</v>
      </c>
    </row>
    <row r="24267" spans="4:5" x14ac:dyDescent="0.25">
      <c r="D24267" s="6">
        <v>642.92370000000005</v>
      </c>
      <c r="E24267" s="6">
        <v>604.24570000000006</v>
      </c>
    </row>
    <row r="24268" spans="4:5" x14ac:dyDescent="0.25">
      <c r="D24268" s="6">
        <v>1373</v>
      </c>
      <c r="E24268" s="6">
        <v>728.77300000000002</v>
      </c>
    </row>
    <row r="24269" spans="4:5" x14ac:dyDescent="0.25">
      <c r="D24269" s="6">
        <v>680.9008</v>
      </c>
      <c r="E24269" s="6">
        <v>1394.8910000000001</v>
      </c>
    </row>
    <row r="24270" spans="4:5" x14ac:dyDescent="0.25">
      <c r="D24270" s="6">
        <v>575.84709999999995</v>
      </c>
      <c r="E24270" s="6">
        <v>3496.34</v>
      </c>
    </row>
    <row r="24271" spans="4:5" x14ac:dyDescent="0.25">
      <c r="D24271" s="6">
        <v>2367.192</v>
      </c>
      <c r="E24271" s="6">
        <v>556.81979999999999</v>
      </c>
    </row>
    <row r="24272" spans="4:5" x14ac:dyDescent="0.25">
      <c r="D24272" s="6">
        <v>482.38679999999999</v>
      </c>
      <c r="E24272" s="6">
        <v>564.24749999999995</v>
      </c>
    </row>
    <row r="24273" spans="4:5" x14ac:dyDescent="0.25">
      <c r="D24273" s="6">
        <v>682.53110000000004</v>
      </c>
      <c r="E24273" s="6">
        <v>774.04229999999995</v>
      </c>
    </row>
    <row r="24274" spans="4:5" x14ac:dyDescent="0.25">
      <c r="D24274" s="6">
        <v>648.21349999999995</v>
      </c>
      <c r="E24274" s="6">
        <v>5228.223</v>
      </c>
    </row>
    <row r="24275" spans="4:5" x14ac:dyDescent="0.25">
      <c r="D24275" s="6">
        <v>5498.348</v>
      </c>
      <c r="E24275" s="6">
        <v>3423.5210000000002</v>
      </c>
    </row>
    <row r="24276" spans="4:5" x14ac:dyDescent="0.25">
      <c r="D24276" s="6">
        <v>522.01220000000001</v>
      </c>
      <c r="E24276" s="6">
        <v>4966.0159999999996</v>
      </c>
    </row>
    <row r="24277" spans="4:5" x14ac:dyDescent="0.25">
      <c r="D24277" s="6">
        <v>724.0856</v>
      </c>
      <c r="E24277" s="6">
        <v>1386.7940000000001</v>
      </c>
    </row>
    <row r="24278" spans="4:5" x14ac:dyDescent="0.25">
      <c r="D24278" s="6">
        <v>1010.051</v>
      </c>
      <c r="E24278" s="6">
        <v>544.33040000000005</v>
      </c>
    </row>
    <row r="24279" spans="4:5" x14ac:dyDescent="0.25">
      <c r="D24279" s="6">
        <v>2268.1869999999999</v>
      </c>
      <c r="E24279" s="6">
        <v>700.63890000000004</v>
      </c>
    </row>
    <row r="24280" spans="4:5" x14ac:dyDescent="0.25">
      <c r="D24280" s="6">
        <v>614.55169999999998</v>
      </c>
      <c r="E24280" s="6">
        <v>552.81200000000001</v>
      </c>
    </row>
    <row r="24281" spans="4:5" x14ac:dyDescent="0.25">
      <c r="D24281" s="6">
        <v>716.03210000000001</v>
      </c>
      <c r="E24281" s="6">
        <v>7226.29</v>
      </c>
    </row>
    <row r="24282" spans="4:5" x14ac:dyDescent="0.25">
      <c r="D24282" s="6">
        <v>683.42129999999997</v>
      </c>
      <c r="E24282" s="6">
        <v>572.25540000000001</v>
      </c>
    </row>
    <row r="24283" spans="4:5" x14ac:dyDescent="0.25">
      <c r="D24283" s="6">
        <v>5227.768</v>
      </c>
      <c r="E24283" s="6">
        <v>989.36959999999999</v>
      </c>
    </row>
    <row r="24284" spans="4:5" x14ac:dyDescent="0.25">
      <c r="D24284" s="6">
        <v>579.32029999999997</v>
      </c>
      <c r="E24284" s="6">
        <v>727.90189999999996</v>
      </c>
    </row>
    <row r="24285" spans="4:5" x14ac:dyDescent="0.25">
      <c r="D24285" s="6">
        <v>641.99649999999997</v>
      </c>
      <c r="E24285" s="6">
        <v>622.66520000000003</v>
      </c>
    </row>
    <row r="24286" spans="4:5" x14ac:dyDescent="0.25">
      <c r="D24286" s="6">
        <v>1011.643</v>
      </c>
      <c r="E24286" s="6">
        <v>613.51909999999998</v>
      </c>
    </row>
    <row r="24287" spans="4:5" x14ac:dyDescent="0.25">
      <c r="D24287" s="6">
        <v>566.81010000000003</v>
      </c>
      <c r="E24287" s="6">
        <v>1950.098</v>
      </c>
    </row>
    <row r="24288" spans="4:5" x14ac:dyDescent="0.25">
      <c r="D24288" s="6">
        <v>639.25580000000002</v>
      </c>
      <c r="E24288" s="6">
        <v>534.26700000000005</v>
      </c>
    </row>
    <row r="24289" spans="4:5" x14ac:dyDescent="0.25">
      <c r="D24289" s="6">
        <v>624.53449999999998</v>
      </c>
      <c r="E24289" s="6">
        <v>868.9135</v>
      </c>
    </row>
    <row r="24290" spans="4:5" x14ac:dyDescent="0.25">
      <c r="D24290" s="6">
        <v>867.38509999999997</v>
      </c>
      <c r="E24290" s="6">
        <v>1267.4949999999999</v>
      </c>
    </row>
    <row r="24291" spans="4:5" x14ac:dyDescent="0.25">
      <c r="D24291" s="6">
        <v>612.04489999999998</v>
      </c>
      <c r="E24291" s="6">
        <v>549.34299999999996</v>
      </c>
    </row>
    <row r="24292" spans="4:5" x14ac:dyDescent="0.25">
      <c r="D24292" s="6">
        <v>687.79100000000005</v>
      </c>
      <c r="E24292" s="6">
        <v>654.16359999999997</v>
      </c>
    </row>
    <row r="24293" spans="4:5" x14ac:dyDescent="0.25">
      <c r="D24293" s="6">
        <v>591.82330000000002</v>
      </c>
      <c r="E24293" s="6">
        <v>1555.1210000000001</v>
      </c>
    </row>
    <row r="24294" spans="4:5" x14ac:dyDescent="0.25">
      <c r="D24294" s="6">
        <v>5361.5739999999996</v>
      </c>
      <c r="E24294" s="6">
        <v>552.40369999999996</v>
      </c>
    </row>
    <row r="24295" spans="4:5" x14ac:dyDescent="0.25">
      <c r="D24295" s="6">
        <v>645.69759999999997</v>
      </c>
      <c r="E24295" s="6">
        <v>591.13329999999996</v>
      </c>
    </row>
    <row r="24296" spans="4:5" x14ac:dyDescent="0.25">
      <c r="D24296" s="6">
        <v>779.50379999999996</v>
      </c>
      <c r="E24296" s="6">
        <v>1629.6980000000001</v>
      </c>
    </row>
    <row r="24297" spans="4:5" x14ac:dyDescent="0.25">
      <c r="D24297" s="6">
        <v>5805.2839999999997</v>
      </c>
      <c r="E24297" s="6">
        <v>681.27049999999997</v>
      </c>
    </row>
    <row r="24298" spans="4:5" x14ac:dyDescent="0.25">
      <c r="D24298" s="6">
        <v>525.7527</v>
      </c>
      <c r="E24298" s="6">
        <v>1393.0319999999999</v>
      </c>
    </row>
    <row r="24299" spans="4:5" x14ac:dyDescent="0.25">
      <c r="D24299" s="6">
        <v>625.50789999999995</v>
      </c>
      <c r="E24299" s="6">
        <v>683.82069999999999</v>
      </c>
    </row>
    <row r="24300" spans="4:5" x14ac:dyDescent="0.25">
      <c r="D24300" s="6">
        <v>548.30020000000002</v>
      </c>
      <c r="E24300" s="6">
        <v>1555.47</v>
      </c>
    </row>
    <row r="24301" spans="4:5" x14ac:dyDescent="0.25">
      <c r="D24301" s="6">
        <v>657.71609999999998</v>
      </c>
      <c r="E24301" s="6">
        <v>627.22069999999997</v>
      </c>
    </row>
    <row r="24302" spans="4:5" x14ac:dyDescent="0.25">
      <c r="D24302" s="6">
        <v>604.22810000000004</v>
      </c>
      <c r="E24302" s="6">
        <v>633.93039999999996</v>
      </c>
    </row>
    <row r="24303" spans="4:5" x14ac:dyDescent="0.25">
      <c r="D24303" s="6">
        <v>720.6173</v>
      </c>
      <c r="E24303" s="6">
        <v>1333.923</v>
      </c>
    </row>
    <row r="24304" spans="4:5" x14ac:dyDescent="0.25">
      <c r="D24304" s="6">
        <v>585.54349999999999</v>
      </c>
      <c r="E24304" s="6">
        <v>3554.433</v>
      </c>
    </row>
    <row r="24305" spans="4:5" x14ac:dyDescent="0.25">
      <c r="D24305" s="6">
        <v>723.70100000000002</v>
      </c>
      <c r="E24305" s="6">
        <v>577.32749999999999</v>
      </c>
    </row>
    <row r="24306" spans="4:5" x14ac:dyDescent="0.25">
      <c r="D24306" s="6">
        <v>663.21659999999997</v>
      </c>
      <c r="E24306" s="6">
        <v>692.7414</v>
      </c>
    </row>
    <row r="24307" spans="4:5" x14ac:dyDescent="0.25">
      <c r="D24307" s="6">
        <v>5915.152</v>
      </c>
      <c r="E24307" s="6">
        <v>458.7867</v>
      </c>
    </row>
    <row r="24308" spans="4:5" x14ac:dyDescent="0.25">
      <c r="D24308" s="6">
        <v>1666.1880000000001</v>
      </c>
      <c r="E24308" s="6">
        <v>763.37689999999998</v>
      </c>
    </row>
    <row r="24309" spans="4:5" x14ac:dyDescent="0.25">
      <c r="D24309" s="6">
        <v>2384.1750000000002</v>
      </c>
      <c r="E24309" s="6">
        <v>1835.444</v>
      </c>
    </row>
    <row r="24310" spans="4:5" x14ac:dyDescent="0.25">
      <c r="D24310" s="6">
        <v>3751</v>
      </c>
      <c r="E24310" s="6">
        <v>4160.5950000000003</v>
      </c>
    </row>
    <row r="24311" spans="4:5" x14ac:dyDescent="0.25">
      <c r="D24311" s="6">
        <v>1429.4870000000001</v>
      </c>
      <c r="E24311" s="6">
        <v>799.76570000000004</v>
      </c>
    </row>
    <row r="24312" spans="4:5" x14ac:dyDescent="0.25">
      <c r="D24312" s="6">
        <v>1780.4580000000001</v>
      </c>
      <c r="E24312" s="6">
        <v>623.85829999999999</v>
      </c>
    </row>
    <row r="24313" spans="4:5" x14ac:dyDescent="0.25">
      <c r="D24313" s="6">
        <v>573.79</v>
      </c>
      <c r="E24313" s="6">
        <v>4851.57</v>
      </c>
    </row>
    <row r="24314" spans="4:5" x14ac:dyDescent="0.25">
      <c r="D24314" s="6">
        <v>535.94949999999994</v>
      </c>
      <c r="E24314" s="6">
        <v>5191.7070000000003</v>
      </c>
    </row>
    <row r="24315" spans="4:5" x14ac:dyDescent="0.25">
      <c r="D24315" s="6">
        <v>1726</v>
      </c>
      <c r="E24315" s="6">
        <v>1115.713</v>
      </c>
    </row>
    <row r="24316" spans="4:5" x14ac:dyDescent="0.25">
      <c r="D24316" s="6">
        <v>866.45180000000005</v>
      </c>
      <c r="E24316" s="6">
        <v>1221.566</v>
      </c>
    </row>
    <row r="24317" spans="4:5" x14ac:dyDescent="0.25">
      <c r="D24317" s="6">
        <v>554.17769999999996</v>
      </c>
      <c r="E24317" s="6">
        <v>662.83019999999999</v>
      </c>
    </row>
    <row r="24318" spans="4:5" x14ac:dyDescent="0.25">
      <c r="D24318" s="6">
        <v>941.58759999999995</v>
      </c>
      <c r="E24318" s="6">
        <v>1383.9359999999999</v>
      </c>
    </row>
    <row r="24319" spans="4:5" x14ac:dyDescent="0.25">
      <c r="D24319" s="6">
        <v>749.63400000000001</v>
      </c>
      <c r="E24319" s="6">
        <v>606.32719999999995</v>
      </c>
    </row>
    <row r="24320" spans="4:5" x14ac:dyDescent="0.25">
      <c r="D24320" s="6">
        <v>707.98720000000003</v>
      </c>
      <c r="E24320" s="6">
        <v>2036.193</v>
      </c>
    </row>
    <row r="24321" spans="4:5" x14ac:dyDescent="0.25">
      <c r="D24321" s="6">
        <v>613.52110000000005</v>
      </c>
      <c r="E24321" s="6">
        <v>875.85440000000006</v>
      </c>
    </row>
    <row r="24322" spans="4:5" x14ac:dyDescent="0.25">
      <c r="D24322" s="6">
        <v>525.94770000000005</v>
      </c>
      <c r="E24322" s="6">
        <v>697.15049999999997</v>
      </c>
    </row>
    <row r="24323" spans="4:5" x14ac:dyDescent="0.25">
      <c r="D24323" s="6">
        <v>461.36779999999999</v>
      </c>
      <c r="E24323" s="6">
        <v>4072.0929999999998</v>
      </c>
    </row>
    <row r="24324" spans="4:5" x14ac:dyDescent="0.25">
      <c r="D24324" s="6">
        <v>588.74509999999998</v>
      </c>
      <c r="E24324" s="6">
        <v>1463.5319999999999</v>
      </c>
    </row>
    <row r="24325" spans="4:5" x14ac:dyDescent="0.25">
      <c r="D24325" s="6">
        <v>3337.6</v>
      </c>
      <c r="E24325" s="6">
        <v>628.36590000000001</v>
      </c>
    </row>
    <row r="24326" spans="4:5" x14ac:dyDescent="0.25">
      <c r="D24326" s="6">
        <v>2158.1709999999998</v>
      </c>
      <c r="E24326" s="6">
        <v>608.01340000000005</v>
      </c>
    </row>
    <row r="24327" spans="4:5" x14ac:dyDescent="0.25">
      <c r="D24327" s="6">
        <v>4693.3469999999998</v>
      </c>
      <c r="E24327" s="6">
        <v>2437.8220000000001</v>
      </c>
    </row>
    <row r="24328" spans="4:5" x14ac:dyDescent="0.25">
      <c r="D24328" s="6">
        <v>706.28890000000001</v>
      </c>
      <c r="E24328" s="6">
        <v>5128.0600000000004</v>
      </c>
    </row>
    <row r="24329" spans="4:5" x14ac:dyDescent="0.25">
      <c r="D24329" s="6">
        <v>665.31219999999996</v>
      </c>
      <c r="E24329" s="6">
        <v>715.50689999999997</v>
      </c>
    </row>
    <row r="24330" spans="4:5" x14ac:dyDescent="0.25">
      <c r="D24330" s="6">
        <v>5415.259</v>
      </c>
      <c r="E24330" s="6">
        <v>1290.27</v>
      </c>
    </row>
    <row r="24331" spans="4:5" x14ac:dyDescent="0.25">
      <c r="D24331" s="6">
        <v>548.25630000000001</v>
      </c>
      <c r="E24331" s="6">
        <v>469.10120000000001</v>
      </c>
    </row>
    <row r="24332" spans="4:5" x14ac:dyDescent="0.25">
      <c r="D24332" s="6">
        <v>581.75909999999999</v>
      </c>
      <c r="E24332" s="6">
        <v>798.19680000000005</v>
      </c>
    </row>
    <row r="24333" spans="4:5" x14ac:dyDescent="0.25">
      <c r="D24333" s="6">
        <v>564</v>
      </c>
      <c r="E24333" s="6">
        <v>3259.2719999999999</v>
      </c>
    </row>
    <row r="24334" spans="4:5" x14ac:dyDescent="0.25">
      <c r="D24334" s="6">
        <v>4747.6400000000003</v>
      </c>
      <c r="E24334" s="6">
        <v>566.20230000000004</v>
      </c>
    </row>
    <row r="24335" spans="4:5" x14ac:dyDescent="0.25">
      <c r="D24335" s="6">
        <v>589.42150000000004</v>
      </c>
      <c r="E24335" s="6">
        <v>2701.1640000000002</v>
      </c>
    </row>
    <row r="24336" spans="4:5" x14ac:dyDescent="0.25">
      <c r="D24336" s="6">
        <v>651.71879999999999</v>
      </c>
      <c r="E24336" s="6">
        <v>1270.0129999999999</v>
      </c>
    </row>
    <row r="24337" spans="4:5" x14ac:dyDescent="0.25">
      <c r="D24337" s="6">
        <v>661.50990000000002</v>
      </c>
      <c r="E24337" s="6">
        <v>737.9819</v>
      </c>
    </row>
    <row r="24338" spans="4:5" x14ac:dyDescent="0.25">
      <c r="D24338" s="6">
        <v>625.96349999999995</v>
      </c>
      <c r="E24338" s="6">
        <v>537.399</v>
      </c>
    </row>
    <row r="24339" spans="4:5" x14ac:dyDescent="0.25">
      <c r="D24339" s="6">
        <v>2810.2</v>
      </c>
      <c r="E24339" s="6">
        <v>1563.1559999999999</v>
      </c>
    </row>
    <row r="24340" spans="4:5" x14ac:dyDescent="0.25">
      <c r="D24340" s="6">
        <v>2094.7829999999999</v>
      </c>
      <c r="E24340" s="6">
        <v>880.63679999999999</v>
      </c>
    </row>
    <row r="24341" spans="4:5" x14ac:dyDescent="0.25">
      <c r="D24341" s="6">
        <v>1207.54</v>
      </c>
      <c r="E24341" s="6">
        <v>558.67780000000005</v>
      </c>
    </row>
    <row r="24342" spans="4:5" x14ac:dyDescent="0.25">
      <c r="D24342" s="6">
        <v>1096.069</v>
      </c>
      <c r="E24342" s="6">
        <v>1924.1130000000001</v>
      </c>
    </row>
    <row r="24343" spans="4:5" x14ac:dyDescent="0.25">
      <c r="D24343" s="6">
        <v>533.53409999999997</v>
      </c>
      <c r="E24343" s="6">
        <v>653.83209999999997</v>
      </c>
    </row>
    <row r="24344" spans="4:5" x14ac:dyDescent="0.25">
      <c r="D24344" s="6">
        <v>1067.857</v>
      </c>
      <c r="E24344" s="6">
        <v>559.64919999999995</v>
      </c>
    </row>
    <row r="24345" spans="4:5" x14ac:dyDescent="0.25">
      <c r="D24345" s="6">
        <v>1795.309</v>
      </c>
      <c r="E24345" s="6">
        <v>577.05999999999995</v>
      </c>
    </row>
    <row r="24346" spans="4:5" x14ac:dyDescent="0.25">
      <c r="D24346" s="6">
        <v>651.34810000000004</v>
      </c>
      <c r="E24346" s="6">
        <v>2341.9580000000001</v>
      </c>
    </row>
    <row r="24347" spans="4:5" x14ac:dyDescent="0.25">
      <c r="D24347" s="6">
        <v>683.63699999999994</v>
      </c>
      <c r="E24347" s="6">
        <v>2650.7550000000001</v>
      </c>
    </row>
    <row r="24348" spans="4:5" x14ac:dyDescent="0.25">
      <c r="D24348" s="6">
        <v>773.82809999999995</v>
      </c>
      <c r="E24348" s="6">
        <v>1390.876</v>
      </c>
    </row>
    <row r="24349" spans="4:5" x14ac:dyDescent="0.25">
      <c r="D24349" s="6">
        <v>1734.329</v>
      </c>
      <c r="E24349" s="6">
        <v>651.37199999999996</v>
      </c>
    </row>
    <row r="24350" spans="4:5" x14ac:dyDescent="0.25">
      <c r="D24350" s="6">
        <v>503.32690000000002</v>
      </c>
      <c r="E24350" s="6">
        <v>2766.5219999999999</v>
      </c>
    </row>
    <row r="24351" spans="4:5" x14ac:dyDescent="0.25">
      <c r="D24351" s="6">
        <v>3799.4290000000001</v>
      </c>
      <c r="E24351" s="6">
        <v>628.71990000000005</v>
      </c>
    </row>
    <row r="24352" spans="4:5" x14ac:dyDescent="0.25">
      <c r="D24352" s="6">
        <v>525.44280000000003</v>
      </c>
      <c r="E24352" s="6">
        <v>1591.6020000000001</v>
      </c>
    </row>
    <row r="24353" spans="4:5" x14ac:dyDescent="0.25">
      <c r="D24353" s="6">
        <v>6830.0550000000003</v>
      </c>
      <c r="E24353" s="6">
        <v>5603.7780000000002</v>
      </c>
    </row>
    <row r="24354" spans="4:5" x14ac:dyDescent="0.25">
      <c r="D24354" s="6">
        <v>524.04240000000004</v>
      </c>
      <c r="E24354" s="6">
        <v>6336.1959999999999</v>
      </c>
    </row>
    <row r="24355" spans="4:5" x14ac:dyDescent="0.25">
      <c r="D24355" s="6">
        <v>811.27599999999995</v>
      </c>
      <c r="E24355" s="6">
        <v>628.12869999999998</v>
      </c>
    </row>
    <row r="24356" spans="4:5" x14ac:dyDescent="0.25">
      <c r="D24356" s="6">
        <v>728.06020000000001</v>
      </c>
      <c r="E24356" s="6">
        <v>1247.1410000000001</v>
      </c>
    </row>
    <row r="24357" spans="4:5" x14ac:dyDescent="0.25">
      <c r="D24357" s="6">
        <v>596.38580000000002</v>
      </c>
      <c r="E24357" s="6">
        <v>585.92110000000002</v>
      </c>
    </row>
    <row r="24358" spans="4:5" x14ac:dyDescent="0.25">
      <c r="D24358" s="6">
        <v>741.64549999999997</v>
      </c>
      <c r="E24358" s="6">
        <v>654.51790000000005</v>
      </c>
    </row>
    <row r="24359" spans="4:5" x14ac:dyDescent="0.25">
      <c r="D24359" s="6">
        <v>532.56989999999996</v>
      </c>
      <c r="E24359" s="6">
        <v>565.97450000000003</v>
      </c>
    </row>
    <row r="24360" spans="4:5" x14ac:dyDescent="0.25">
      <c r="D24360" s="6">
        <v>659.94410000000005</v>
      </c>
      <c r="E24360" s="6">
        <v>4604.9080000000004</v>
      </c>
    </row>
    <row r="24361" spans="4:5" x14ac:dyDescent="0.25">
      <c r="D24361" s="6">
        <v>1400.8630000000001</v>
      </c>
      <c r="E24361" s="6">
        <v>353.90609999999998</v>
      </c>
    </row>
    <row r="24362" spans="4:5" x14ac:dyDescent="0.25">
      <c r="D24362" s="6">
        <v>726.55909999999994</v>
      </c>
      <c r="E24362" s="6">
        <v>6019.1509999999998</v>
      </c>
    </row>
    <row r="24363" spans="4:5" x14ac:dyDescent="0.25">
      <c r="D24363" s="6">
        <v>708.85519999999997</v>
      </c>
      <c r="E24363" s="6">
        <v>4787.7280000000001</v>
      </c>
    </row>
    <row r="24364" spans="4:5" x14ac:dyDescent="0.25">
      <c r="D24364" s="6">
        <v>3728.056</v>
      </c>
      <c r="E24364" s="6">
        <v>646.62459999999999</v>
      </c>
    </row>
    <row r="24365" spans="4:5" x14ac:dyDescent="0.25">
      <c r="D24365" s="6">
        <v>638.524</v>
      </c>
      <c r="E24365" s="6">
        <v>640.85659999999996</v>
      </c>
    </row>
    <row r="24366" spans="4:5" x14ac:dyDescent="0.25">
      <c r="D24366" s="6">
        <v>603.9271</v>
      </c>
      <c r="E24366" s="6">
        <v>598.82690000000002</v>
      </c>
    </row>
    <row r="24367" spans="4:5" x14ac:dyDescent="0.25">
      <c r="D24367" s="6">
        <v>823.77470000000005</v>
      </c>
      <c r="E24367" s="6">
        <v>634.3125</v>
      </c>
    </row>
    <row r="24368" spans="4:5" x14ac:dyDescent="0.25">
      <c r="D24368" s="6">
        <v>6059.8609999999999</v>
      </c>
      <c r="E24368" s="6">
        <v>677.59040000000005</v>
      </c>
    </row>
    <row r="24369" spans="4:5" x14ac:dyDescent="0.25">
      <c r="D24369" s="6">
        <v>670.09079999999994</v>
      </c>
      <c r="E24369" s="6">
        <v>636.98620000000005</v>
      </c>
    </row>
    <row r="24370" spans="4:5" x14ac:dyDescent="0.25">
      <c r="D24370" s="6">
        <v>590.95870000000002</v>
      </c>
      <c r="E24370" s="6">
        <v>585.24130000000002</v>
      </c>
    </row>
    <row r="24371" spans="4:5" x14ac:dyDescent="0.25">
      <c r="D24371" s="6">
        <v>879.7989</v>
      </c>
      <c r="E24371" s="6">
        <v>611.23530000000005</v>
      </c>
    </row>
    <row r="24372" spans="4:5" x14ac:dyDescent="0.25">
      <c r="D24372" s="6">
        <v>552</v>
      </c>
      <c r="E24372" s="6">
        <v>787.63639999999998</v>
      </c>
    </row>
    <row r="24373" spans="4:5" x14ac:dyDescent="0.25">
      <c r="D24373" s="6">
        <v>603.68209999999999</v>
      </c>
      <c r="E24373" s="6">
        <v>3101.6990000000001</v>
      </c>
    </row>
    <row r="24374" spans="4:5" x14ac:dyDescent="0.25">
      <c r="D24374" s="6">
        <v>4278.4340000000002</v>
      </c>
      <c r="E24374" s="6">
        <v>721.90700000000004</v>
      </c>
    </row>
    <row r="24375" spans="4:5" x14ac:dyDescent="0.25">
      <c r="D24375" s="6">
        <v>561.13499999999999</v>
      </c>
      <c r="E24375" s="6">
        <v>545.32050000000004</v>
      </c>
    </row>
    <row r="24376" spans="4:5" x14ac:dyDescent="0.25">
      <c r="D24376" s="6">
        <v>591.89689999999996</v>
      </c>
      <c r="E24376" s="6">
        <v>4423.63</v>
      </c>
    </row>
    <row r="24377" spans="4:5" x14ac:dyDescent="0.25">
      <c r="D24377" s="6">
        <v>617.74220000000003</v>
      </c>
      <c r="E24377" s="6">
        <v>644.56020000000001</v>
      </c>
    </row>
    <row r="24378" spans="4:5" x14ac:dyDescent="0.25">
      <c r="D24378" s="6">
        <v>799.80820000000006</v>
      </c>
      <c r="E24378" s="6">
        <v>767.24390000000005</v>
      </c>
    </row>
    <row r="24379" spans="4:5" x14ac:dyDescent="0.25">
      <c r="D24379" s="6">
        <v>628.81230000000005</v>
      </c>
      <c r="E24379" s="6">
        <v>551.99659999999994</v>
      </c>
    </row>
    <row r="24380" spans="4:5" x14ac:dyDescent="0.25">
      <c r="D24380" s="6">
        <v>590.77350000000001</v>
      </c>
      <c r="E24380" s="6">
        <v>7280.9409999999998</v>
      </c>
    </row>
    <row r="24381" spans="4:5" x14ac:dyDescent="0.25">
      <c r="D24381" s="6">
        <v>536.43920000000003</v>
      </c>
      <c r="E24381" s="6">
        <v>6251.2380000000003</v>
      </c>
    </row>
    <row r="24382" spans="4:5" x14ac:dyDescent="0.25">
      <c r="D24382" s="6">
        <v>1156.6669999999999</v>
      </c>
      <c r="E24382" s="6">
        <v>681.89189999999996</v>
      </c>
    </row>
    <row r="24383" spans="4:5" x14ac:dyDescent="0.25">
      <c r="D24383" s="6">
        <v>596.60069999999996</v>
      </c>
      <c r="E24383" s="6">
        <v>709.59010000000001</v>
      </c>
    </row>
    <row r="24384" spans="4:5" x14ac:dyDescent="0.25">
      <c r="D24384" s="6">
        <v>557.1232</v>
      </c>
      <c r="E24384" s="6">
        <v>648.65920000000006</v>
      </c>
    </row>
    <row r="24385" spans="4:5" x14ac:dyDescent="0.25">
      <c r="D24385" s="6">
        <v>7486.6120000000001</v>
      </c>
      <c r="E24385" s="6">
        <v>769.50729999999999</v>
      </c>
    </row>
    <row r="24386" spans="4:5" x14ac:dyDescent="0.25">
      <c r="D24386" s="6">
        <v>1022.583</v>
      </c>
      <c r="E24386" s="6">
        <v>3884.7420000000002</v>
      </c>
    </row>
    <row r="24387" spans="4:5" x14ac:dyDescent="0.25">
      <c r="D24387" s="6">
        <v>606.8193</v>
      </c>
      <c r="E24387" s="6">
        <v>757.88199999999995</v>
      </c>
    </row>
    <row r="24388" spans="4:5" x14ac:dyDescent="0.25">
      <c r="D24388" s="6">
        <v>1016.3680000000001</v>
      </c>
      <c r="E24388" s="6">
        <v>774.30690000000004</v>
      </c>
    </row>
    <row r="24389" spans="4:5" x14ac:dyDescent="0.25">
      <c r="D24389" s="6">
        <v>800.58669999999995</v>
      </c>
      <c r="E24389" s="6">
        <v>571.16690000000006</v>
      </c>
    </row>
    <row r="24390" spans="4:5" x14ac:dyDescent="0.25">
      <c r="D24390" s="6">
        <v>630.53219999999999</v>
      </c>
      <c r="E24390" s="6">
        <v>889.90679999999998</v>
      </c>
    </row>
    <row r="24391" spans="4:5" x14ac:dyDescent="0.25">
      <c r="D24391" s="6">
        <v>633.08259999999996</v>
      </c>
      <c r="E24391" s="6">
        <v>1865.566</v>
      </c>
    </row>
    <row r="24392" spans="4:5" x14ac:dyDescent="0.25">
      <c r="D24392" s="6">
        <v>644.27170000000001</v>
      </c>
      <c r="E24392" s="6">
        <v>809.33299999999997</v>
      </c>
    </row>
    <row r="24393" spans="4:5" x14ac:dyDescent="0.25">
      <c r="D24393" s="6">
        <v>1373.0830000000001</v>
      </c>
      <c r="E24393" s="6">
        <v>609.08249999999998</v>
      </c>
    </row>
    <row r="24394" spans="4:5" x14ac:dyDescent="0.25">
      <c r="D24394" s="6">
        <v>657.73329999999999</v>
      </c>
      <c r="E24394" s="6">
        <v>595.47450000000003</v>
      </c>
    </row>
    <row r="24395" spans="4:5" x14ac:dyDescent="0.25">
      <c r="D24395" s="6">
        <v>4939.3109999999997</v>
      </c>
      <c r="E24395" s="6">
        <v>6650.5119999999997</v>
      </c>
    </row>
    <row r="24396" spans="4:5" x14ac:dyDescent="0.25">
      <c r="D24396" s="6">
        <v>765.50909999999999</v>
      </c>
      <c r="E24396" s="6">
        <v>511.43740000000003</v>
      </c>
    </row>
    <row r="24397" spans="4:5" x14ac:dyDescent="0.25">
      <c r="D24397" s="6">
        <v>492.36739999999998</v>
      </c>
      <c r="E24397" s="6">
        <v>777.83889999999997</v>
      </c>
    </row>
    <row r="24398" spans="4:5" x14ac:dyDescent="0.25">
      <c r="D24398" s="6">
        <v>2017.4110000000001</v>
      </c>
      <c r="E24398" s="6">
        <v>3585.6729999999998</v>
      </c>
    </row>
    <row r="24399" spans="4:5" x14ac:dyDescent="0.25">
      <c r="D24399" s="6">
        <v>578.86419999999998</v>
      </c>
      <c r="E24399" s="6">
        <v>561.98710000000005</v>
      </c>
    </row>
    <row r="24400" spans="4:5" x14ac:dyDescent="0.25">
      <c r="D24400" s="6">
        <v>663.63220000000001</v>
      </c>
      <c r="E24400" s="6">
        <v>1259.8869999999999</v>
      </c>
    </row>
    <row r="24401" spans="4:5" x14ac:dyDescent="0.25">
      <c r="D24401" s="6">
        <v>624.0231</v>
      </c>
      <c r="E24401" s="6">
        <v>2310.7910000000002</v>
      </c>
    </row>
    <row r="24402" spans="4:5" x14ac:dyDescent="0.25">
      <c r="D24402" s="6">
        <v>515.60360000000003</v>
      </c>
      <c r="E24402" s="6">
        <v>6704.9530000000004</v>
      </c>
    </row>
    <row r="24403" spans="4:5" x14ac:dyDescent="0.25">
      <c r="D24403" s="6">
        <v>620.87469999999996</v>
      </c>
      <c r="E24403" s="6">
        <v>583.4932</v>
      </c>
    </row>
    <row r="24404" spans="4:5" x14ac:dyDescent="0.25">
      <c r="D24404" s="6">
        <v>539.00040000000001</v>
      </c>
      <c r="E24404" s="6">
        <v>743.78219999999999</v>
      </c>
    </row>
    <row r="24405" spans="4:5" x14ac:dyDescent="0.25">
      <c r="D24405" s="6">
        <v>1268.8920000000001</v>
      </c>
      <c r="E24405" s="6">
        <v>1459.876</v>
      </c>
    </row>
    <row r="24406" spans="4:5" x14ac:dyDescent="0.25">
      <c r="D24406" s="6">
        <v>569.73739999999998</v>
      </c>
      <c r="E24406" s="6">
        <v>559.11860000000001</v>
      </c>
    </row>
    <row r="24407" spans="4:5" x14ac:dyDescent="0.25">
      <c r="D24407" s="6">
        <v>981.22490000000005</v>
      </c>
      <c r="E24407" s="6">
        <v>1875.8320000000001</v>
      </c>
    </row>
    <row r="24408" spans="4:5" x14ac:dyDescent="0.25">
      <c r="D24408" s="6">
        <v>570.21579999999994</v>
      </c>
      <c r="E24408" s="6">
        <v>1105.556</v>
      </c>
    </row>
    <row r="24409" spans="4:5" x14ac:dyDescent="0.25">
      <c r="D24409" s="6">
        <v>834.4298</v>
      </c>
      <c r="E24409" s="6">
        <v>655.94910000000004</v>
      </c>
    </row>
    <row r="24410" spans="4:5" x14ac:dyDescent="0.25">
      <c r="D24410" s="6">
        <v>558.72460000000001</v>
      </c>
      <c r="E24410" s="6">
        <v>1359.913</v>
      </c>
    </row>
    <row r="24411" spans="4:5" x14ac:dyDescent="0.25">
      <c r="D24411" s="6">
        <v>5445.5720000000001</v>
      </c>
      <c r="E24411" s="6">
        <v>765.13430000000005</v>
      </c>
    </row>
    <row r="24412" spans="4:5" x14ac:dyDescent="0.25">
      <c r="D24412" s="6">
        <v>614.43060000000003</v>
      </c>
      <c r="E24412" s="6">
        <v>617.10810000000004</v>
      </c>
    </row>
    <row r="24413" spans="4:5" x14ac:dyDescent="0.25">
      <c r="D24413" s="6">
        <v>1338.941</v>
      </c>
      <c r="E24413" s="6">
        <v>1004.241</v>
      </c>
    </row>
    <row r="24414" spans="4:5" x14ac:dyDescent="0.25">
      <c r="D24414" s="6">
        <v>3680.8409999999999</v>
      </c>
      <c r="E24414" s="6">
        <v>638.8365</v>
      </c>
    </row>
    <row r="24415" spans="4:5" x14ac:dyDescent="0.25">
      <c r="D24415" s="6">
        <v>529.81219999999996</v>
      </c>
      <c r="E24415" s="6">
        <v>662.97349999999994</v>
      </c>
    </row>
    <row r="24416" spans="4:5" x14ac:dyDescent="0.25">
      <c r="D24416" s="6">
        <v>2163.2199999999998</v>
      </c>
      <c r="E24416" s="6">
        <v>706.43769999999995</v>
      </c>
    </row>
    <row r="24417" spans="4:5" x14ac:dyDescent="0.25">
      <c r="D24417" s="6">
        <v>525.94889999999998</v>
      </c>
      <c r="E24417" s="6">
        <v>2523.0239999999999</v>
      </c>
    </row>
    <row r="24418" spans="4:5" x14ac:dyDescent="0.25">
      <c r="D24418" s="6">
        <v>1414.502</v>
      </c>
      <c r="E24418" s="6">
        <v>694.57429999999999</v>
      </c>
    </row>
    <row r="24419" spans="4:5" x14ac:dyDescent="0.25">
      <c r="D24419" s="6">
        <v>675.94029999999998</v>
      </c>
      <c r="E24419" s="6">
        <v>693.59379999999999</v>
      </c>
    </row>
    <row r="24420" spans="4:5" x14ac:dyDescent="0.25">
      <c r="D24420" s="6">
        <v>676.93169999999998</v>
      </c>
      <c r="E24420" s="6">
        <v>5262.2370000000001</v>
      </c>
    </row>
    <row r="24421" spans="4:5" x14ac:dyDescent="0.25">
      <c r="D24421" s="6">
        <v>1060.6389999999999</v>
      </c>
      <c r="E24421" s="6">
        <v>2763</v>
      </c>
    </row>
    <row r="24422" spans="4:5" x14ac:dyDescent="0.25">
      <c r="D24422" s="6">
        <v>601.077</v>
      </c>
      <c r="E24422" s="6">
        <v>4890.3249999999998</v>
      </c>
    </row>
    <row r="24423" spans="4:5" x14ac:dyDescent="0.25">
      <c r="D24423" s="6">
        <v>624.33180000000004</v>
      </c>
      <c r="E24423" s="6">
        <v>527.73530000000005</v>
      </c>
    </row>
    <row r="24424" spans="4:5" x14ac:dyDescent="0.25">
      <c r="D24424" s="6">
        <v>563.70519999999999</v>
      </c>
      <c r="E24424" s="6">
        <v>767.62840000000006</v>
      </c>
    </row>
    <row r="24425" spans="4:5" x14ac:dyDescent="0.25">
      <c r="D24425" s="6">
        <v>587.60850000000005</v>
      </c>
      <c r="E24425" s="6">
        <v>624.06550000000004</v>
      </c>
    </row>
    <row r="24426" spans="4:5" x14ac:dyDescent="0.25">
      <c r="D24426" s="6">
        <v>635.76890000000003</v>
      </c>
      <c r="E24426" s="6">
        <v>598.48490000000004</v>
      </c>
    </row>
    <row r="24427" spans="4:5" x14ac:dyDescent="0.25">
      <c r="D24427" s="6">
        <v>618.08630000000005</v>
      </c>
      <c r="E24427" s="6">
        <v>641.32299999999998</v>
      </c>
    </row>
    <row r="24428" spans="4:5" x14ac:dyDescent="0.25">
      <c r="D24428" s="6">
        <v>954.97519999999997</v>
      </c>
      <c r="E24428" s="6">
        <v>674.80790000000002</v>
      </c>
    </row>
    <row r="24429" spans="4:5" x14ac:dyDescent="0.25">
      <c r="D24429" s="6">
        <v>847.53989999999999</v>
      </c>
      <c r="E24429" s="6">
        <v>1098.038</v>
      </c>
    </row>
    <row r="24430" spans="4:5" x14ac:dyDescent="0.25">
      <c r="D24430" s="6">
        <v>587.06719999999996</v>
      </c>
      <c r="E24430" s="6">
        <v>745.32950000000005</v>
      </c>
    </row>
    <row r="24431" spans="4:5" x14ac:dyDescent="0.25">
      <c r="D24431" s="6">
        <v>617.87789999999995</v>
      </c>
      <c r="E24431" s="6">
        <v>1146</v>
      </c>
    </row>
    <row r="24432" spans="4:5" x14ac:dyDescent="0.25">
      <c r="D24432" s="6">
        <v>655.94119999999998</v>
      </c>
      <c r="E24432" s="6">
        <v>711.33920000000001</v>
      </c>
    </row>
    <row r="24433" spans="4:5" x14ac:dyDescent="0.25">
      <c r="D24433" s="6">
        <v>676.28980000000001</v>
      </c>
      <c r="E24433" s="6">
        <v>1301.4849999999999</v>
      </c>
    </row>
    <row r="24434" spans="4:5" x14ac:dyDescent="0.25">
      <c r="D24434" s="6">
        <v>467.84739999999999</v>
      </c>
      <c r="E24434" s="6">
        <v>5250.3649999999998</v>
      </c>
    </row>
    <row r="24435" spans="4:5" x14ac:dyDescent="0.25">
      <c r="D24435" s="6">
        <v>658.08939999999996</v>
      </c>
      <c r="E24435" s="6">
        <v>5095.6099999999997</v>
      </c>
    </row>
    <row r="24436" spans="4:5" x14ac:dyDescent="0.25">
      <c r="D24436" s="6">
        <v>2109.0839999999998</v>
      </c>
      <c r="E24436" s="6">
        <v>885.45479999999998</v>
      </c>
    </row>
    <row r="24437" spans="4:5" x14ac:dyDescent="0.25">
      <c r="D24437" s="6">
        <v>570.72979999999995</v>
      </c>
      <c r="E24437" s="6">
        <v>845.15160000000003</v>
      </c>
    </row>
    <row r="24438" spans="4:5" x14ac:dyDescent="0.25">
      <c r="D24438" s="6">
        <v>1112</v>
      </c>
      <c r="E24438" s="6">
        <v>1541.579</v>
      </c>
    </row>
    <row r="24439" spans="4:5" x14ac:dyDescent="0.25">
      <c r="D24439" s="6">
        <v>540.81550000000004</v>
      </c>
      <c r="E24439" s="6">
        <v>693.31560000000002</v>
      </c>
    </row>
    <row r="24440" spans="4:5" x14ac:dyDescent="0.25">
      <c r="D24440" s="6">
        <v>2206.9369999999999</v>
      </c>
      <c r="E24440" s="6">
        <v>1338.268</v>
      </c>
    </row>
    <row r="24441" spans="4:5" x14ac:dyDescent="0.25">
      <c r="D24441" s="6">
        <v>610.33429999999998</v>
      </c>
      <c r="E24441" s="6">
        <v>2110.8519999999999</v>
      </c>
    </row>
    <row r="24442" spans="4:5" x14ac:dyDescent="0.25">
      <c r="D24442" s="6">
        <v>1194.212</v>
      </c>
      <c r="E24442" s="6">
        <v>633.25450000000001</v>
      </c>
    </row>
    <row r="24443" spans="4:5" x14ac:dyDescent="0.25">
      <c r="D24443" s="6">
        <v>586.5009</v>
      </c>
      <c r="E24443" s="6">
        <v>1893.114</v>
      </c>
    </row>
    <row r="24444" spans="4:5" x14ac:dyDescent="0.25">
      <c r="D24444" s="6">
        <v>734.88070000000005</v>
      </c>
      <c r="E24444" s="6">
        <v>978.17430000000002</v>
      </c>
    </row>
    <row r="24445" spans="4:5" x14ac:dyDescent="0.25">
      <c r="D24445" s="6">
        <v>5575.1970000000001</v>
      </c>
      <c r="E24445" s="6">
        <v>759.92639999999994</v>
      </c>
    </row>
    <row r="24446" spans="4:5" x14ac:dyDescent="0.25">
      <c r="D24446" s="6">
        <v>612.26179999999999</v>
      </c>
      <c r="E24446" s="6">
        <v>4324.9350000000004</v>
      </c>
    </row>
    <row r="24447" spans="4:5" x14ac:dyDescent="0.25">
      <c r="D24447" s="6">
        <v>666.66809999999998</v>
      </c>
      <c r="E24447" s="6">
        <v>538</v>
      </c>
    </row>
    <row r="24448" spans="4:5" x14ac:dyDescent="0.25">
      <c r="D24448" s="6">
        <v>599.27279999999996</v>
      </c>
      <c r="E24448" s="6">
        <v>1236</v>
      </c>
    </row>
    <row r="24449" spans="4:5" x14ac:dyDescent="0.25">
      <c r="D24449" s="6">
        <v>586.81439999999998</v>
      </c>
      <c r="E24449" s="6">
        <v>1126.8389999999999</v>
      </c>
    </row>
    <row r="24450" spans="4:5" x14ac:dyDescent="0.25">
      <c r="D24450" s="6">
        <v>588.82839999999999</v>
      </c>
      <c r="E24450" s="6">
        <v>2270.2449999999999</v>
      </c>
    </row>
    <row r="24451" spans="4:5" x14ac:dyDescent="0.25">
      <c r="D24451" s="6">
        <v>601.13699999999994</v>
      </c>
      <c r="E24451" s="6">
        <v>686.15710000000001</v>
      </c>
    </row>
    <row r="24452" spans="4:5" x14ac:dyDescent="0.25">
      <c r="D24452" s="6">
        <v>711.44100000000003</v>
      </c>
      <c r="E24452" s="6">
        <v>613.44169999999997</v>
      </c>
    </row>
    <row r="24453" spans="4:5" x14ac:dyDescent="0.25">
      <c r="D24453" s="6">
        <v>545.21050000000002</v>
      </c>
      <c r="E24453" s="6">
        <v>732.12559999999996</v>
      </c>
    </row>
    <row r="24454" spans="4:5" x14ac:dyDescent="0.25">
      <c r="D24454" s="6">
        <v>782.06590000000006</v>
      </c>
      <c r="E24454" s="6">
        <v>695.9</v>
      </c>
    </row>
    <row r="24455" spans="4:5" x14ac:dyDescent="0.25">
      <c r="D24455" s="6">
        <v>1153.7470000000001</v>
      </c>
      <c r="E24455" s="6">
        <v>1441.96</v>
      </c>
    </row>
    <row r="24456" spans="4:5" x14ac:dyDescent="0.25">
      <c r="D24456" s="6">
        <v>577.51329999999996</v>
      </c>
      <c r="E24456" s="6">
        <v>564.3211</v>
      </c>
    </row>
    <row r="24457" spans="4:5" x14ac:dyDescent="0.25">
      <c r="D24457" s="6">
        <v>703.97820000000002</v>
      </c>
      <c r="E24457" s="6">
        <v>608.66669999999999</v>
      </c>
    </row>
    <row r="24458" spans="4:5" x14ac:dyDescent="0.25">
      <c r="D24458" s="6">
        <v>5521.6229999999996</v>
      </c>
      <c r="E24458" s="6">
        <v>1075.6369999999999</v>
      </c>
    </row>
    <row r="24459" spans="4:5" x14ac:dyDescent="0.25">
      <c r="D24459" s="6">
        <v>4384.7460000000001</v>
      </c>
      <c r="E24459" s="6">
        <v>631.31150000000002</v>
      </c>
    </row>
    <row r="24460" spans="4:5" x14ac:dyDescent="0.25">
      <c r="D24460" s="6">
        <v>639.83309999999994</v>
      </c>
      <c r="E24460" s="6">
        <v>702.47109999999998</v>
      </c>
    </row>
    <row r="24461" spans="4:5" x14ac:dyDescent="0.25">
      <c r="D24461" s="6">
        <v>724.75620000000004</v>
      </c>
      <c r="E24461" s="6">
        <v>4272.9570000000003</v>
      </c>
    </row>
    <row r="24462" spans="4:5" x14ac:dyDescent="0.25">
      <c r="D24462" s="6">
        <v>775.63639999999998</v>
      </c>
      <c r="E24462" s="6">
        <v>973.60479999999995</v>
      </c>
    </row>
    <row r="24463" spans="4:5" x14ac:dyDescent="0.25">
      <c r="D24463" s="6">
        <v>1168.9100000000001</v>
      </c>
      <c r="E24463" s="6">
        <v>581.18060000000003</v>
      </c>
    </row>
    <row r="24464" spans="4:5" x14ac:dyDescent="0.25">
      <c r="D24464" s="6">
        <v>806.66859999999997</v>
      </c>
      <c r="E24464" s="6">
        <v>686.92859999999996</v>
      </c>
    </row>
    <row r="24465" spans="4:5" x14ac:dyDescent="0.25">
      <c r="D24465" s="6">
        <v>568.21259999999995</v>
      </c>
      <c r="E24465" s="6">
        <v>1593.0229999999999</v>
      </c>
    </row>
    <row r="24466" spans="4:5" x14ac:dyDescent="0.25">
      <c r="D24466" s="6">
        <v>464.34500000000003</v>
      </c>
      <c r="E24466" s="6">
        <v>1083.204</v>
      </c>
    </row>
    <row r="24467" spans="4:5" x14ac:dyDescent="0.25">
      <c r="D24467" s="6">
        <v>6284.6080000000002</v>
      </c>
      <c r="E24467" s="6">
        <v>988.88630000000001</v>
      </c>
    </row>
    <row r="24468" spans="4:5" x14ac:dyDescent="0.25">
      <c r="D24468" s="6">
        <v>673.8442</v>
      </c>
      <c r="E24468" s="6">
        <v>752.6703</v>
      </c>
    </row>
    <row r="24469" spans="4:5" x14ac:dyDescent="0.25">
      <c r="D24469" s="6">
        <v>895.85310000000004</v>
      </c>
      <c r="E24469" s="6">
        <v>7935.6409999999996</v>
      </c>
    </row>
    <row r="24470" spans="4:5" x14ac:dyDescent="0.25">
      <c r="D24470" s="6">
        <v>585.09820000000002</v>
      </c>
      <c r="E24470" s="6">
        <v>631.99929999999995</v>
      </c>
    </row>
    <row r="24471" spans="4:5" x14ac:dyDescent="0.25">
      <c r="D24471" s="6">
        <v>794.58699999999999</v>
      </c>
      <c r="E24471" s="6">
        <v>822.78920000000005</v>
      </c>
    </row>
    <row r="24472" spans="4:5" x14ac:dyDescent="0.25">
      <c r="D24472" s="6">
        <v>4411.3310000000001</v>
      </c>
      <c r="E24472" s="6">
        <v>943.14340000000004</v>
      </c>
    </row>
    <row r="24473" spans="4:5" x14ac:dyDescent="0.25">
      <c r="D24473" s="6">
        <v>580.03279999999995</v>
      </c>
      <c r="E24473" s="6">
        <v>3916.0639999999999</v>
      </c>
    </row>
    <row r="24474" spans="4:5" x14ac:dyDescent="0.25">
      <c r="D24474" s="6">
        <v>689.32669999999996</v>
      </c>
      <c r="E24474" s="6">
        <v>692.49670000000003</v>
      </c>
    </row>
    <row r="24475" spans="4:5" x14ac:dyDescent="0.25">
      <c r="D24475" s="6">
        <v>600.39260000000002</v>
      </c>
      <c r="E24475" s="6">
        <v>1304.694</v>
      </c>
    </row>
    <row r="24476" spans="4:5" x14ac:dyDescent="0.25">
      <c r="D24476" s="6">
        <v>694.67589999999996</v>
      </c>
      <c r="E24476" s="6">
        <v>521.72450000000003</v>
      </c>
    </row>
    <row r="24477" spans="4:5" x14ac:dyDescent="0.25">
      <c r="D24477" s="6">
        <v>661.82709999999997</v>
      </c>
      <c r="E24477" s="6">
        <v>753.69050000000004</v>
      </c>
    </row>
    <row r="24478" spans="4:5" x14ac:dyDescent="0.25">
      <c r="D24478" s="6">
        <v>578.95870000000002</v>
      </c>
      <c r="E24478" s="6">
        <v>1209.566</v>
      </c>
    </row>
    <row r="24479" spans="4:5" x14ac:dyDescent="0.25">
      <c r="D24479" s="6">
        <v>5458.4380000000001</v>
      </c>
      <c r="E24479" s="6">
        <v>3753.6109999999999</v>
      </c>
    </row>
    <row r="24480" spans="4:5" x14ac:dyDescent="0.25">
      <c r="D24480" s="6">
        <v>580.32899999999995</v>
      </c>
      <c r="E24480" s="6">
        <v>5256.3339999999998</v>
      </c>
    </row>
    <row r="24481" spans="4:5" x14ac:dyDescent="0.25">
      <c r="D24481" s="6">
        <v>607.36249999999995</v>
      </c>
      <c r="E24481" s="6">
        <v>647.44759999999997</v>
      </c>
    </row>
    <row r="24482" spans="4:5" x14ac:dyDescent="0.25">
      <c r="D24482" s="6">
        <v>5537.0209999999997</v>
      </c>
      <c r="E24482" s="6">
        <v>996.8723</v>
      </c>
    </row>
    <row r="24483" spans="4:5" x14ac:dyDescent="0.25">
      <c r="D24483" s="6">
        <v>636.71249999999998</v>
      </c>
      <c r="E24483" s="6">
        <v>538.40110000000004</v>
      </c>
    </row>
    <row r="24484" spans="4:5" x14ac:dyDescent="0.25">
      <c r="D24484" s="6">
        <v>2420.7049999999999</v>
      </c>
      <c r="E24484" s="6">
        <v>4620.8440000000001</v>
      </c>
    </row>
    <row r="24485" spans="4:5" x14ac:dyDescent="0.25">
      <c r="D24485" s="6">
        <v>742.48389999999995</v>
      </c>
      <c r="E24485" s="6">
        <v>855.14099999999996</v>
      </c>
    </row>
    <row r="24486" spans="4:5" x14ac:dyDescent="0.25">
      <c r="D24486" s="6">
        <v>595.13040000000001</v>
      </c>
      <c r="E24486" s="6">
        <v>591.33330000000001</v>
      </c>
    </row>
    <row r="24487" spans="4:5" x14ac:dyDescent="0.25">
      <c r="D24487" s="6">
        <v>623.00739999999996</v>
      </c>
      <c r="E24487" s="6">
        <v>5713.1819999999998</v>
      </c>
    </row>
    <row r="24488" spans="4:5" x14ac:dyDescent="0.25">
      <c r="D24488" s="6">
        <v>6457.8810000000003</v>
      </c>
      <c r="E24488" s="6">
        <v>2826.3020000000001</v>
      </c>
    </row>
    <row r="24489" spans="4:5" x14ac:dyDescent="0.25">
      <c r="D24489" s="6">
        <v>667.63160000000005</v>
      </c>
      <c r="E24489" s="6">
        <v>808.00840000000005</v>
      </c>
    </row>
    <row r="24490" spans="4:5" x14ac:dyDescent="0.25">
      <c r="D24490" s="6">
        <v>767.0172</v>
      </c>
      <c r="E24490" s="6">
        <v>772.79470000000003</v>
      </c>
    </row>
    <row r="24491" spans="4:5" x14ac:dyDescent="0.25">
      <c r="D24491" s="6">
        <v>680.96720000000005</v>
      </c>
      <c r="E24491" s="6">
        <v>411.38920000000002</v>
      </c>
    </row>
    <row r="24492" spans="4:5" x14ac:dyDescent="0.25">
      <c r="D24492" s="6">
        <v>672.58410000000003</v>
      </c>
      <c r="E24492" s="6">
        <v>608.45569999999998</v>
      </c>
    </row>
    <row r="24493" spans="4:5" x14ac:dyDescent="0.25">
      <c r="D24493" s="6">
        <v>2143.6350000000002</v>
      </c>
      <c r="E24493" s="6">
        <v>4586.6850000000004</v>
      </c>
    </row>
    <row r="24494" spans="4:5" x14ac:dyDescent="0.25">
      <c r="D24494" s="6">
        <v>591.4076</v>
      </c>
      <c r="E24494" s="6">
        <v>741.54290000000003</v>
      </c>
    </row>
    <row r="24495" spans="4:5" x14ac:dyDescent="0.25">
      <c r="D24495" s="6">
        <v>761.01310000000001</v>
      </c>
      <c r="E24495" s="6">
        <v>627.62189999999998</v>
      </c>
    </row>
    <row r="24496" spans="4:5" x14ac:dyDescent="0.25">
      <c r="D24496" s="6">
        <v>6240.79</v>
      </c>
      <c r="E24496" s="6">
        <v>2856.9209999999998</v>
      </c>
    </row>
    <row r="24497" spans="4:5" x14ac:dyDescent="0.25">
      <c r="D24497" s="6">
        <v>654.8818</v>
      </c>
      <c r="E24497" s="6">
        <v>675.51559999999995</v>
      </c>
    </row>
    <row r="24498" spans="4:5" x14ac:dyDescent="0.25">
      <c r="D24498" s="6">
        <v>471.22370000000001</v>
      </c>
      <c r="E24498" s="6">
        <v>914.01250000000005</v>
      </c>
    </row>
    <row r="24499" spans="4:5" x14ac:dyDescent="0.25">
      <c r="D24499" s="6">
        <v>495.86259999999999</v>
      </c>
      <c r="E24499" s="6">
        <v>643.54399999999998</v>
      </c>
    </row>
    <row r="24500" spans="4:5" x14ac:dyDescent="0.25">
      <c r="D24500" s="6">
        <v>629.38509999999997</v>
      </c>
      <c r="E24500" s="6">
        <v>4294.009</v>
      </c>
    </row>
    <row r="24501" spans="4:5" x14ac:dyDescent="0.25">
      <c r="D24501" s="6">
        <v>457.26830000000001</v>
      </c>
      <c r="E24501" s="6">
        <v>722.13440000000003</v>
      </c>
    </row>
    <row r="24502" spans="4:5" x14ac:dyDescent="0.25">
      <c r="D24502" s="6">
        <v>599.1413</v>
      </c>
      <c r="E24502" s="6">
        <v>686.80669999999998</v>
      </c>
    </row>
    <row r="24503" spans="4:5" x14ac:dyDescent="0.25">
      <c r="D24503" s="6">
        <v>640.9941</v>
      </c>
      <c r="E24503" s="6">
        <v>490.87759999999997</v>
      </c>
    </row>
    <row r="24504" spans="4:5" x14ac:dyDescent="0.25">
      <c r="D24504" s="6">
        <v>2137.17</v>
      </c>
      <c r="E24504" s="6">
        <v>1057.7180000000001</v>
      </c>
    </row>
    <row r="24505" spans="4:5" x14ac:dyDescent="0.25">
      <c r="D24505" s="6">
        <v>656.28089999999997</v>
      </c>
      <c r="E24505" s="6">
        <v>4982.58</v>
      </c>
    </row>
    <row r="24506" spans="4:5" x14ac:dyDescent="0.25">
      <c r="D24506" s="6">
        <v>645.3501</v>
      </c>
      <c r="E24506" s="6">
        <v>622.79409999999996</v>
      </c>
    </row>
    <row r="24507" spans="4:5" x14ac:dyDescent="0.25">
      <c r="D24507" s="6">
        <v>813.81479999999999</v>
      </c>
      <c r="E24507" s="6">
        <v>1181.1859999999999</v>
      </c>
    </row>
    <row r="24508" spans="4:5" x14ac:dyDescent="0.25">
      <c r="D24508" s="6">
        <v>755.35590000000002</v>
      </c>
      <c r="E24508" s="6">
        <v>1059.1089999999999</v>
      </c>
    </row>
    <row r="24509" spans="4:5" x14ac:dyDescent="0.25">
      <c r="D24509" s="6">
        <v>738.48099999999999</v>
      </c>
      <c r="E24509" s="6">
        <v>1687.798</v>
      </c>
    </row>
    <row r="24510" spans="4:5" x14ac:dyDescent="0.25">
      <c r="D24510" s="6">
        <v>553.53520000000003</v>
      </c>
      <c r="E24510" s="6">
        <v>819.54459999999995</v>
      </c>
    </row>
    <row r="24511" spans="4:5" x14ac:dyDescent="0.25">
      <c r="D24511" s="6">
        <v>487.62970000000001</v>
      </c>
      <c r="E24511" s="6">
        <v>539.95180000000005</v>
      </c>
    </row>
    <row r="24512" spans="4:5" x14ac:dyDescent="0.25">
      <c r="D24512" s="6">
        <v>810.20270000000005</v>
      </c>
      <c r="E24512" s="6">
        <v>637.68359999999996</v>
      </c>
    </row>
    <row r="24513" spans="4:5" x14ac:dyDescent="0.25">
      <c r="D24513" s="6">
        <v>726.20910000000003</v>
      </c>
      <c r="E24513" s="6">
        <v>5212.21</v>
      </c>
    </row>
    <row r="24514" spans="4:5" x14ac:dyDescent="0.25">
      <c r="D24514" s="6">
        <v>653.88419999999996</v>
      </c>
      <c r="E24514" s="6">
        <v>730.44939999999997</v>
      </c>
    </row>
    <row r="24515" spans="4:5" x14ac:dyDescent="0.25">
      <c r="D24515" s="6">
        <v>646.62459999999999</v>
      </c>
      <c r="E24515" s="6">
        <v>545.36829999999998</v>
      </c>
    </row>
    <row r="24516" spans="4:5" x14ac:dyDescent="0.25">
      <c r="D24516" s="6">
        <v>611.97410000000002</v>
      </c>
      <c r="E24516" s="6">
        <v>615.82579999999996</v>
      </c>
    </row>
    <row r="24517" spans="4:5" x14ac:dyDescent="0.25">
      <c r="D24517" s="6">
        <v>633.74450000000002</v>
      </c>
      <c r="E24517" s="6">
        <v>571.26919999999996</v>
      </c>
    </row>
    <row r="24518" spans="4:5" x14ac:dyDescent="0.25">
      <c r="D24518" s="6">
        <v>570.32270000000005</v>
      </c>
      <c r="E24518" s="6">
        <v>522.14369999999997</v>
      </c>
    </row>
    <row r="24519" spans="4:5" x14ac:dyDescent="0.25">
      <c r="D24519" s="6">
        <v>480.00560000000002</v>
      </c>
      <c r="E24519" s="6">
        <v>698.12270000000001</v>
      </c>
    </row>
    <row r="24520" spans="4:5" x14ac:dyDescent="0.25">
      <c r="D24520" s="6">
        <v>716.05290000000002</v>
      </c>
      <c r="E24520" s="6">
        <v>581.529</v>
      </c>
    </row>
    <row r="24521" spans="4:5" x14ac:dyDescent="0.25">
      <c r="D24521" s="6">
        <v>820.6</v>
      </c>
      <c r="E24521" s="6">
        <v>4517.9809999999998</v>
      </c>
    </row>
    <row r="24522" spans="4:5" x14ac:dyDescent="0.25">
      <c r="D24522" s="6">
        <v>1407.117</v>
      </c>
      <c r="E24522" s="6">
        <v>2533.7660000000001</v>
      </c>
    </row>
    <row r="24523" spans="4:5" x14ac:dyDescent="0.25">
      <c r="D24523" s="6">
        <v>953.16800000000001</v>
      </c>
      <c r="E24523" s="6">
        <v>3026.99</v>
      </c>
    </row>
    <row r="24524" spans="4:5" x14ac:dyDescent="0.25">
      <c r="D24524" s="6">
        <v>526.96320000000003</v>
      </c>
      <c r="E24524" s="6">
        <v>584.46299999999997</v>
      </c>
    </row>
    <row r="24525" spans="4:5" x14ac:dyDescent="0.25">
      <c r="D24525" s="6">
        <v>859.96699999999998</v>
      </c>
      <c r="E24525" s="6">
        <v>4676.3469999999998</v>
      </c>
    </row>
    <row r="24526" spans="4:5" x14ac:dyDescent="0.25">
      <c r="D24526" s="6">
        <v>926.10419999999999</v>
      </c>
      <c r="E24526" s="6">
        <v>5706.0360000000001</v>
      </c>
    </row>
    <row r="24527" spans="4:5" x14ac:dyDescent="0.25">
      <c r="D24527" s="6">
        <v>731.03120000000001</v>
      </c>
      <c r="E24527" s="6">
        <v>1116.2919999999999</v>
      </c>
    </row>
    <row r="24528" spans="4:5" x14ac:dyDescent="0.25">
      <c r="D24528" s="6">
        <v>1337.97</v>
      </c>
      <c r="E24528" s="6">
        <v>588.09860000000003</v>
      </c>
    </row>
    <row r="24529" spans="4:5" x14ac:dyDescent="0.25">
      <c r="D24529" s="6">
        <v>1549.5170000000001</v>
      </c>
      <c r="E24529" s="6">
        <v>660.67190000000005</v>
      </c>
    </row>
    <row r="24530" spans="4:5" x14ac:dyDescent="0.25">
      <c r="D24530" s="6">
        <v>650.05420000000004</v>
      </c>
      <c r="E24530" s="6">
        <v>5550.9390000000003</v>
      </c>
    </row>
    <row r="24531" spans="4:5" x14ac:dyDescent="0.25">
      <c r="D24531" s="6">
        <v>534.95079999999996</v>
      </c>
      <c r="E24531" s="6">
        <v>625.1327</v>
      </c>
    </row>
    <row r="24532" spans="4:5" x14ac:dyDescent="0.25">
      <c r="D24532" s="6">
        <v>644.46140000000003</v>
      </c>
      <c r="E24532" s="6">
        <v>710.95899999999995</v>
      </c>
    </row>
    <row r="24533" spans="4:5" x14ac:dyDescent="0.25">
      <c r="D24533" s="6">
        <v>560.01239999999996</v>
      </c>
      <c r="E24533" s="6">
        <v>656.62869999999998</v>
      </c>
    </row>
    <row r="24534" spans="4:5" x14ac:dyDescent="0.25">
      <c r="D24534" s="6">
        <v>665.12810000000002</v>
      </c>
      <c r="E24534" s="6">
        <v>709.24419999999998</v>
      </c>
    </row>
    <row r="24535" spans="4:5" x14ac:dyDescent="0.25">
      <c r="D24535" s="6">
        <v>539.75729999999999</v>
      </c>
      <c r="E24535" s="6">
        <v>411.6241</v>
      </c>
    </row>
    <row r="24536" spans="4:5" x14ac:dyDescent="0.25">
      <c r="D24536" s="6">
        <v>598.38220000000001</v>
      </c>
      <c r="E24536" s="6">
        <v>5397.4350000000004</v>
      </c>
    </row>
    <row r="24537" spans="4:5" x14ac:dyDescent="0.25">
      <c r="D24537" s="6">
        <v>689.86500000000001</v>
      </c>
      <c r="E24537" s="6">
        <v>582.00930000000005</v>
      </c>
    </row>
    <row r="24538" spans="4:5" x14ac:dyDescent="0.25">
      <c r="D24538" s="6">
        <v>690.71339999999998</v>
      </c>
      <c r="E24538" s="6">
        <v>566.36659999999995</v>
      </c>
    </row>
    <row r="24539" spans="4:5" x14ac:dyDescent="0.25">
      <c r="D24539" s="6">
        <v>657.85950000000003</v>
      </c>
      <c r="E24539" s="6">
        <v>2168.9499999999998</v>
      </c>
    </row>
    <row r="24540" spans="4:5" x14ac:dyDescent="0.25">
      <c r="D24540" s="6">
        <v>5285.3429999999998</v>
      </c>
      <c r="E24540" s="6">
        <v>5205.7380000000003</v>
      </c>
    </row>
    <row r="24541" spans="4:5" x14ac:dyDescent="0.25">
      <c r="D24541" s="6">
        <v>635.52380000000005</v>
      </c>
      <c r="E24541" s="6">
        <v>584.63300000000004</v>
      </c>
    </row>
    <row r="24542" spans="4:5" x14ac:dyDescent="0.25">
      <c r="D24542" s="6">
        <v>3136.48</v>
      </c>
      <c r="E24542" s="6">
        <v>566.11760000000004</v>
      </c>
    </row>
    <row r="24543" spans="4:5" x14ac:dyDescent="0.25">
      <c r="D24543" s="6">
        <v>2408.6669999999999</v>
      </c>
      <c r="E24543" s="6">
        <v>696.84609999999998</v>
      </c>
    </row>
    <row r="24544" spans="4:5" x14ac:dyDescent="0.25">
      <c r="D24544" s="6">
        <v>767.75850000000003</v>
      </c>
      <c r="E24544" s="6">
        <v>833.38599999999997</v>
      </c>
    </row>
    <row r="24545" spans="4:5" x14ac:dyDescent="0.25">
      <c r="D24545" s="6">
        <v>566.24260000000004</v>
      </c>
      <c r="E24545" s="6">
        <v>439.66359999999997</v>
      </c>
    </row>
    <row r="24546" spans="4:5" x14ac:dyDescent="0.25">
      <c r="D24546" s="6">
        <v>777.86829999999998</v>
      </c>
      <c r="E24546" s="6">
        <v>753.66650000000004</v>
      </c>
    </row>
    <row r="24547" spans="4:5" x14ac:dyDescent="0.25">
      <c r="D24547" s="6">
        <v>511.81709999999998</v>
      </c>
      <c r="E24547" s="6">
        <v>654.21370000000002</v>
      </c>
    </row>
    <row r="24548" spans="4:5" x14ac:dyDescent="0.25">
      <c r="D24548" s="6">
        <v>414.70769999999999</v>
      </c>
      <c r="E24548" s="6">
        <v>670.29330000000004</v>
      </c>
    </row>
    <row r="24549" spans="4:5" x14ac:dyDescent="0.25">
      <c r="D24549" s="6">
        <v>700.89490000000001</v>
      </c>
      <c r="E24549" s="6">
        <v>6365.71</v>
      </c>
    </row>
    <row r="24550" spans="4:5" x14ac:dyDescent="0.25">
      <c r="D24550" s="6">
        <v>721.17139999999995</v>
      </c>
      <c r="E24550" s="6">
        <v>1013.222</v>
      </c>
    </row>
    <row r="24551" spans="4:5" x14ac:dyDescent="0.25">
      <c r="D24551" s="6">
        <v>679.11779999999999</v>
      </c>
      <c r="E24551" s="6">
        <v>619.35900000000004</v>
      </c>
    </row>
    <row r="24552" spans="4:5" x14ac:dyDescent="0.25">
      <c r="D24552" s="6">
        <v>580.59609999999998</v>
      </c>
      <c r="E24552" s="6">
        <v>537.60990000000004</v>
      </c>
    </row>
    <row r="24553" spans="4:5" x14ac:dyDescent="0.25">
      <c r="D24553" s="6">
        <v>546.27449999999999</v>
      </c>
      <c r="E24553" s="6">
        <v>581.64300000000003</v>
      </c>
    </row>
    <row r="24554" spans="4:5" x14ac:dyDescent="0.25">
      <c r="D24554" s="6">
        <v>623.0652</v>
      </c>
      <c r="E24554" s="6">
        <v>662.6952</v>
      </c>
    </row>
    <row r="24555" spans="4:5" x14ac:dyDescent="0.25">
      <c r="D24555" s="6">
        <v>1729.3330000000001</v>
      </c>
      <c r="E24555" s="6">
        <v>978.78049999999996</v>
      </c>
    </row>
    <row r="24556" spans="4:5" x14ac:dyDescent="0.25">
      <c r="D24556" s="6">
        <v>5979.67</v>
      </c>
      <c r="E24556" s="6">
        <v>1671.6020000000001</v>
      </c>
    </row>
    <row r="24557" spans="4:5" x14ac:dyDescent="0.25">
      <c r="D24557" s="6">
        <v>4848.7439999999997</v>
      </c>
      <c r="E24557" s="6">
        <v>6729.3180000000002</v>
      </c>
    </row>
    <row r="24558" spans="4:5" x14ac:dyDescent="0.25">
      <c r="D24558" s="6">
        <v>748.40719999999999</v>
      </c>
      <c r="E24558" s="6">
        <v>507.66359999999997</v>
      </c>
    </row>
    <row r="24559" spans="4:5" x14ac:dyDescent="0.25">
      <c r="D24559" s="6">
        <v>558.27329999999995</v>
      </c>
      <c r="E24559" s="6">
        <v>4597.4070000000002</v>
      </c>
    </row>
    <row r="24560" spans="4:5" x14ac:dyDescent="0.25">
      <c r="D24560" s="6">
        <v>620.34069999999997</v>
      </c>
      <c r="E24560" s="6">
        <v>538.61969999999997</v>
      </c>
    </row>
    <row r="24561" spans="4:5" x14ac:dyDescent="0.25">
      <c r="D24561" s="6">
        <v>1002.557</v>
      </c>
      <c r="E24561" s="6">
        <v>674.49469999999997</v>
      </c>
    </row>
    <row r="24562" spans="4:5" x14ac:dyDescent="0.25">
      <c r="D24562" s="6">
        <v>581.87760000000003</v>
      </c>
      <c r="E24562" s="6">
        <v>773.43719999999996</v>
      </c>
    </row>
    <row r="24563" spans="4:5" x14ac:dyDescent="0.25">
      <c r="D24563" s="6">
        <v>665.57439999999997</v>
      </c>
      <c r="E24563" s="6">
        <v>1304.9010000000001</v>
      </c>
    </row>
    <row r="24564" spans="4:5" x14ac:dyDescent="0.25">
      <c r="D24564" s="6">
        <v>678.70939999999996</v>
      </c>
      <c r="E24564" s="6">
        <v>1174.01</v>
      </c>
    </row>
    <row r="24565" spans="4:5" x14ac:dyDescent="0.25">
      <c r="D24565" s="6">
        <v>678.51739999999995</v>
      </c>
      <c r="E24565" s="6">
        <v>598.15880000000004</v>
      </c>
    </row>
    <row r="24566" spans="4:5" x14ac:dyDescent="0.25">
      <c r="D24566" s="6">
        <v>615.55700000000002</v>
      </c>
      <c r="E24566" s="6">
        <v>621.13610000000006</v>
      </c>
    </row>
    <row r="24567" spans="4:5" x14ac:dyDescent="0.25">
      <c r="D24567" s="6">
        <v>550.26199999999994</v>
      </c>
      <c r="E24567" s="6">
        <v>589.84469999999999</v>
      </c>
    </row>
    <row r="24568" spans="4:5" x14ac:dyDescent="0.25">
      <c r="D24568" s="6">
        <v>555.81020000000001</v>
      </c>
      <c r="E24568" s="6">
        <v>3965.442</v>
      </c>
    </row>
    <row r="24569" spans="4:5" x14ac:dyDescent="0.25">
      <c r="D24569" s="6">
        <v>771.32420000000002</v>
      </c>
      <c r="E24569" s="6">
        <v>593.97770000000003</v>
      </c>
    </row>
    <row r="24570" spans="4:5" x14ac:dyDescent="0.25">
      <c r="D24570" s="6">
        <v>531.84259999999995</v>
      </c>
      <c r="E24570" s="6">
        <v>1816.8019999999999</v>
      </c>
    </row>
    <row r="24571" spans="4:5" x14ac:dyDescent="0.25">
      <c r="D24571" s="6">
        <v>693.75239999999997</v>
      </c>
      <c r="E24571" s="6">
        <v>5305.951</v>
      </c>
    </row>
    <row r="24572" spans="4:5" x14ac:dyDescent="0.25">
      <c r="D24572" s="6">
        <v>622.20619999999997</v>
      </c>
      <c r="E24572" s="6">
        <v>742.35170000000005</v>
      </c>
    </row>
    <row r="24573" spans="4:5" x14ac:dyDescent="0.25">
      <c r="D24573" s="6">
        <v>1173.4670000000001</v>
      </c>
      <c r="E24573" s="6">
        <v>677.76199999999994</v>
      </c>
    </row>
    <row r="24574" spans="4:5" x14ac:dyDescent="0.25">
      <c r="D24574" s="6">
        <v>1115.597</v>
      </c>
      <c r="E24574" s="6">
        <v>1074.367</v>
      </c>
    </row>
    <row r="24575" spans="4:5" x14ac:dyDescent="0.25">
      <c r="D24575" s="6">
        <v>6497.7809999999999</v>
      </c>
      <c r="E24575" s="6">
        <v>907.27020000000005</v>
      </c>
    </row>
    <row r="24576" spans="4:5" x14ac:dyDescent="0.25">
      <c r="D24576" s="6">
        <v>1832.4290000000001</v>
      </c>
      <c r="E24576" s="6">
        <v>4025.7559999999999</v>
      </c>
    </row>
    <row r="24577" spans="4:5" x14ac:dyDescent="0.25">
      <c r="D24577" s="6">
        <v>888.90350000000001</v>
      </c>
      <c r="E24577" s="6">
        <v>5625.6930000000002</v>
      </c>
    </row>
    <row r="24578" spans="4:5" x14ac:dyDescent="0.25">
      <c r="D24578" s="6">
        <v>615.15170000000001</v>
      </c>
      <c r="E24578" s="6">
        <v>4929.924</v>
      </c>
    </row>
    <row r="24579" spans="4:5" x14ac:dyDescent="0.25">
      <c r="D24579" s="6">
        <v>1311.8389999999999</v>
      </c>
      <c r="E24579" s="6">
        <v>594.07299999999998</v>
      </c>
    </row>
    <row r="24580" spans="4:5" x14ac:dyDescent="0.25">
      <c r="D24580" s="6">
        <v>687.00199999999995</v>
      </c>
      <c r="E24580" s="6">
        <v>589.91999999999996</v>
      </c>
    </row>
    <row r="24581" spans="4:5" x14ac:dyDescent="0.25">
      <c r="D24581" s="6">
        <v>599.0104</v>
      </c>
      <c r="E24581" s="6">
        <v>1971.2149999999999</v>
      </c>
    </row>
    <row r="24582" spans="4:5" x14ac:dyDescent="0.25">
      <c r="D24582" s="6">
        <v>6239.1210000000001</v>
      </c>
      <c r="E24582" s="6">
        <v>941.4742</v>
      </c>
    </row>
    <row r="24583" spans="4:5" x14ac:dyDescent="0.25">
      <c r="D24583" s="6">
        <v>2190.6210000000001</v>
      </c>
      <c r="E24583" s="6">
        <v>791.30139999999994</v>
      </c>
    </row>
    <row r="24584" spans="4:5" x14ac:dyDescent="0.25">
      <c r="D24584" s="6">
        <v>564.10130000000004</v>
      </c>
      <c r="E24584" s="6">
        <v>5434.7330000000002</v>
      </c>
    </row>
    <row r="24585" spans="4:5" x14ac:dyDescent="0.25">
      <c r="D24585" s="6">
        <v>676.55240000000003</v>
      </c>
      <c r="E24585" s="6">
        <v>542.26120000000003</v>
      </c>
    </row>
    <row r="24586" spans="4:5" x14ac:dyDescent="0.25">
      <c r="D24586" s="6">
        <v>1285.7449999999999</v>
      </c>
      <c r="E24586" s="6">
        <v>527.59209999999996</v>
      </c>
    </row>
    <row r="24587" spans="4:5" x14ac:dyDescent="0.25">
      <c r="D24587" s="6">
        <v>603.80150000000003</v>
      </c>
      <c r="E24587" s="6">
        <v>2078.3330000000001</v>
      </c>
    </row>
    <row r="24588" spans="4:5" x14ac:dyDescent="0.25">
      <c r="D24588" s="6">
        <v>668.40409999999997</v>
      </c>
      <c r="E24588" s="6">
        <v>628.50070000000005</v>
      </c>
    </row>
    <row r="24589" spans="4:5" x14ac:dyDescent="0.25">
      <c r="D24589" s="6">
        <v>6413.7460000000001</v>
      </c>
      <c r="E24589" s="6">
        <v>669.63250000000005</v>
      </c>
    </row>
    <row r="24590" spans="4:5" x14ac:dyDescent="0.25">
      <c r="D24590" s="6">
        <v>528.62270000000001</v>
      </c>
      <c r="E24590" s="6">
        <v>4375.9549999999999</v>
      </c>
    </row>
    <row r="24591" spans="4:5" x14ac:dyDescent="0.25">
      <c r="D24591" s="6">
        <v>628.14319999999998</v>
      </c>
      <c r="E24591" s="6">
        <v>772.50599999999997</v>
      </c>
    </row>
    <row r="24592" spans="4:5" x14ac:dyDescent="0.25">
      <c r="D24592" s="6">
        <v>574.23299999999995</v>
      </c>
      <c r="E24592" s="6">
        <v>1038.3440000000001</v>
      </c>
    </row>
    <row r="24593" spans="4:5" x14ac:dyDescent="0.25">
      <c r="D24593" s="6">
        <v>6111.9740000000002</v>
      </c>
      <c r="E24593" s="6">
        <v>743.87149999999997</v>
      </c>
    </row>
    <row r="24594" spans="4:5" x14ac:dyDescent="0.25">
      <c r="D24594" s="6">
        <v>607.30070000000001</v>
      </c>
      <c r="E24594" s="6">
        <v>694.39229999999998</v>
      </c>
    </row>
    <row r="24595" spans="4:5" x14ac:dyDescent="0.25">
      <c r="D24595" s="6">
        <v>524.18989999999997</v>
      </c>
      <c r="E24595" s="6">
        <v>862.03</v>
      </c>
    </row>
    <row r="24596" spans="4:5" x14ac:dyDescent="0.25">
      <c r="D24596" s="6">
        <v>554.30539999999996</v>
      </c>
      <c r="E24596" s="6">
        <v>679.33479999999997</v>
      </c>
    </row>
    <row r="24597" spans="4:5" x14ac:dyDescent="0.25">
      <c r="D24597" s="6">
        <v>994.65980000000002</v>
      </c>
      <c r="E24597" s="6">
        <v>707.97529999999995</v>
      </c>
    </row>
    <row r="24598" spans="4:5" x14ac:dyDescent="0.25">
      <c r="D24598" s="6">
        <v>633.88720000000001</v>
      </c>
      <c r="E24598" s="6">
        <v>714.56290000000001</v>
      </c>
    </row>
    <row r="24599" spans="4:5" x14ac:dyDescent="0.25">
      <c r="D24599" s="6">
        <v>726.62339999999995</v>
      </c>
      <c r="E24599" s="6">
        <v>983.33180000000004</v>
      </c>
    </row>
    <row r="24600" spans="4:5" x14ac:dyDescent="0.25">
      <c r="D24600" s="6">
        <v>11512</v>
      </c>
      <c r="E24600" s="6">
        <v>682.05359999999996</v>
      </c>
    </row>
    <row r="24601" spans="4:5" x14ac:dyDescent="0.25">
      <c r="D24601" s="6">
        <v>4009.49</v>
      </c>
      <c r="E24601" s="6">
        <v>704.01850000000002</v>
      </c>
    </row>
    <row r="24602" spans="4:5" x14ac:dyDescent="0.25">
      <c r="D24602" s="6">
        <v>6135.6210000000001</v>
      </c>
      <c r="E24602" s="6">
        <v>1048.6179999999999</v>
      </c>
    </row>
    <row r="24603" spans="4:5" x14ac:dyDescent="0.25">
      <c r="D24603" s="6">
        <v>4183.6859999999997</v>
      </c>
      <c r="E24603" s="6">
        <v>737.31389999999999</v>
      </c>
    </row>
    <row r="24604" spans="4:5" x14ac:dyDescent="0.25">
      <c r="D24604" s="6">
        <v>646.22149999999999</v>
      </c>
      <c r="E24604" s="6">
        <v>553.56700000000001</v>
      </c>
    </row>
    <row r="24605" spans="4:5" x14ac:dyDescent="0.25">
      <c r="D24605" s="6">
        <v>560.26009999999997</v>
      </c>
      <c r="E24605" s="6">
        <v>510.65280000000001</v>
      </c>
    </row>
    <row r="24606" spans="4:5" x14ac:dyDescent="0.25">
      <c r="D24606" s="6">
        <v>607.64679999999998</v>
      </c>
      <c r="E24606" s="6">
        <v>5328.6220000000003</v>
      </c>
    </row>
    <row r="24607" spans="4:5" x14ac:dyDescent="0.25">
      <c r="D24607" s="6">
        <v>603.99450000000002</v>
      </c>
      <c r="E24607" s="6">
        <v>4647.8630000000003</v>
      </c>
    </row>
    <row r="24608" spans="4:5" x14ac:dyDescent="0.25">
      <c r="D24608" s="6">
        <v>1261.9179999999999</v>
      </c>
      <c r="E24608" s="6">
        <v>588.35720000000003</v>
      </c>
    </row>
    <row r="24609" spans="4:5" x14ac:dyDescent="0.25">
      <c r="D24609" s="6">
        <v>589.23440000000005</v>
      </c>
      <c r="E24609" s="6">
        <v>556.91999999999996</v>
      </c>
    </row>
    <row r="24610" spans="4:5" x14ac:dyDescent="0.25">
      <c r="D24610" s="6">
        <v>697.88940000000002</v>
      </c>
      <c r="E24610" s="6">
        <v>716.59249999999997</v>
      </c>
    </row>
    <row r="24611" spans="4:5" x14ac:dyDescent="0.25">
      <c r="D24611" s="6">
        <v>1783.5450000000001</v>
      </c>
      <c r="E24611" s="6">
        <v>614.09799999999996</v>
      </c>
    </row>
    <row r="24612" spans="4:5" x14ac:dyDescent="0.25">
      <c r="D24612" s="6">
        <v>680.59069999999997</v>
      </c>
      <c r="E24612" s="6">
        <v>5994.4620000000004</v>
      </c>
    </row>
    <row r="24613" spans="4:5" x14ac:dyDescent="0.25">
      <c r="D24613" s="6">
        <v>709.65160000000003</v>
      </c>
      <c r="E24613" s="6">
        <v>870.61990000000003</v>
      </c>
    </row>
    <row r="24614" spans="4:5" x14ac:dyDescent="0.25">
      <c r="D24614" s="6">
        <v>582.11599999999999</v>
      </c>
      <c r="E24614" s="6">
        <v>919.69579999999996</v>
      </c>
    </row>
    <row r="24615" spans="4:5" x14ac:dyDescent="0.25">
      <c r="D24615" s="6">
        <v>405.24099999999999</v>
      </c>
      <c r="E24615" s="6">
        <v>609.2867</v>
      </c>
    </row>
    <row r="24616" spans="4:5" x14ac:dyDescent="0.25">
      <c r="D24616" s="6">
        <v>1897.604</v>
      </c>
      <c r="E24616" s="6">
        <v>736.74710000000005</v>
      </c>
    </row>
    <row r="24617" spans="4:5" x14ac:dyDescent="0.25">
      <c r="D24617" s="6">
        <v>599.47069999999997</v>
      </c>
      <c r="E24617" s="6">
        <v>777.72799999999995</v>
      </c>
    </row>
    <row r="24618" spans="4:5" x14ac:dyDescent="0.25">
      <c r="D24618" s="6">
        <v>1907.2339999999999</v>
      </c>
      <c r="E24618" s="6">
        <v>564.65750000000003</v>
      </c>
    </row>
    <row r="24619" spans="4:5" x14ac:dyDescent="0.25">
      <c r="D24619" s="6">
        <v>4543.5940000000001</v>
      </c>
      <c r="E24619" s="6">
        <v>485.76549999999997</v>
      </c>
    </row>
    <row r="24620" spans="4:5" x14ac:dyDescent="0.25">
      <c r="D24620" s="6">
        <v>899.83439999999996</v>
      </c>
      <c r="E24620" s="6">
        <v>1337.1959999999999</v>
      </c>
    </row>
    <row r="24621" spans="4:5" x14ac:dyDescent="0.25">
      <c r="D24621" s="6">
        <v>608.81449999999995</v>
      </c>
      <c r="E24621" s="6">
        <v>5333.3530000000001</v>
      </c>
    </row>
    <row r="24622" spans="4:5" x14ac:dyDescent="0.25">
      <c r="D24622" s="6">
        <v>483.71809999999999</v>
      </c>
      <c r="E24622" s="6">
        <v>578.6096</v>
      </c>
    </row>
    <row r="24623" spans="4:5" x14ac:dyDescent="0.25">
      <c r="D24623" s="6">
        <v>989.22760000000005</v>
      </c>
      <c r="E24623" s="6">
        <v>910.45519999999999</v>
      </c>
    </row>
    <row r="24624" spans="4:5" x14ac:dyDescent="0.25">
      <c r="D24624" s="6">
        <v>624.38139999999999</v>
      </c>
      <c r="E24624" s="6">
        <v>564.95759999999996</v>
      </c>
    </row>
    <row r="24625" spans="4:5" x14ac:dyDescent="0.25">
      <c r="D24625" s="6">
        <v>1283.7429999999999</v>
      </c>
      <c r="E24625" s="6">
        <v>634.08489999999995</v>
      </c>
    </row>
    <row r="24626" spans="4:5" x14ac:dyDescent="0.25">
      <c r="D24626" s="6">
        <v>4689.9970000000003</v>
      </c>
      <c r="E24626" s="6">
        <v>1291.278</v>
      </c>
    </row>
    <row r="24627" spans="4:5" x14ac:dyDescent="0.25">
      <c r="D24627" s="6">
        <v>611.51840000000004</v>
      </c>
      <c r="E24627" s="6">
        <v>1115.0070000000001</v>
      </c>
    </row>
    <row r="24628" spans="4:5" x14ac:dyDescent="0.25">
      <c r="D24628" s="6">
        <v>607.79909999999995</v>
      </c>
      <c r="E24628" s="6">
        <v>5042.7889999999998</v>
      </c>
    </row>
    <row r="24629" spans="4:5" x14ac:dyDescent="0.25">
      <c r="D24629" s="6">
        <v>898.96579999999994</v>
      </c>
      <c r="E24629" s="6">
        <v>1681.954</v>
      </c>
    </row>
    <row r="24630" spans="4:5" x14ac:dyDescent="0.25">
      <c r="D24630" s="6">
        <v>727.80340000000001</v>
      </c>
      <c r="E24630" s="6">
        <v>605.37249999999995</v>
      </c>
    </row>
    <row r="24631" spans="4:5" x14ac:dyDescent="0.25">
      <c r="D24631" s="6">
        <v>647.90869999999995</v>
      </c>
      <c r="E24631" s="6">
        <v>932.92570000000001</v>
      </c>
    </row>
    <row r="24632" spans="4:5" x14ac:dyDescent="0.25">
      <c r="D24632" s="6">
        <v>2754.011</v>
      </c>
      <c r="E24632" s="6">
        <v>5279.3239999999996</v>
      </c>
    </row>
    <row r="24633" spans="4:5" x14ac:dyDescent="0.25">
      <c r="D24633" s="6">
        <v>584.70079999999996</v>
      </c>
      <c r="E24633" s="6">
        <v>613.44719999999995</v>
      </c>
    </row>
    <row r="24634" spans="4:5" x14ac:dyDescent="0.25">
      <c r="D24634" s="6">
        <v>5738.6040000000003</v>
      </c>
      <c r="E24634" s="6">
        <v>543.34090000000003</v>
      </c>
    </row>
    <row r="24635" spans="4:5" x14ac:dyDescent="0.25">
      <c r="D24635" s="6">
        <v>571.05849999999998</v>
      </c>
      <c r="E24635" s="6">
        <v>568.72069999999997</v>
      </c>
    </row>
    <row r="24636" spans="4:5" x14ac:dyDescent="0.25">
      <c r="D24636" s="6">
        <v>679.83130000000006</v>
      </c>
      <c r="E24636" s="6">
        <v>6649.625</v>
      </c>
    </row>
    <row r="24637" spans="4:5" x14ac:dyDescent="0.25">
      <c r="D24637" s="6">
        <v>2203.8780000000002</v>
      </c>
      <c r="E24637" s="6">
        <v>591.68129999999996</v>
      </c>
    </row>
    <row r="24638" spans="4:5" x14ac:dyDescent="0.25">
      <c r="D24638" s="6">
        <v>638.88919999999996</v>
      </c>
      <c r="E24638" s="6">
        <v>6465.0190000000002</v>
      </c>
    </row>
    <row r="24639" spans="4:5" x14ac:dyDescent="0.25">
      <c r="D24639" s="6">
        <v>568.84159999999997</v>
      </c>
      <c r="E24639" s="6">
        <v>619.20550000000003</v>
      </c>
    </row>
    <row r="24640" spans="4:5" x14ac:dyDescent="0.25">
      <c r="D24640" s="6">
        <v>642.13689999999997</v>
      </c>
      <c r="E24640" s="6">
        <v>590.76869999999997</v>
      </c>
    </row>
    <row r="24641" spans="4:5" x14ac:dyDescent="0.25">
      <c r="D24641" s="6">
        <v>393.75139999999999</v>
      </c>
      <c r="E24641" s="6">
        <v>705.95510000000002</v>
      </c>
    </row>
    <row r="24642" spans="4:5" x14ac:dyDescent="0.25">
      <c r="D24642" s="6">
        <v>735.64940000000001</v>
      </c>
      <c r="E24642" s="6">
        <v>1434.86</v>
      </c>
    </row>
    <row r="24643" spans="4:5" x14ac:dyDescent="0.25">
      <c r="D24643" s="6">
        <v>567.23940000000005</v>
      </c>
      <c r="E24643" s="6">
        <v>575.1617</v>
      </c>
    </row>
    <row r="24644" spans="4:5" x14ac:dyDescent="0.25">
      <c r="D24644" s="6">
        <v>7054.2470000000003</v>
      </c>
      <c r="E24644" s="6">
        <v>742.50260000000003</v>
      </c>
    </row>
    <row r="24645" spans="4:5" x14ac:dyDescent="0.25">
      <c r="D24645" s="6">
        <v>562.62950000000001</v>
      </c>
      <c r="E24645" s="6">
        <v>577.70889999999997</v>
      </c>
    </row>
    <row r="24646" spans="4:5" x14ac:dyDescent="0.25">
      <c r="D24646" s="6">
        <v>587.03959999999995</v>
      </c>
      <c r="E24646" s="6">
        <v>2506.3020000000001</v>
      </c>
    </row>
    <row r="24647" spans="4:5" x14ac:dyDescent="0.25">
      <c r="D24647" s="6">
        <v>848.95180000000005</v>
      </c>
      <c r="E24647" s="6">
        <v>701.78830000000005</v>
      </c>
    </row>
    <row r="24648" spans="4:5" x14ac:dyDescent="0.25">
      <c r="D24648" s="6">
        <v>655</v>
      </c>
      <c r="E24648" s="6">
        <v>511.77330000000001</v>
      </c>
    </row>
    <row r="24649" spans="4:5" x14ac:dyDescent="0.25">
      <c r="D24649" s="6">
        <v>911.16129999999998</v>
      </c>
      <c r="E24649" s="6">
        <v>4252.0929999999998</v>
      </c>
    </row>
    <row r="24650" spans="4:5" x14ac:dyDescent="0.25">
      <c r="D24650" s="6">
        <v>833.82939999999996</v>
      </c>
      <c r="E24650" s="6">
        <v>1206.2260000000001</v>
      </c>
    </row>
    <row r="24651" spans="4:5" x14ac:dyDescent="0.25">
      <c r="D24651" s="6">
        <v>610.01390000000004</v>
      </c>
      <c r="E24651" s="6">
        <v>699.89099999999996</v>
      </c>
    </row>
    <row r="24652" spans="4:5" x14ac:dyDescent="0.25">
      <c r="D24652" s="6">
        <v>559.45450000000005</v>
      </c>
      <c r="E24652" s="6">
        <v>648.2106</v>
      </c>
    </row>
    <row r="24653" spans="4:5" x14ac:dyDescent="0.25">
      <c r="D24653" s="6">
        <v>2387.89</v>
      </c>
      <c r="E24653" s="6">
        <v>574.19410000000005</v>
      </c>
    </row>
    <row r="24654" spans="4:5" x14ac:dyDescent="0.25">
      <c r="D24654" s="6">
        <v>982.72140000000002</v>
      </c>
      <c r="E24654" s="6">
        <v>484.67430000000002</v>
      </c>
    </row>
    <row r="24655" spans="4:5" x14ac:dyDescent="0.25">
      <c r="D24655" s="6">
        <v>573.00490000000002</v>
      </c>
      <c r="E24655" s="6">
        <v>1054.6759999999999</v>
      </c>
    </row>
    <row r="24656" spans="4:5" x14ac:dyDescent="0.25">
      <c r="D24656" s="6">
        <v>1238.037</v>
      </c>
      <c r="E24656" s="6">
        <v>2491.096</v>
      </c>
    </row>
    <row r="24657" spans="4:5" x14ac:dyDescent="0.25">
      <c r="D24657" s="6">
        <v>564.21370000000002</v>
      </c>
      <c r="E24657" s="6">
        <v>1117.3599999999999</v>
      </c>
    </row>
    <row r="24658" spans="4:5" x14ac:dyDescent="0.25">
      <c r="D24658" s="6">
        <v>574.68470000000002</v>
      </c>
      <c r="E24658" s="6">
        <v>1248.9190000000001</v>
      </c>
    </row>
    <row r="24659" spans="4:5" x14ac:dyDescent="0.25">
      <c r="D24659" s="6">
        <v>547.55269999999996</v>
      </c>
      <c r="E24659" s="6">
        <v>3880.54</v>
      </c>
    </row>
    <row r="24660" spans="4:5" x14ac:dyDescent="0.25">
      <c r="D24660" s="6">
        <v>1949.0250000000001</v>
      </c>
      <c r="E24660" s="6">
        <v>755.19989999999996</v>
      </c>
    </row>
    <row r="24661" spans="4:5" x14ac:dyDescent="0.25">
      <c r="D24661" s="6">
        <v>1063.3630000000001</v>
      </c>
      <c r="E24661" s="6">
        <v>2755.5219999999999</v>
      </c>
    </row>
    <row r="24662" spans="4:5" x14ac:dyDescent="0.25">
      <c r="D24662" s="6">
        <v>6651.7110000000002</v>
      </c>
      <c r="E24662" s="6">
        <v>3374.8969999999999</v>
      </c>
    </row>
    <row r="24663" spans="4:5" x14ac:dyDescent="0.25">
      <c r="D24663" s="6">
        <v>4907.5320000000002</v>
      </c>
      <c r="E24663" s="6">
        <v>1980.8009999999999</v>
      </c>
    </row>
    <row r="24664" spans="4:5" x14ac:dyDescent="0.25">
      <c r="D24664" s="6">
        <v>606.12080000000003</v>
      </c>
      <c r="E24664" s="6">
        <v>5088.9399999999996</v>
      </c>
    </row>
    <row r="24665" spans="4:5" x14ac:dyDescent="0.25">
      <c r="D24665" s="6">
        <v>4828.9780000000001</v>
      </c>
      <c r="E24665" s="6">
        <v>689.81020000000001</v>
      </c>
    </row>
    <row r="24666" spans="4:5" x14ac:dyDescent="0.25">
      <c r="D24666" s="6">
        <v>733.22590000000002</v>
      </c>
      <c r="E24666" s="6">
        <v>1192.895</v>
      </c>
    </row>
    <row r="24667" spans="4:5" x14ac:dyDescent="0.25">
      <c r="D24667" s="6">
        <v>758.03480000000002</v>
      </c>
      <c r="E24667" s="6">
        <v>606.97339999999997</v>
      </c>
    </row>
    <row r="24668" spans="4:5" x14ac:dyDescent="0.25">
      <c r="D24668" s="6">
        <v>593.3492</v>
      </c>
      <c r="E24668" s="6">
        <v>730.19079999999997</v>
      </c>
    </row>
    <row r="24669" spans="4:5" x14ac:dyDescent="0.25">
      <c r="D24669" s="6">
        <v>594.85730000000001</v>
      </c>
      <c r="E24669" s="6">
        <v>708.04380000000003</v>
      </c>
    </row>
    <row r="24670" spans="4:5" x14ac:dyDescent="0.25">
      <c r="D24670" s="6">
        <v>566.76880000000006</v>
      </c>
      <c r="E24670" s="6">
        <v>799.68970000000002</v>
      </c>
    </row>
    <row r="24671" spans="4:5" x14ac:dyDescent="0.25">
      <c r="D24671" s="6">
        <v>629.44619999999998</v>
      </c>
      <c r="E24671" s="6">
        <v>662.58540000000005</v>
      </c>
    </row>
    <row r="24672" spans="4:5" x14ac:dyDescent="0.25">
      <c r="D24672" s="6">
        <v>678.35670000000005</v>
      </c>
      <c r="E24672" s="6">
        <v>1412.7360000000001</v>
      </c>
    </row>
    <row r="24673" spans="4:5" x14ac:dyDescent="0.25">
      <c r="D24673" s="6">
        <v>564.25450000000001</v>
      </c>
      <c r="E24673" s="6">
        <v>5353.3469999999998</v>
      </c>
    </row>
    <row r="24674" spans="4:5" x14ac:dyDescent="0.25">
      <c r="D24674" s="6">
        <v>2495.8310000000001</v>
      </c>
      <c r="E24674" s="6">
        <v>1041.4680000000001</v>
      </c>
    </row>
    <row r="24675" spans="4:5" x14ac:dyDescent="0.25">
      <c r="D24675" s="6">
        <v>5677.5029999999997</v>
      </c>
      <c r="E24675" s="6">
        <v>3311.3270000000002</v>
      </c>
    </row>
    <row r="24676" spans="4:5" x14ac:dyDescent="0.25">
      <c r="D24676" s="6">
        <v>534.78030000000001</v>
      </c>
      <c r="E24676" s="6">
        <v>530.76379999999995</v>
      </c>
    </row>
    <row r="24677" spans="4:5" x14ac:dyDescent="0.25">
      <c r="D24677" s="6">
        <v>4141.2240000000002</v>
      </c>
      <c r="E24677" s="6">
        <v>441.2054</v>
      </c>
    </row>
    <row r="24678" spans="4:5" x14ac:dyDescent="0.25">
      <c r="D24678" s="6">
        <v>663.90129999999999</v>
      </c>
      <c r="E24678" s="6">
        <v>589.34019999999998</v>
      </c>
    </row>
    <row r="24679" spans="4:5" x14ac:dyDescent="0.25">
      <c r="D24679" s="6">
        <v>629.44539999999995</v>
      </c>
      <c r="E24679" s="6">
        <v>3560.4279999999999</v>
      </c>
    </row>
    <row r="24680" spans="4:5" x14ac:dyDescent="0.25">
      <c r="D24680" s="6">
        <v>563.68520000000001</v>
      </c>
      <c r="E24680" s="6">
        <v>10920.3</v>
      </c>
    </row>
    <row r="24681" spans="4:5" x14ac:dyDescent="0.25">
      <c r="D24681" s="6">
        <v>549.64800000000002</v>
      </c>
      <c r="E24681" s="6">
        <v>586.67079999999999</v>
      </c>
    </row>
    <row r="24682" spans="4:5" x14ac:dyDescent="0.25">
      <c r="D24682" s="6">
        <v>8112.72</v>
      </c>
      <c r="E24682" s="6">
        <v>7181.48</v>
      </c>
    </row>
    <row r="24683" spans="4:5" x14ac:dyDescent="0.25">
      <c r="D24683" s="6">
        <v>5368.1049999999996</v>
      </c>
      <c r="E24683" s="6">
        <v>707.48130000000003</v>
      </c>
    </row>
    <row r="24684" spans="4:5" x14ac:dyDescent="0.25">
      <c r="D24684" s="6">
        <v>618.73099999999999</v>
      </c>
      <c r="E24684" s="6">
        <v>5728.4430000000002</v>
      </c>
    </row>
    <row r="24685" spans="4:5" x14ac:dyDescent="0.25">
      <c r="D24685" s="6">
        <v>595.29560000000004</v>
      </c>
      <c r="E24685" s="6">
        <v>783.91570000000002</v>
      </c>
    </row>
    <row r="24686" spans="4:5" x14ac:dyDescent="0.25">
      <c r="D24686" s="6">
        <v>1499.4490000000001</v>
      </c>
      <c r="E24686" s="6">
        <v>5598.6620000000003</v>
      </c>
    </row>
    <row r="24687" spans="4:5" x14ac:dyDescent="0.25">
      <c r="D24687" s="6">
        <v>637.63049999999998</v>
      </c>
      <c r="E24687" s="6">
        <v>611.04790000000003</v>
      </c>
    </row>
    <row r="24688" spans="4:5" x14ac:dyDescent="0.25">
      <c r="D24688" s="6">
        <v>567.63369999999998</v>
      </c>
      <c r="E24688" s="6">
        <v>990.65480000000002</v>
      </c>
    </row>
    <row r="24689" spans="4:5" x14ac:dyDescent="0.25">
      <c r="D24689" s="6">
        <v>5843.741</v>
      </c>
      <c r="E24689" s="6">
        <v>541.51900000000001</v>
      </c>
    </row>
    <row r="24690" spans="4:5" x14ac:dyDescent="0.25">
      <c r="D24690" s="6">
        <v>561.11630000000002</v>
      </c>
      <c r="E24690" s="6">
        <v>571.79579999999999</v>
      </c>
    </row>
    <row r="24691" spans="4:5" x14ac:dyDescent="0.25">
      <c r="D24691" s="6">
        <v>5276</v>
      </c>
      <c r="E24691" s="6">
        <v>1588.62</v>
      </c>
    </row>
    <row r="24692" spans="4:5" x14ac:dyDescent="0.25">
      <c r="D24692" s="6">
        <v>803.40430000000003</v>
      </c>
      <c r="E24692" s="6">
        <v>988.81619999999998</v>
      </c>
    </row>
    <row r="24693" spans="4:5" x14ac:dyDescent="0.25">
      <c r="D24693" s="6">
        <v>580.96770000000004</v>
      </c>
      <c r="E24693" s="6">
        <v>1145.5250000000001</v>
      </c>
    </row>
    <row r="24694" spans="4:5" x14ac:dyDescent="0.25">
      <c r="D24694" s="6">
        <v>1122.175</v>
      </c>
      <c r="E24694" s="6">
        <v>3294.011</v>
      </c>
    </row>
    <row r="24695" spans="4:5" x14ac:dyDescent="0.25">
      <c r="D24695" s="6">
        <v>590.88990000000001</v>
      </c>
      <c r="E24695" s="6">
        <v>630.23069999999996</v>
      </c>
    </row>
    <row r="24696" spans="4:5" x14ac:dyDescent="0.25">
      <c r="D24696" s="6">
        <v>799.76199999999994</v>
      </c>
      <c r="E24696" s="6">
        <v>583.5548</v>
      </c>
    </row>
    <row r="24697" spans="4:5" x14ac:dyDescent="0.25">
      <c r="D24697" s="6">
        <v>505.28429999999997</v>
      </c>
      <c r="E24697" s="6">
        <v>4704.6239999999998</v>
      </c>
    </row>
    <row r="24698" spans="4:5" x14ac:dyDescent="0.25">
      <c r="D24698" s="6">
        <v>486.76670000000001</v>
      </c>
      <c r="E24698" s="6">
        <v>631.15110000000004</v>
      </c>
    </row>
    <row r="24699" spans="4:5" x14ac:dyDescent="0.25">
      <c r="D24699" s="6">
        <v>6602.7529999999997</v>
      </c>
      <c r="E24699" s="6">
        <v>605.14290000000005</v>
      </c>
    </row>
    <row r="24700" spans="4:5" x14ac:dyDescent="0.25">
      <c r="D24700" s="6">
        <v>511.53129999999999</v>
      </c>
      <c r="E24700" s="6">
        <v>1272.68</v>
      </c>
    </row>
    <row r="24701" spans="4:5" x14ac:dyDescent="0.25">
      <c r="D24701" s="6">
        <v>1985</v>
      </c>
      <c r="E24701" s="6">
        <v>735.75720000000001</v>
      </c>
    </row>
    <row r="24702" spans="4:5" x14ac:dyDescent="0.25">
      <c r="D24702" s="6">
        <v>581.59990000000005</v>
      </c>
      <c r="E24702" s="6">
        <v>2879.614</v>
      </c>
    </row>
    <row r="24703" spans="4:5" x14ac:dyDescent="0.25">
      <c r="D24703" s="6">
        <v>665.89679999999998</v>
      </c>
      <c r="E24703" s="6">
        <v>656.66959999999995</v>
      </c>
    </row>
    <row r="24704" spans="4:5" x14ac:dyDescent="0.25">
      <c r="D24704" s="6">
        <v>5063.9960000000001</v>
      </c>
      <c r="E24704" s="6">
        <v>628.82209999999998</v>
      </c>
    </row>
    <row r="24705" spans="4:5" x14ac:dyDescent="0.25">
      <c r="D24705" s="6">
        <v>6079.3029999999999</v>
      </c>
      <c r="E24705" s="6">
        <v>509.80799999999999</v>
      </c>
    </row>
    <row r="24706" spans="4:5" x14ac:dyDescent="0.25">
      <c r="D24706" s="6">
        <v>4799.2709999999997</v>
      </c>
      <c r="E24706" s="6">
        <v>787.03899999999999</v>
      </c>
    </row>
    <row r="24707" spans="4:5" x14ac:dyDescent="0.25">
      <c r="D24707" s="6">
        <v>620.82190000000003</v>
      </c>
      <c r="E24707" s="6">
        <v>520.82600000000002</v>
      </c>
    </row>
    <row r="24708" spans="4:5" x14ac:dyDescent="0.25">
      <c r="D24708" s="6">
        <v>611.60540000000003</v>
      </c>
      <c r="E24708" s="6">
        <v>566.9941</v>
      </c>
    </row>
    <row r="24709" spans="4:5" x14ac:dyDescent="0.25">
      <c r="D24709" s="6">
        <v>714.63189999999997</v>
      </c>
      <c r="E24709" s="6">
        <v>1159.2639999999999</v>
      </c>
    </row>
    <row r="24710" spans="4:5" x14ac:dyDescent="0.25">
      <c r="D24710" s="6">
        <v>621.57219999999995</v>
      </c>
      <c r="E24710" s="6">
        <v>1305.2370000000001</v>
      </c>
    </row>
    <row r="24711" spans="4:5" x14ac:dyDescent="0.25">
      <c r="D24711" s="6">
        <v>736.45399999999995</v>
      </c>
      <c r="E24711" s="6">
        <v>6856.5730000000003</v>
      </c>
    </row>
    <row r="24712" spans="4:5" x14ac:dyDescent="0.25">
      <c r="D24712" s="6">
        <v>593.75660000000005</v>
      </c>
      <c r="E24712" s="6">
        <v>1529.4110000000001</v>
      </c>
    </row>
    <row r="24713" spans="4:5" x14ac:dyDescent="0.25">
      <c r="D24713" s="6">
        <v>887.76080000000002</v>
      </c>
      <c r="E24713" s="6">
        <v>599.67259999999999</v>
      </c>
    </row>
    <row r="24714" spans="4:5" x14ac:dyDescent="0.25">
      <c r="D24714" s="6">
        <v>3715.1669999999999</v>
      </c>
      <c r="E24714" s="6">
        <v>1587.76</v>
      </c>
    </row>
    <row r="24715" spans="4:5" x14ac:dyDescent="0.25">
      <c r="D24715" s="6">
        <v>525.96820000000002</v>
      </c>
      <c r="E24715" s="6">
        <v>1087.665</v>
      </c>
    </row>
    <row r="24716" spans="4:5" x14ac:dyDescent="0.25">
      <c r="D24716" s="6">
        <v>5165.732</v>
      </c>
      <c r="E24716" s="6">
        <v>4260.5169999999998</v>
      </c>
    </row>
    <row r="24717" spans="4:5" x14ac:dyDescent="0.25">
      <c r="D24717" s="6">
        <v>741.0521</v>
      </c>
      <c r="E24717" s="6">
        <v>777.80799999999999</v>
      </c>
    </row>
    <row r="24718" spans="4:5" x14ac:dyDescent="0.25">
      <c r="D24718" s="6">
        <v>756.39409999999998</v>
      </c>
      <c r="E24718" s="6">
        <v>566.60109999999997</v>
      </c>
    </row>
    <row r="24719" spans="4:5" x14ac:dyDescent="0.25">
      <c r="D24719" s="6">
        <v>501.92829999999998</v>
      </c>
      <c r="E24719" s="6">
        <v>519.54809999999998</v>
      </c>
    </row>
    <row r="24720" spans="4:5" x14ac:dyDescent="0.25">
      <c r="D24720" s="6">
        <v>525.86410000000001</v>
      </c>
      <c r="E24720" s="6">
        <v>625.67020000000002</v>
      </c>
    </row>
    <row r="24721" spans="4:5" x14ac:dyDescent="0.25">
      <c r="D24721" s="6">
        <v>616.02149999999995</v>
      </c>
      <c r="E24721" s="6">
        <v>1919.873</v>
      </c>
    </row>
    <row r="24722" spans="4:5" x14ac:dyDescent="0.25">
      <c r="D24722" s="6">
        <v>584.04420000000005</v>
      </c>
      <c r="E24722" s="6">
        <v>609.9461</v>
      </c>
    </row>
    <row r="24723" spans="4:5" x14ac:dyDescent="0.25">
      <c r="D24723" s="6">
        <v>1104.7650000000001</v>
      </c>
      <c r="E24723" s="6">
        <v>6417.9089999999997</v>
      </c>
    </row>
    <row r="24724" spans="4:5" x14ac:dyDescent="0.25">
      <c r="D24724" s="6">
        <v>7052.9939999999997</v>
      </c>
      <c r="E24724" s="6">
        <v>1504.7809999999999</v>
      </c>
    </row>
    <row r="24725" spans="4:5" x14ac:dyDescent="0.25">
      <c r="D24725" s="6">
        <v>526.54579999999999</v>
      </c>
      <c r="E24725" s="6">
        <v>574.84659999999997</v>
      </c>
    </row>
    <row r="24726" spans="4:5" x14ac:dyDescent="0.25">
      <c r="D24726" s="6">
        <v>3083.2</v>
      </c>
      <c r="E24726" s="6">
        <v>516.01030000000003</v>
      </c>
    </row>
    <row r="24727" spans="4:5" x14ac:dyDescent="0.25">
      <c r="D24727" s="6">
        <v>667.29830000000004</v>
      </c>
      <c r="E24727" s="6">
        <v>1489.4939999999999</v>
      </c>
    </row>
    <row r="24728" spans="4:5" x14ac:dyDescent="0.25">
      <c r="D24728" s="6">
        <v>535.55769999999995</v>
      </c>
      <c r="E24728" s="6">
        <v>728.4973</v>
      </c>
    </row>
    <row r="24729" spans="4:5" x14ac:dyDescent="0.25">
      <c r="D24729" s="6">
        <v>652.66800000000001</v>
      </c>
      <c r="E24729" s="6">
        <v>472.56</v>
      </c>
    </row>
    <row r="24730" spans="4:5" x14ac:dyDescent="0.25">
      <c r="D24730" s="6">
        <v>577.5838</v>
      </c>
      <c r="E24730" s="6">
        <v>1112.4110000000001</v>
      </c>
    </row>
    <row r="24731" spans="4:5" x14ac:dyDescent="0.25">
      <c r="D24731" s="6">
        <v>1144</v>
      </c>
      <c r="E24731" s="6">
        <v>667.06219999999996</v>
      </c>
    </row>
    <row r="24732" spans="4:5" x14ac:dyDescent="0.25">
      <c r="D24732" s="6">
        <v>568.33270000000005</v>
      </c>
      <c r="E24732" s="6">
        <v>1660.981</v>
      </c>
    </row>
    <row r="24733" spans="4:5" x14ac:dyDescent="0.25">
      <c r="D24733" s="6">
        <v>1092.5119999999999</v>
      </c>
      <c r="E24733" s="6">
        <v>3721.4340000000002</v>
      </c>
    </row>
    <row r="24734" spans="4:5" x14ac:dyDescent="0.25">
      <c r="D24734" s="6">
        <v>656.09659999999997</v>
      </c>
      <c r="E24734" s="6">
        <v>2339.5859999999998</v>
      </c>
    </row>
    <row r="24735" spans="4:5" x14ac:dyDescent="0.25">
      <c r="D24735" s="6">
        <v>5736.1139999999996</v>
      </c>
      <c r="E24735" s="6">
        <v>621.33849999999995</v>
      </c>
    </row>
    <row r="24736" spans="4:5" x14ac:dyDescent="0.25">
      <c r="D24736" s="6">
        <v>581.11159999999995</v>
      </c>
      <c r="E24736" s="6">
        <v>642.5</v>
      </c>
    </row>
    <row r="24737" spans="4:5" x14ac:dyDescent="0.25">
      <c r="D24737" s="6">
        <v>1039.93</v>
      </c>
      <c r="E24737" s="6">
        <v>573.28570000000002</v>
      </c>
    </row>
    <row r="24738" spans="4:5" x14ac:dyDescent="0.25">
      <c r="D24738" s="6">
        <v>635.94119999999998</v>
      </c>
      <c r="E24738" s="6">
        <v>5470.701</v>
      </c>
    </row>
    <row r="24739" spans="4:5" x14ac:dyDescent="0.25">
      <c r="D24739" s="6">
        <v>576.02689999999996</v>
      </c>
      <c r="E24739" s="6">
        <v>565.73130000000003</v>
      </c>
    </row>
    <row r="24740" spans="4:5" x14ac:dyDescent="0.25">
      <c r="D24740" s="6">
        <v>621.69209999999998</v>
      </c>
      <c r="E24740" s="6">
        <v>526.80600000000004</v>
      </c>
    </row>
    <row r="24741" spans="4:5" x14ac:dyDescent="0.25">
      <c r="D24741" s="6">
        <v>580.81820000000005</v>
      </c>
      <c r="E24741" s="6">
        <v>1252.998</v>
      </c>
    </row>
    <row r="24742" spans="4:5" x14ac:dyDescent="0.25">
      <c r="D24742" s="6">
        <v>563.91690000000006</v>
      </c>
      <c r="E24742" s="6">
        <v>682.15039999999999</v>
      </c>
    </row>
    <row r="24743" spans="4:5" x14ac:dyDescent="0.25">
      <c r="D24743" s="6">
        <v>1604.47</v>
      </c>
      <c r="E24743" s="6">
        <v>545.76319999999998</v>
      </c>
    </row>
    <row r="24744" spans="4:5" x14ac:dyDescent="0.25">
      <c r="D24744" s="6">
        <v>719.1825</v>
      </c>
      <c r="E24744" s="6">
        <v>1587.6320000000001</v>
      </c>
    </row>
    <row r="24745" spans="4:5" x14ac:dyDescent="0.25">
      <c r="D24745" s="6">
        <v>508.69839999999999</v>
      </c>
      <c r="E24745" s="6">
        <v>3057.692</v>
      </c>
    </row>
    <row r="24746" spans="4:5" x14ac:dyDescent="0.25">
      <c r="D24746" s="6">
        <v>4767.9489999999996</v>
      </c>
      <c r="E24746" s="6">
        <v>1703.7429999999999</v>
      </c>
    </row>
    <row r="24747" spans="4:5" x14ac:dyDescent="0.25">
      <c r="D24747" s="6">
        <v>542.23710000000005</v>
      </c>
      <c r="E24747" s="6">
        <v>520.072</v>
      </c>
    </row>
    <row r="24748" spans="4:5" x14ac:dyDescent="0.25">
      <c r="D24748" s="6">
        <v>615.95609999999999</v>
      </c>
      <c r="E24748" s="6">
        <v>598.25540000000001</v>
      </c>
    </row>
    <row r="24749" spans="4:5" x14ac:dyDescent="0.25">
      <c r="D24749" s="6">
        <v>1057.509</v>
      </c>
      <c r="E24749" s="6">
        <v>623.30700000000002</v>
      </c>
    </row>
    <row r="24750" spans="4:5" x14ac:dyDescent="0.25">
      <c r="D24750" s="6">
        <v>593.40949999999998</v>
      </c>
      <c r="E24750" s="6">
        <v>618.73540000000003</v>
      </c>
    </row>
    <row r="24751" spans="4:5" x14ac:dyDescent="0.25">
      <c r="D24751" s="6">
        <v>696.38890000000004</v>
      </c>
      <c r="E24751" s="6">
        <v>799.73099999999999</v>
      </c>
    </row>
    <row r="24752" spans="4:5" x14ac:dyDescent="0.25">
      <c r="D24752" s="6">
        <v>973.96370000000002</v>
      </c>
      <c r="E24752" s="6">
        <v>502.52280000000002</v>
      </c>
    </row>
    <row r="24753" spans="4:5" x14ac:dyDescent="0.25">
      <c r="D24753" s="6">
        <v>4926.9679999999998</v>
      </c>
      <c r="E24753" s="6">
        <v>736.44939999999997</v>
      </c>
    </row>
    <row r="24754" spans="4:5" x14ac:dyDescent="0.25">
      <c r="D24754" s="6">
        <v>666.88440000000003</v>
      </c>
      <c r="E24754" s="6">
        <v>610.65530000000001</v>
      </c>
    </row>
    <row r="24755" spans="4:5" x14ac:dyDescent="0.25">
      <c r="D24755" s="6">
        <v>677.43129999999996</v>
      </c>
      <c r="E24755" s="6">
        <v>771.4588</v>
      </c>
    </row>
    <row r="24756" spans="4:5" x14ac:dyDescent="0.25">
      <c r="D24756" s="6">
        <v>597.18299999999999</v>
      </c>
      <c r="E24756" s="6">
        <v>704.42700000000002</v>
      </c>
    </row>
    <row r="24757" spans="4:5" x14ac:dyDescent="0.25">
      <c r="D24757" s="6">
        <v>1837.248</v>
      </c>
      <c r="E24757" s="6">
        <v>1121.4280000000001</v>
      </c>
    </row>
    <row r="24758" spans="4:5" x14ac:dyDescent="0.25">
      <c r="D24758" s="6">
        <v>515.57709999999997</v>
      </c>
      <c r="E24758" s="6">
        <v>966.50149999999996</v>
      </c>
    </row>
    <row r="24759" spans="4:5" x14ac:dyDescent="0.25">
      <c r="D24759" s="6">
        <v>684.33040000000005</v>
      </c>
      <c r="E24759" s="6">
        <v>1297.6590000000001</v>
      </c>
    </row>
    <row r="24760" spans="4:5" x14ac:dyDescent="0.25">
      <c r="D24760" s="6">
        <v>671.09680000000003</v>
      </c>
      <c r="E24760" s="6">
        <v>654.37919999999997</v>
      </c>
    </row>
    <row r="24761" spans="4:5" x14ac:dyDescent="0.25">
      <c r="D24761" s="6">
        <v>613.32889999999998</v>
      </c>
      <c r="E24761" s="6">
        <v>566.16</v>
      </c>
    </row>
    <row r="24762" spans="4:5" x14ac:dyDescent="0.25">
      <c r="D24762" s="6">
        <v>572.79830000000004</v>
      </c>
      <c r="E24762" s="6">
        <v>492.68619999999999</v>
      </c>
    </row>
    <row r="24763" spans="4:5" x14ac:dyDescent="0.25">
      <c r="D24763" s="6">
        <v>4172.0829999999996</v>
      </c>
      <c r="E24763" s="6">
        <v>572.17989999999998</v>
      </c>
    </row>
    <row r="24764" spans="4:5" x14ac:dyDescent="0.25">
      <c r="D24764" s="6">
        <v>621.30709999999999</v>
      </c>
      <c r="E24764" s="6">
        <v>638.9085</v>
      </c>
    </row>
    <row r="24765" spans="4:5" x14ac:dyDescent="0.25">
      <c r="D24765" s="6">
        <v>757.67259999999999</v>
      </c>
      <c r="E24765" s="6">
        <v>595.39210000000003</v>
      </c>
    </row>
    <row r="24766" spans="4:5" x14ac:dyDescent="0.25">
      <c r="D24766" s="6">
        <v>651.57129999999995</v>
      </c>
      <c r="E24766" s="6">
        <v>1668.799</v>
      </c>
    </row>
    <row r="24767" spans="4:5" x14ac:dyDescent="0.25">
      <c r="D24767" s="6">
        <v>482.37200000000001</v>
      </c>
      <c r="E24767" s="6">
        <v>720.38610000000006</v>
      </c>
    </row>
    <row r="24768" spans="4:5" x14ac:dyDescent="0.25">
      <c r="D24768" s="6">
        <v>778.02719999999999</v>
      </c>
      <c r="E24768" s="6">
        <v>4807.7579999999998</v>
      </c>
    </row>
    <row r="24769" spans="4:5" x14ac:dyDescent="0.25">
      <c r="D24769" s="6">
        <v>664.56110000000001</v>
      </c>
      <c r="E24769" s="6">
        <v>989.10680000000002</v>
      </c>
    </row>
    <row r="24770" spans="4:5" x14ac:dyDescent="0.25">
      <c r="D24770" s="6">
        <v>546.16070000000002</v>
      </c>
      <c r="E24770" s="6">
        <v>503.59249999999997</v>
      </c>
    </row>
    <row r="24771" spans="4:5" x14ac:dyDescent="0.25">
      <c r="D24771" s="6">
        <v>572.93539999999996</v>
      </c>
      <c r="E24771" s="6">
        <v>605.20450000000005</v>
      </c>
    </row>
    <row r="24772" spans="4:5" x14ac:dyDescent="0.25">
      <c r="D24772" s="6">
        <v>614.65309999999999</v>
      </c>
      <c r="E24772" s="6">
        <v>552.18389999999999</v>
      </c>
    </row>
    <row r="24773" spans="4:5" x14ac:dyDescent="0.25">
      <c r="D24773" s="6">
        <v>1496.393</v>
      </c>
      <c r="E24773" s="6">
        <v>497.56</v>
      </c>
    </row>
    <row r="24774" spans="4:5" x14ac:dyDescent="0.25">
      <c r="D24774" s="6">
        <v>599.38890000000004</v>
      </c>
      <c r="E24774" s="6">
        <v>671.94209999999998</v>
      </c>
    </row>
    <row r="24775" spans="4:5" x14ac:dyDescent="0.25">
      <c r="D24775" s="6">
        <v>616.54909999999995</v>
      </c>
      <c r="E24775" s="6">
        <v>668.51149999999996</v>
      </c>
    </row>
    <row r="24776" spans="4:5" x14ac:dyDescent="0.25">
      <c r="D24776" s="6">
        <v>640.36950000000002</v>
      </c>
      <c r="E24776" s="6">
        <v>499.83330000000001</v>
      </c>
    </row>
    <row r="24777" spans="4:5" x14ac:dyDescent="0.25">
      <c r="D24777" s="6">
        <v>751.57780000000002</v>
      </c>
      <c r="E24777" s="6">
        <v>802.11810000000003</v>
      </c>
    </row>
    <row r="24778" spans="4:5" x14ac:dyDescent="0.25">
      <c r="D24778" s="6">
        <v>621.37390000000005</v>
      </c>
      <c r="E24778" s="6">
        <v>784.5</v>
      </c>
    </row>
    <row r="24779" spans="4:5" x14ac:dyDescent="0.25">
      <c r="D24779" s="6">
        <v>520.89530000000002</v>
      </c>
      <c r="E24779" s="6">
        <v>576.6866</v>
      </c>
    </row>
    <row r="24780" spans="4:5" x14ac:dyDescent="0.25">
      <c r="D24780" s="6">
        <v>570.53039999999999</v>
      </c>
      <c r="E24780" s="6">
        <v>604.73419999999999</v>
      </c>
    </row>
    <row r="24781" spans="4:5" x14ac:dyDescent="0.25">
      <c r="D24781" s="6">
        <v>6486.9709999999995</v>
      </c>
      <c r="E24781" s="6">
        <v>1559.0360000000001</v>
      </c>
    </row>
    <row r="24782" spans="4:5" x14ac:dyDescent="0.25">
      <c r="D24782" s="6">
        <v>1825.3019999999999</v>
      </c>
      <c r="E24782" s="6">
        <v>651.86369999999999</v>
      </c>
    </row>
    <row r="24783" spans="4:5" x14ac:dyDescent="0.25">
      <c r="D24783" s="6">
        <v>4829.134</v>
      </c>
      <c r="E24783" s="6">
        <v>566.03470000000004</v>
      </c>
    </row>
    <row r="24784" spans="4:5" x14ac:dyDescent="0.25">
      <c r="D24784" s="6">
        <v>532.8569</v>
      </c>
      <c r="E24784" s="6">
        <v>704.15660000000003</v>
      </c>
    </row>
    <row r="24785" spans="4:5" x14ac:dyDescent="0.25">
      <c r="D24785" s="6">
        <v>6125.799</v>
      </c>
      <c r="E24785" s="6">
        <v>910</v>
      </c>
    </row>
    <row r="24786" spans="4:5" x14ac:dyDescent="0.25">
      <c r="D24786" s="6">
        <v>919.1</v>
      </c>
      <c r="E24786" s="6">
        <v>2702.375</v>
      </c>
    </row>
    <row r="24787" spans="4:5" x14ac:dyDescent="0.25">
      <c r="D24787" s="6">
        <v>1184.164</v>
      </c>
      <c r="E24787" s="6">
        <v>2817.944</v>
      </c>
    </row>
    <row r="24788" spans="4:5" x14ac:dyDescent="0.25">
      <c r="D24788" s="6">
        <v>1314.1130000000001</v>
      </c>
      <c r="E24788" s="6">
        <v>893.15470000000005</v>
      </c>
    </row>
    <row r="24789" spans="4:5" x14ac:dyDescent="0.25">
      <c r="D24789" s="6">
        <v>526.92190000000005</v>
      </c>
      <c r="E24789" s="6">
        <v>1722.74</v>
      </c>
    </row>
    <row r="24790" spans="4:5" x14ac:dyDescent="0.25">
      <c r="D24790" s="6">
        <v>6642.6589999999997</v>
      </c>
      <c r="E24790" s="6">
        <v>2109.944</v>
      </c>
    </row>
    <row r="24791" spans="4:5" x14ac:dyDescent="0.25">
      <c r="D24791" s="6">
        <v>554.73599999999999</v>
      </c>
      <c r="E24791" s="6">
        <v>698.8605</v>
      </c>
    </row>
    <row r="24792" spans="4:5" x14ac:dyDescent="0.25">
      <c r="D24792" s="6">
        <v>740.90539999999999</v>
      </c>
      <c r="E24792" s="6">
        <v>1365.9960000000001</v>
      </c>
    </row>
    <row r="24793" spans="4:5" x14ac:dyDescent="0.25">
      <c r="D24793" s="6">
        <v>708.61839999999995</v>
      </c>
      <c r="E24793" s="6">
        <v>1017.943</v>
      </c>
    </row>
    <row r="24794" spans="4:5" x14ac:dyDescent="0.25">
      <c r="D24794" s="6">
        <v>666.94110000000001</v>
      </c>
      <c r="E24794" s="6">
        <v>664.75400000000002</v>
      </c>
    </row>
    <row r="24795" spans="4:5" x14ac:dyDescent="0.25">
      <c r="D24795" s="6">
        <v>1084.8030000000001</v>
      </c>
      <c r="E24795" s="6">
        <v>1430.999</v>
      </c>
    </row>
    <row r="24796" spans="4:5" x14ac:dyDescent="0.25">
      <c r="D24796" s="6">
        <v>1026</v>
      </c>
      <c r="E24796" s="6">
        <v>3678.1729999999998</v>
      </c>
    </row>
    <row r="24797" spans="4:5" x14ac:dyDescent="0.25">
      <c r="D24797" s="6">
        <v>619.6309</v>
      </c>
      <c r="E24797" s="6">
        <v>1439.829</v>
      </c>
    </row>
    <row r="24798" spans="4:5" x14ac:dyDescent="0.25">
      <c r="D24798" s="6">
        <v>3665.2289999999998</v>
      </c>
      <c r="E24798" s="6">
        <v>617.05730000000005</v>
      </c>
    </row>
    <row r="24799" spans="4:5" x14ac:dyDescent="0.25">
      <c r="D24799" s="6">
        <v>635.61410000000001</v>
      </c>
      <c r="E24799" s="6">
        <v>1523.377</v>
      </c>
    </row>
    <row r="24800" spans="4:5" x14ac:dyDescent="0.25">
      <c r="D24800" s="6">
        <v>470.72989999999999</v>
      </c>
      <c r="E24800" s="6">
        <v>780.2174</v>
      </c>
    </row>
    <row r="24801" spans="4:5" x14ac:dyDescent="0.25">
      <c r="D24801" s="6">
        <v>531.56590000000006</v>
      </c>
      <c r="E24801" s="6">
        <v>4697.8320000000003</v>
      </c>
    </row>
    <row r="24802" spans="4:5" x14ac:dyDescent="0.25">
      <c r="D24802" s="6">
        <v>604.60389999999995</v>
      </c>
      <c r="E24802" s="6">
        <v>7539.7309999999998</v>
      </c>
    </row>
    <row r="24803" spans="4:5" x14ac:dyDescent="0.25">
      <c r="D24803" s="6">
        <v>590.9298</v>
      </c>
      <c r="E24803" s="6">
        <v>751.02269999999999</v>
      </c>
    </row>
    <row r="24804" spans="4:5" x14ac:dyDescent="0.25">
      <c r="D24804" s="6">
        <v>580.43399999999997</v>
      </c>
      <c r="E24804" s="6">
        <v>604.49199999999996</v>
      </c>
    </row>
    <row r="24805" spans="4:5" x14ac:dyDescent="0.25">
      <c r="D24805" s="6">
        <v>545.67600000000004</v>
      </c>
      <c r="E24805" s="6">
        <v>9294.1450000000004</v>
      </c>
    </row>
    <row r="24806" spans="4:5" x14ac:dyDescent="0.25">
      <c r="D24806" s="6">
        <v>806.36429999999996</v>
      </c>
      <c r="E24806" s="6">
        <v>845.13329999999996</v>
      </c>
    </row>
    <row r="24807" spans="4:5" x14ac:dyDescent="0.25">
      <c r="D24807" s="6">
        <v>716.85550000000001</v>
      </c>
      <c r="E24807" s="6">
        <v>611.16459999999995</v>
      </c>
    </row>
    <row r="24808" spans="4:5" x14ac:dyDescent="0.25">
      <c r="D24808" s="6">
        <v>1396.712</v>
      </c>
      <c r="E24808" s="6">
        <v>585.92340000000002</v>
      </c>
    </row>
    <row r="24809" spans="4:5" x14ac:dyDescent="0.25">
      <c r="D24809" s="6">
        <v>872.75</v>
      </c>
      <c r="E24809" s="6">
        <v>948.31200000000001</v>
      </c>
    </row>
    <row r="24810" spans="4:5" x14ac:dyDescent="0.25">
      <c r="D24810" s="6">
        <v>4781.1019999999999</v>
      </c>
      <c r="E24810" s="6">
        <v>554.98030000000006</v>
      </c>
    </row>
    <row r="24811" spans="4:5" x14ac:dyDescent="0.25">
      <c r="D24811" s="6">
        <v>576.21680000000003</v>
      </c>
      <c r="E24811" s="6">
        <v>637.10419999999999</v>
      </c>
    </row>
    <row r="24812" spans="4:5" x14ac:dyDescent="0.25">
      <c r="D24812" s="6">
        <v>6317.2139999999999</v>
      </c>
      <c r="E24812" s="6">
        <v>963.49199999999996</v>
      </c>
    </row>
    <row r="24813" spans="4:5" x14ac:dyDescent="0.25">
      <c r="D24813" s="6">
        <v>625.80409999999995</v>
      </c>
      <c r="E24813" s="6">
        <v>4221.3459999999995</v>
      </c>
    </row>
    <row r="24814" spans="4:5" x14ac:dyDescent="0.25">
      <c r="D24814" s="6">
        <v>8300.1280000000006</v>
      </c>
      <c r="E24814" s="6">
        <v>5513.4219999999996</v>
      </c>
    </row>
    <row r="24815" spans="4:5" x14ac:dyDescent="0.25">
      <c r="D24815" s="6">
        <v>591.28639999999996</v>
      </c>
      <c r="E24815" s="6">
        <v>966.08659999999998</v>
      </c>
    </row>
    <row r="24816" spans="4:5" x14ac:dyDescent="0.25">
      <c r="D24816" s="6">
        <v>6701.77</v>
      </c>
      <c r="E24816" s="6">
        <v>524.36189999999999</v>
      </c>
    </row>
    <row r="24817" spans="4:5" x14ac:dyDescent="0.25">
      <c r="D24817" s="6">
        <v>6958.8959999999997</v>
      </c>
      <c r="E24817" s="6">
        <v>4841.3779999999997</v>
      </c>
    </row>
    <row r="24818" spans="4:5" x14ac:dyDescent="0.25">
      <c r="D24818" s="6">
        <v>515.12530000000004</v>
      </c>
      <c r="E24818" s="6">
        <v>5845.1660000000002</v>
      </c>
    </row>
    <row r="24819" spans="4:5" x14ac:dyDescent="0.25">
      <c r="D24819" s="6">
        <v>568.92989999999998</v>
      </c>
      <c r="E24819" s="6">
        <v>790.68449999999996</v>
      </c>
    </row>
    <row r="24820" spans="4:5" x14ac:dyDescent="0.25">
      <c r="D24820" s="6">
        <v>5395.232</v>
      </c>
      <c r="E24820" s="6">
        <v>847.62630000000001</v>
      </c>
    </row>
    <row r="24821" spans="4:5" x14ac:dyDescent="0.25">
      <c r="D24821" s="6">
        <v>630.08960000000002</v>
      </c>
      <c r="E24821" s="6">
        <v>573.65570000000002</v>
      </c>
    </row>
    <row r="24822" spans="4:5" x14ac:dyDescent="0.25">
      <c r="D24822" s="6">
        <v>600.15369999999996</v>
      </c>
      <c r="E24822" s="6">
        <v>1874.9849999999999</v>
      </c>
    </row>
    <row r="24823" spans="4:5" x14ac:dyDescent="0.25">
      <c r="D24823" s="6">
        <v>608.79070000000002</v>
      </c>
      <c r="E24823" s="6">
        <v>1365.6859999999999</v>
      </c>
    </row>
    <row r="24824" spans="4:5" x14ac:dyDescent="0.25">
      <c r="D24824" s="6">
        <v>552.35580000000004</v>
      </c>
      <c r="E24824" s="6">
        <v>555.87860000000001</v>
      </c>
    </row>
    <row r="24825" spans="4:5" x14ac:dyDescent="0.25">
      <c r="D24825" s="6">
        <v>555.50329999999997</v>
      </c>
      <c r="E24825" s="6">
        <v>661.43619999999999</v>
      </c>
    </row>
    <row r="24826" spans="4:5" x14ac:dyDescent="0.25">
      <c r="D24826" s="6">
        <v>611.05370000000005</v>
      </c>
      <c r="E24826" s="6">
        <v>2071.4059999999999</v>
      </c>
    </row>
    <row r="24827" spans="4:5" x14ac:dyDescent="0.25">
      <c r="D24827" s="6">
        <v>2904.2510000000002</v>
      </c>
      <c r="E24827" s="6">
        <v>992.45259999999996</v>
      </c>
    </row>
    <row r="24828" spans="4:5" x14ac:dyDescent="0.25">
      <c r="D24828" s="6">
        <v>585.20479999999998</v>
      </c>
      <c r="E24828" s="6">
        <v>6098.9250000000002</v>
      </c>
    </row>
    <row r="24829" spans="4:5" x14ac:dyDescent="0.25">
      <c r="D24829" s="6">
        <v>5793.268</v>
      </c>
      <c r="E24829" s="6">
        <v>554.56309999999996</v>
      </c>
    </row>
    <row r="24830" spans="4:5" x14ac:dyDescent="0.25">
      <c r="D24830" s="6">
        <v>618.12440000000004</v>
      </c>
      <c r="E24830" s="6">
        <v>5458.9840000000004</v>
      </c>
    </row>
    <row r="24831" spans="4:5" x14ac:dyDescent="0.25">
      <c r="D24831" s="6">
        <v>527.56410000000005</v>
      </c>
      <c r="E24831" s="6">
        <v>547.38279999999997</v>
      </c>
    </row>
    <row r="24832" spans="4:5" x14ac:dyDescent="0.25">
      <c r="D24832" s="6">
        <v>7748.4679999999998</v>
      </c>
      <c r="E24832" s="6">
        <v>1510.8330000000001</v>
      </c>
    </row>
    <row r="24833" spans="4:5" x14ac:dyDescent="0.25">
      <c r="D24833" s="6">
        <v>5332.6170000000002</v>
      </c>
      <c r="E24833" s="6">
        <v>522.3569</v>
      </c>
    </row>
    <row r="24834" spans="4:5" x14ac:dyDescent="0.25">
      <c r="D24834" s="6">
        <v>5400.1459999999997</v>
      </c>
      <c r="E24834" s="6">
        <v>4114.357</v>
      </c>
    </row>
    <row r="24835" spans="4:5" x14ac:dyDescent="0.25">
      <c r="D24835" s="6">
        <v>447.48809999999997</v>
      </c>
      <c r="E24835" s="6">
        <v>757.76220000000001</v>
      </c>
    </row>
    <row r="24836" spans="4:5" x14ac:dyDescent="0.25">
      <c r="D24836" s="6">
        <v>1625.155</v>
      </c>
      <c r="E24836" s="6">
        <v>4763.9110000000001</v>
      </c>
    </row>
    <row r="24837" spans="4:5" x14ac:dyDescent="0.25">
      <c r="D24837" s="6">
        <v>664.44820000000004</v>
      </c>
      <c r="E24837" s="6">
        <v>724.44129999999996</v>
      </c>
    </row>
    <row r="24838" spans="4:5" x14ac:dyDescent="0.25">
      <c r="D24838" s="6">
        <v>865.45699999999999</v>
      </c>
      <c r="E24838" s="6">
        <v>1743.4159999999999</v>
      </c>
    </row>
    <row r="24839" spans="4:5" x14ac:dyDescent="0.25">
      <c r="D24839" s="6">
        <v>5473.6970000000001</v>
      </c>
      <c r="E24839" s="6">
        <v>607.76739999999995</v>
      </c>
    </row>
    <row r="24840" spans="4:5" x14ac:dyDescent="0.25">
      <c r="D24840" s="6">
        <v>720.37959999999998</v>
      </c>
      <c r="E24840" s="6">
        <v>869.89800000000002</v>
      </c>
    </row>
    <row r="24841" spans="4:5" x14ac:dyDescent="0.25">
      <c r="D24841" s="6">
        <v>623.90589999999997</v>
      </c>
      <c r="E24841" s="6">
        <v>1512.8630000000001</v>
      </c>
    </row>
    <row r="24842" spans="4:5" x14ac:dyDescent="0.25">
      <c r="D24842" s="6">
        <v>4301.6629999999996</v>
      </c>
      <c r="E24842" s="6">
        <v>1187.097</v>
      </c>
    </row>
    <row r="24843" spans="4:5" x14ac:dyDescent="0.25">
      <c r="D24843" s="6">
        <v>1007.307</v>
      </c>
      <c r="E24843" s="6">
        <v>664.31020000000001</v>
      </c>
    </row>
    <row r="24844" spans="4:5" x14ac:dyDescent="0.25">
      <c r="D24844" s="6">
        <v>644.71569999999997</v>
      </c>
      <c r="E24844" s="6">
        <v>2770.1779999999999</v>
      </c>
    </row>
    <row r="24845" spans="4:5" x14ac:dyDescent="0.25">
      <c r="D24845" s="6">
        <v>575.92510000000004</v>
      </c>
      <c r="E24845" s="6">
        <v>1332.6959999999999</v>
      </c>
    </row>
    <row r="24846" spans="4:5" x14ac:dyDescent="0.25">
      <c r="D24846" s="6">
        <v>837.5</v>
      </c>
      <c r="E24846" s="6">
        <v>13157.5</v>
      </c>
    </row>
    <row r="24847" spans="4:5" x14ac:dyDescent="0.25">
      <c r="D24847" s="6">
        <v>580.56529999999998</v>
      </c>
      <c r="E24847" s="6">
        <v>1630.4770000000001</v>
      </c>
    </row>
    <row r="24848" spans="4:5" x14ac:dyDescent="0.25">
      <c r="D24848" s="6">
        <v>648.95240000000001</v>
      </c>
      <c r="E24848" s="6">
        <v>607.71849999999995</v>
      </c>
    </row>
    <row r="24849" spans="4:5" x14ac:dyDescent="0.25">
      <c r="D24849" s="6">
        <v>644.68730000000005</v>
      </c>
      <c r="E24849" s="6">
        <v>906.07360000000006</v>
      </c>
    </row>
    <row r="24850" spans="4:5" x14ac:dyDescent="0.25">
      <c r="D24850" s="6">
        <v>2202.6999999999998</v>
      </c>
      <c r="E24850" s="6">
        <v>5215.3310000000001</v>
      </c>
    </row>
    <row r="24851" spans="4:5" x14ac:dyDescent="0.25">
      <c r="D24851" s="6">
        <v>547.67819999999995</v>
      </c>
      <c r="E24851" s="6">
        <v>648.09500000000003</v>
      </c>
    </row>
    <row r="24852" spans="4:5" x14ac:dyDescent="0.25">
      <c r="D24852" s="6">
        <v>604.21140000000003</v>
      </c>
      <c r="E24852" s="6">
        <v>1049.944</v>
      </c>
    </row>
    <row r="24853" spans="4:5" x14ac:dyDescent="0.25">
      <c r="D24853" s="6">
        <v>745.71169999999995</v>
      </c>
      <c r="E24853" s="6">
        <v>864.52739999999994</v>
      </c>
    </row>
    <row r="24854" spans="4:5" x14ac:dyDescent="0.25">
      <c r="D24854" s="6">
        <v>634.51020000000005</v>
      </c>
      <c r="E24854" s="6">
        <v>5526.116</v>
      </c>
    </row>
    <row r="24855" spans="4:5" x14ac:dyDescent="0.25">
      <c r="D24855" s="6">
        <v>3333.0659999999998</v>
      </c>
      <c r="E24855" s="6">
        <v>1370.5609999999999</v>
      </c>
    </row>
    <row r="24856" spans="4:5" x14ac:dyDescent="0.25">
      <c r="D24856" s="6">
        <v>2984.5410000000002</v>
      </c>
      <c r="E24856" s="6">
        <v>615.35850000000005</v>
      </c>
    </row>
    <row r="24857" spans="4:5" x14ac:dyDescent="0.25">
      <c r="D24857" s="6">
        <v>2972</v>
      </c>
      <c r="E24857" s="6">
        <v>647.78420000000006</v>
      </c>
    </row>
    <row r="24858" spans="4:5" x14ac:dyDescent="0.25">
      <c r="D24858" s="6">
        <v>597.98659999999995</v>
      </c>
      <c r="E24858" s="6">
        <v>1112.6669999999999</v>
      </c>
    </row>
    <row r="24859" spans="4:5" x14ac:dyDescent="0.25">
      <c r="D24859" s="6">
        <v>1018.669</v>
      </c>
      <c r="E24859" s="6">
        <v>556.06939999999997</v>
      </c>
    </row>
    <row r="24860" spans="4:5" x14ac:dyDescent="0.25">
      <c r="D24860" s="6">
        <v>6862.9250000000002</v>
      </c>
      <c r="E24860" s="6">
        <v>1082.923</v>
      </c>
    </row>
    <row r="24861" spans="4:5" x14ac:dyDescent="0.25">
      <c r="D24861" s="6">
        <v>5809.4930000000004</v>
      </c>
      <c r="E24861" s="6">
        <v>684.16120000000001</v>
      </c>
    </row>
    <row r="24862" spans="4:5" x14ac:dyDescent="0.25">
      <c r="D24862" s="6">
        <v>610.74480000000005</v>
      </c>
      <c r="E24862" s="6">
        <v>1067.096</v>
      </c>
    </row>
    <row r="24863" spans="4:5" x14ac:dyDescent="0.25">
      <c r="D24863" s="6">
        <v>666.85630000000003</v>
      </c>
      <c r="E24863" s="6">
        <v>672.30960000000005</v>
      </c>
    </row>
    <row r="24864" spans="4:5" x14ac:dyDescent="0.25">
      <c r="D24864" s="6">
        <v>4200.7049999999999</v>
      </c>
      <c r="E24864" s="6">
        <v>1552.8409999999999</v>
      </c>
    </row>
    <row r="24865" spans="4:5" x14ac:dyDescent="0.25">
      <c r="D24865" s="6">
        <v>578.86760000000004</v>
      </c>
      <c r="E24865" s="6">
        <v>1244.808</v>
      </c>
    </row>
    <row r="24866" spans="4:5" x14ac:dyDescent="0.25">
      <c r="D24866" s="6">
        <v>862.96370000000002</v>
      </c>
      <c r="E24866" s="6">
        <v>711</v>
      </c>
    </row>
    <row r="24867" spans="4:5" x14ac:dyDescent="0.25">
      <c r="D24867" s="6">
        <v>3483.75</v>
      </c>
      <c r="E24867" s="6">
        <v>600.09090000000003</v>
      </c>
    </row>
    <row r="24868" spans="4:5" x14ac:dyDescent="0.25">
      <c r="D24868" s="6">
        <v>487.12150000000003</v>
      </c>
      <c r="E24868" s="6">
        <v>538.03959999999995</v>
      </c>
    </row>
    <row r="24869" spans="4:5" x14ac:dyDescent="0.25">
      <c r="D24869" s="6">
        <v>536.37890000000004</v>
      </c>
      <c r="E24869" s="6">
        <v>573.99869999999999</v>
      </c>
    </row>
    <row r="24870" spans="4:5" x14ac:dyDescent="0.25">
      <c r="D24870" s="6">
        <v>1552.4960000000001</v>
      </c>
      <c r="E24870" s="6">
        <v>671.14589999999998</v>
      </c>
    </row>
    <row r="24871" spans="4:5" x14ac:dyDescent="0.25">
      <c r="D24871" s="6">
        <v>597.01729999999998</v>
      </c>
      <c r="E24871" s="6">
        <v>610.04110000000003</v>
      </c>
    </row>
    <row r="24872" spans="4:5" x14ac:dyDescent="0.25">
      <c r="D24872" s="6">
        <v>609.21900000000005</v>
      </c>
      <c r="E24872" s="6">
        <v>1248.056</v>
      </c>
    </row>
    <row r="24873" spans="4:5" x14ac:dyDescent="0.25">
      <c r="D24873" s="6">
        <v>563.57219999999995</v>
      </c>
      <c r="E24873" s="6">
        <v>2610.7159999999999</v>
      </c>
    </row>
    <row r="24874" spans="4:5" x14ac:dyDescent="0.25">
      <c r="D24874" s="6">
        <v>5130.7420000000002</v>
      </c>
      <c r="E24874" s="6">
        <v>1130.125</v>
      </c>
    </row>
    <row r="24875" spans="4:5" x14ac:dyDescent="0.25">
      <c r="D24875" s="6">
        <v>1031.3309999999999</v>
      </c>
      <c r="E24875" s="6">
        <v>574.53859999999997</v>
      </c>
    </row>
    <row r="24876" spans="4:5" x14ac:dyDescent="0.25">
      <c r="D24876" s="6">
        <v>626.22339999999997</v>
      </c>
      <c r="E24876" s="6">
        <v>1184.124</v>
      </c>
    </row>
    <row r="24877" spans="4:5" x14ac:dyDescent="0.25">
      <c r="D24877" s="6">
        <v>629.09169999999995</v>
      </c>
      <c r="E24877" s="6">
        <v>637.60429999999997</v>
      </c>
    </row>
    <row r="24878" spans="4:5" x14ac:dyDescent="0.25">
      <c r="D24878" s="6">
        <v>663.78890000000001</v>
      </c>
      <c r="E24878" s="6">
        <v>1451.7670000000001</v>
      </c>
    </row>
    <row r="24879" spans="4:5" x14ac:dyDescent="0.25">
      <c r="D24879" s="6">
        <v>1736.5920000000001</v>
      </c>
      <c r="E24879" s="6">
        <v>587.24469999999997</v>
      </c>
    </row>
    <row r="24880" spans="4:5" x14ac:dyDescent="0.25">
      <c r="D24880" s="6">
        <v>551.09199999999998</v>
      </c>
      <c r="E24880" s="6">
        <v>503.83460000000002</v>
      </c>
    </row>
    <row r="24881" spans="4:5" x14ac:dyDescent="0.25">
      <c r="D24881" s="6">
        <v>549.75909999999999</v>
      </c>
      <c r="E24881" s="6">
        <v>1239.472</v>
      </c>
    </row>
    <row r="24882" spans="4:5" x14ac:dyDescent="0.25">
      <c r="D24882" s="6">
        <v>552.79449999999997</v>
      </c>
      <c r="E24882" s="6">
        <v>1523.096</v>
      </c>
    </row>
    <row r="24883" spans="4:5" x14ac:dyDescent="0.25">
      <c r="D24883" s="6">
        <v>3963.0390000000002</v>
      </c>
      <c r="E24883" s="6">
        <v>2518.5639999999999</v>
      </c>
    </row>
    <row r="24884" spans="4:5" x14ac:dyDescent="0.25">
      <c r="D24884" s="6">
        <v>557.80830000000003</v>
      </c>
      <c r="E24884" s="6">
        <v>502.06810000000002</v>
      </c>
    </row>
    <row r="24885" spans="4:5" x14ac:dyDescent="0.25">
      <c r="D24885" s="6">
        <v>1694.126</v>
      </c>
      <c r="E24885" s="6">
        <v>701.12509999999997</v>
      </c>
    </row>
    <row r="24886" spans="4:5" x14ac:dyDescent="0.25">
      <c r="D24886" s="6">
        <v>494.98200000000003</v>
      </c>
      <c r="E24886" s="6">
        <v>911.10090000000002</v>
      </c>
    </row>
    <row r="24887" spans="4:5" x14ac:dyDescent="0.25">
      <c r="D24887" s="6">
        <v>714.97730000000001</v>
      </c>
      <c r="E24887" s="6">
        <v>2605.7249999999999</v>
      </c>
    </row>
    <row r="24888" spans="4:5" x14ac:dyDescent="0.25">
      <c r="D24888" s="6">
        <v>482.91410000000002</v>
      </c>
      <c r="E24888" s="6">
        <v>1174.739</v>
      </c>
    </row>
    <row r="24889" spans="4:5" x14ac:dyDescent="0.25">
      <c r="D24889" s="6">
        <v>596.94349999999997</v>
      </c>
      <c r="E24889" s="6">
        <v>3276.3</v>
      </c>
    </row>
    <row r="24890" spans="4:5" x14ac:dyDescent="0.25">
      <c r="D24890" s="6">
        <v>550.01819999999998</v>
      </c>
      <c r="E24890" s="6">
        <v>720.50509999999997</v>
      </c>
    </row>
    <row r="24891" spans="4:5" x14ac:dyDescent="0.25">
      <c r="D24891" s="6">
        <v>580.37279999999998</v>
      </c>
      <c r="E24891" s="6">
        <v>765.68140000000005</v>
      </c>
    </row>
    <row r="24892" spans="4:5" x14ac:dyDescent="0.25">
      <c r="D24892" s="6">
        <v>754.12609999999995</v>
      </c>
      <c r="E24892" s="6">
        <v>5895.982</v>
      </c>
    </row>
    <row r="24893" spans="4:5" x14ac:dyDescent="0.25">
      <c r="D24893" s="6">
        <v>424.74380000000002</v>
      </c>
      <c r="E24893" s="6">
        <v>4243.701</v>
      </c>
    </row>
    <row r="24894" spans="4:5" x14ac:dyDescent="0.25">
      <c r="D24894" s="6">
        <v>1743.6130000000001</v>
      </c>
      <c r="E24894" s="6">
        <v>662.70529999999997</v>
      </c>
    </row>
    <row r="24895" spans="4:5" x14ac:dyDescent="0.25">
      <c r="D24895" s="6">
        <v>1048.7550000000001</v>
      </c>
      <c r="E24895" s="6">
        <v>1308.807</v>
      </c>
    </row>
    <row r="24896" spans="4:5" x14ac:dyDescent="0.25">
      <c r="D24896" s="6">
        <v>690.82849999999996</v>
      </c>
      <c r="E24896" s="6">
        <v>3881.3389999999999</v>
      </c>
    </row>
    <row r="24897" spans="4:5" x14ac:dyDescent="0.25">
      <c r="D24897" s="6">
        <v>607.58209999999997</v>
      </c>
      <c r="E24897" s="6">
        <v>877.01300000000003</v>
      </c>
    </row>
    <row r="24898" spans="4:5" x14ac:dyDescent="0.25">
      <c r="D24898" s="6">
        <v>646.64829999999995</v>
      </c>
      <c r="E24898" s="6">
        <v>1001.337</v>
      </c>
    </row>
    <row r="24899" spans="4:5" x14ac:dyDescent="0.25">
      <c r="D24899" s="6">
        <v>973.60389999999995</v>
      </c>
      <c r="E24899" s="6">
        <v>1117.752</v>
      </c>
    </row>
    <row r="24900" spans="4:5" x14ac:dyDescent="0.25">
      <c r="D24900" s="6">
        <v>13021.43</v>
      </c>
      <c r="E24900" s="6">
        <v>555.93809999999996</v>
      </c>
    </row>
    <row r="24901" spans="4:5" x14ac:dyDescent="0.25">
      <c r="D24901" s="6">
        <v>535.40560000000005</v>
      </c>
      <c r="E24901" s="6">
        <v>3852.4279999999999</v>
      </c>
    </row>
    <row r="24902" spans="4:5" x14ac:dyDescent="0.25">
      <c r="D24902" s="6">
        <v>565.33410000000003</v>
      </c>
      <c r="E24902" s="6">
        <v>983.5675</v>
      </c>
    </row>
    <row r="24903" spans="4:5" x14ac:dyDescent="0.25">
      <c r="D24903" s="6">
        <v>658.85429999999997</v>
      </c>
      <c r="E24903" s="6">
        <v>6577.2240000000002</v>
      </c>
    </row>
    <row r="24904" spans="4:5" x14ac:dyDescent="0.25">
      <c r="D24904" s="6">
        <v>701.10180000000003</v>
      </c>
      <c r="E24904" s="6">
        <v>546.47320000000002</v>
      </c>
    </row>
    <row r="24905" spans="4:5" x14ac:dyDescent="0.25">
      <c r="D24905" s="6">
        <v>3603.2649999999999</v>
      </c>
      <c r="E24905" s="6">
        <v>736.42169999999999</v>
      </c>
    </row>
    <row r="24906" spans="4:5" x14ac:dyDescent="0.25">
      <c r="D24906" s="6">
        <v>593.47400000000005</v>
      </c>
      <c r="E24906" s="6">
        <v>609.98580000000004</v>
      </c>
    </row>
    <row r="24907" spans="4:5" x14ac:dyDescent="0.25">
      <c r="D24907" s="6">
        <v>725.55560000000003</v>
      </c>
      <c r="E24907" s="6">
        <v>646.77539999999999</v>
      </c>
    </row>
    <row r="24908" spans="4:5" x14ac:dyDescent="0.25">
      <c r="D24908" s="6">
        <v>647.4538</v>
      </c>
      <c r="E24908" s="6">
        <v>3435.3330000000001</v>
      </c>
    </row>
    <row r="24909" spans="4:5" x14ac:dyDescent="0.25">
      <c r="D24909" s="6">
        <v>711.41589999999997</v>
      </c>
      <c r="E24909" s="6">
        <v>879.45349999999996</v>
      </c>
    </row>
    <row r="24910" spans="4:5" x14ac:dyDescent="0.25">
      <c r="D24910" s="6">
        <v>642.07979999999998</v>
      </c>
      <c r="E24910" s="6">
        <v>1143.796</v>
      </c>
    </row>
    <row r="24911" spans="4:5" x14ac:dyDescent="0.25">
      <c r="D24911" s="6">
        <v>461.36090000000002</v>
      </c>
      <c r="E24911" s="6">
        <v>495.35989999999998</v>
      </c>
    </row>
    <row r="24912" spans="4:5" x14ac:dyDescent="0.25">
      <c r="D24912" s="6">
        <v>635.37699999999995</v>
      </c>
      <c r="E24912" s="6">
        <v>640.27539999999999</v>
      </c>
    </row>
    <row r="24913" spans="4:5" x14ac:dyDescent="0.25">
      <c r="D24913" s="6">
        <v>877.50229999999999</v>
      </c>
      <c r="E24913" s="6">
        <v>1474.373</v>
      </c>
    </row>
    <row r="24914" spans="4:5" x14ac:dyDescent="0.25">
      <c r="D24914" s="6">
        <v>751.21389999999997</v>
      </c>
      <c r="E24914" s="6">
        <v>595.76459999999997</v>
      </c>
    </row>
    <row r="24915" spans="4:5" x14ac:dyDescent="0.25">
      <c r="D24915" s="6">
        <v>577.06910000000005</v>
      </c>
      <c r="E24915" s="6">
        <v>2700.6990000000001</v>
      </c>
    </row>
    <row r="24916" spans="4:5" x14ac:dyDescent="0.25">
      <c r="D24916" s="6">
        <v>636.14769999999999</v>
      </c>
      <c r="E24916" s="6">
        <v>708.673</v>
      </c>
    </row>
    <row r="24917" spans="4:5" x14ac:dyDescent="0.25">
      <c r="D24917" s="6">
        <v>609.09760000000006</v>
      </c>
      <c r="E24917" s="6">
        <v>600.34130000000005</v>
      </c>
    </row>
    <row r="24918" spans="4:5" x14ac:dyDescent="0.25">
      <c r="D24918" s="6">
        <v>949.39710000000002</v>
      </c>
      <c r="E24918" s="6">
        <v>706.27560000000005</v>
      </c>
    </row>
    <row r="24919" spans="4:5" x14ac:dyDescent="0.25">
      <c r="D24919" s="6">
        <v>1866.5119999999999</v>
      </c>
      <c r="E24919" s="6">
        <v>917.23119999999994</v>
      </c>
    </row>
    <row r="24920" spans="4:5" x14ac:dyDescent="0.25">
      <c r="D24920" s="6">
        <v>703.89469999999994</v>
      </c>
      <c r="E24920" s="6">
        <v>3186.2620000000002</v>
      </c>
    </row>
    <row r="24921" spans="4:5" x14ac:dyDescent="0.25">
      <c r="D24921" s="6">
        <v>663.32550000000003</v>
      </c>
      <c r="E24921" s="6">
        <v>562.95749999999998</v>
      </c>
    </row>
    <row r="24922" spans="4:5" x14ac:dyDescent="0.25">
      <c r="D24922" s="6">
        <v>5257.4629999999997</v>
      </c>
      <c r="E24922" s="6">
        <v>738.24350000000004</v>
      </c>
    </row>
    <row r="24923" spans="4:5" x14ac:dyDescent="0.25">
      <c r="D24923" s="6">
        <v>5433.0370000000003</v>
      </c>
      <c r="E24923" s="6">
        <v>749.61120000000005</v>
      </c>
    </row>
    <row r="24924" spans="4:5" x14ac:dyDescent="0.25">
      <c r="D24924" s="6">
        <v>573.80859999999996</v>
      </c>
      <c r="E24924" s="6">
        <v>797.10500000000002</v>
      </c>
    </row>
    <row r="24925" spans="4:5" x14ac:dyDescent="0.25">
      <c r="D24925" s="6">
        <v>552.04240000000004</v>
      </c>
      <c r="E24925" s="6">
        <v>532.77290000000005</v>
      </c>
    </row>
    <row r="24926" spans="4:5" x14ac:dyDescent="0.25">
      <c r="D24926" s="6">
        <v>695.42579999999998</v>
      </c>
      <c r="E24926" s="6">
        <v>562.93280000000004</v>
      </c>
    </row>
    <row r="24927" spans="4:5" x14ac:dyDescent="0.25">
      <c r="D24927" s="6">
        <v>596.71699999999998</v>
      </c>
      <c r="E24927" s="6">
        <v>462.1121</v>
      </c>
    </row>
    <row r="24928" spans="4:5" x14ac:dyDescent="0.25">
      <c r="D24928" s="6">
        <v>548.43330000000003</v>
      </c>
      <c r="E24928" s="6">
        <v>681.66150000000005</v>
      </c>
    </row>
    <row r="24929" spans="4:5" x14ac:dyDescent="0.25">
      <c r="D24929" s="6">
        <v>488.61380000000003</v>
      </c>
      <c r="E24929" s="6">
        <v>687.82629999999995</v>
      </c>
    </row>
    <row r="24930" spans="4:5" x14ac:dyDescent="0.25">
      <c r="D24930" s="6">
        <v>5219</v>
      </c>
      <c r="E24930" s="6">
        <v>6251.0680000000002</v>
      </c>
    </row>
    <row r="24931" spans="4:5" x14ac:dyDescent="0.25">
      <c r="D24931" s="6">
        <v>5274.2439999999997</v>
      </c>
      <c r="E24931" s="6">
        <v>651.34860000000003</v>
      </c>
    </row>
    <row r="24932" spans="4:5" x14ac:dyDescent="0.25">
      <c r="D24932" s="6">
        <v>933.14290000000005</v>
      </c>
      <c r="E24932" s="6">
        <v>577.06849999999997</v>
      </c>
    </row>
    <row r="24933" spans="4:5" x14ac:dyDescent="0.25">
      <c r="D24933" s="6">
        <v>3266.5479999999998</v>
      </c>
      <c r="E24933" s="6">
        <v>821.4615</v>
      </c>
    </row>
    <row r="24934" spans="4:5" x14ac:dyDescent="0.25">
      <c r="D24934" s="6">
        <v>564.10209999999995</v>
      </c>
      <c r="E24934" s="6">
        <v>2030.0150000000001</v>
      </c>
    </row>
    <row r="24935" spans="4:5" x14ac:dyDescent="0.25">
      <c r="D24935" s="6">
        <v>664.85249999999996</v>
      </c>
      <c r="E24935" s="6">
        <v>4978.1880000000001</v>
      </c>
    </row>
    <row r="24936" spans="4:5" x14ac:dyDescent="0.25">
      <c r="D24936" s="6">
        <v>544.4479</v>
      </c>
      <c r="E24936" s="6">
        <v>3044.8209999999999</v>
      </c>
    </row>
    <row r="24937" spans="4:5" x14ac:dyDescent="0.25">
      <c r="D24937" s="6">
        <v>528.78660000000002</v>
      </c>
      <c r="E24937" s="6">
        <v>564.78800000000001</v>
      </c>
    </row>
    <row r="24938" spans="4:5" x14ac:dyDescent="0.25">
      <c r="D24938" s="6">
        <v>590.04880000000003</v>
      </c>
      <c r="E24938" s="6">
        <v>719.38289999999995</v>
      </c>
    </row>
    <row r="24939" spans="4:5" x14ac:dyDescent="0.25">
      <c r="D24939" s="6">
        <v>666.26319999999998</v>
      </c>
      <c r="E24939" s="6">
        <v>552.87750000000005</v>
      </c>
    </row>
    <row r="24940" spans="4:5" x14ac:dyDescent="0.25">
      <c r="D24940" s="6">
        <v>571.88710000000003</v>
      </c>
      <c r="E24940" s="6">
        <v>2828</v>
      </c>
    </row>
    <row r="24941" spans="4:5" x14ac:dyDescent="0.25">
      <c r="D24941" s="6">
        <v>558.3356</v>
      </c>
      <c r="E24941" s="6">
        <v>745.38679999999999</v>
      </c>
    </row>
    <row r="24942" spans="4:5" x14ac:dyDescent="0.25">
      <c r="D24942" s="6">
        <v>3464.6579999999999</v>
      </c>
      <c r="E24942" s="6">
        <v>6870.7240000000002</v>
      </c>
    </row>
    <row r="24943" spans="4:5" x14ac:dyDescent="0.25">
      <c r="D24943" s="6">
        <v>3709.6120000000001</v>
      </c>
      <c r="E24943" s="6">
        <v>1878.259</v>
      </c>
    </row>
    <row r="24944" spans="4:5" x14ac:dyDescent="0.25">
      <c r="D24944" s="6">
        <v>3427.97</v>
      </c>
      <c r="E24944" s="6">
        <v>589.46050000000002</v>
      </c>
    </row>
    <row r="24945" spans="4:5" x14ac:dyDescent="0.25">
      <c r="D24945" s="6">
        <v>598.09469999999999</v>
      </c>
      <c r="E24945" s="6">
        <v>4003.6439999999998</v>
      </c>
    </row>
    <row r="24946" spans="4:5" x14ac:dyDescent="0.25">
      <c r="D24946" s="6">
        <v>584.72829999999999</v>
      </c>
      <c r="E24946" s="6">
        <v>1637.0640000000001</v>
      </c>
    </row>
    <row r="24947" spans="4:5" x14ac:dyDescent="0.25">
      <c r="D24947" s="6">
        <v>4768.0320000000002</v>
      </c>
      <c r="E24947" s="6">
        <v>765.90440000000001</v>
      </c>
    </row>
    <row r="24948" spans="4:5" x14ac:dyDescent="0.25">
      <c r="D24948" s="6">
        <v>537.60050000000001</v>
      </c>
      <c r="E24948" s="6">
        <v>626.63160000000005</v>
      </c>
    </row>
    <row r="24949" spans="4:5" x14ac:dyDescent="0.25">
      <c r="D24949" s="6">
        <v>1168.826</v>
      </c>
      <c r="E24949" s="6">
        <v>707.21130000000005</v>
      </c>
    </row>
    <row r="24950" spans="4:5" x14ac:dyDescent="0.25">
      <c r="D24950" s="6">
        <v>651.42639999999994</v>
      </c>
      <c r="E24950" s="6">
        <v>2244.1950000000002</v>
      </c>
    </row>
    <row r="24951" spans="4:5" x14ac:dyDescent="0.25">
      <c r="D24951" s="6">
        <v>648.80439999999999</v>
      </c>
      <c r="E24951" s="6">
        <v>1213.5</v>
      </c>
    </row>
    <row r="24952" spans="4:5" x14ac:dyDescent="0.25">
      <c r="D24952" s="6">
        <v>674.05889999999999</v>
      </c>
      <c r="E24952" s="6">
        <v>4600.7420000000002</v>
      </c>
    </row>
    <row r="24953" spans="4:5" x14ac:dyDescent="0.25">
      <c r="D24953" s="6">
        <v>6159.0749999999998</v>
      </c>
      <c r="E24953" s="6">
        <v>1252.1669999999999</v>
      </c>
    </row>
    <row r="24954" spans="4:5" x14ac:dyDescent="0.25">
      <c r="D24954" s="6">
        <v>4325.3540000000003</v>
      </c>
      <c r="E24954" s="6">
        <v>3229.5189999999998</v>
      </c>
    </row>
    <row r="24955" spans="4:5" x14ac:dyDescent="0.25">
      <c r="D24955" s="6">
        <v>545.28530000000001</v>
      </c>
      <c r="E24955" s="6">
        <v>850.39189999999996</v>
      </c>
    </row>
    <row r="24956" spans="4:5" x14ac:dyDescent="0.25">
      <c r="D24956" s="6">
        <v>6698.9610000000002</v>
      </c>
      <c r="E24956" s="6">
        <v>541.45650000000001</v>
      </c>
    </row>
    <row r="24957" spans="4:5" x14ac:dyDescent="0.25">
      <c r="D24957" s="6">
        <v>469.99430000000001</v>
      </c>
      <c r="E24957" s="6">
        <v>1368.5920000000001</v>
      </c>
    </row>
    <row r="24958" spans="4:5" x14ac:dyDescent="0.25">
      <c r="D24958" s="6">
        <v>5185.9790000000003</v>
      </c>
      <c r="E24958" s="6">
        <v>541.10609999999997</v>
      </c>
    </row>
    <row r="24959" spans="4:5" x14ac:dyDescent="0.25">
      <c r="D24959" s="6">
        <v>548.03899999999999</v>
      </c>
      <c r="E24959" s="6">
        <v>4970.7150000000001</v>
      </c>
    </row>
    <row r="24960" spans="4:5" x14ac:dyDescent="0.25">
      <c r="D24960" s="6">
        <v>1147.4649999999999</v>
      </c>
      <c r="E24960" s="6">
        <v>4679.4660000000003</v>
      </c>
    </row>
    <row r="24961" spans="4:5" x14ac:dyDescent="0.25">
      <c r="D24961" s="6">
        <v>1375.6089999999999</v>
      </c>
      <c r="E24961" s="6">
        <v>599.72220000000004</v>
      </c>
    </row>
    <row r="24962" spans="4:5" x14ac:dyDescent="0.25">
      <c r="D24962" s="6">
        <v>554.70759999999996</v>
      </c>
      <c r="E24962" s="6">
        <v>1030.441</v>
      </c>
    </row>
    <row r="24963" spans="4:5" x14ac:dyDescent="0.25">
      <c r="D24963" s="6">
        <v>686.36739999999998</v>
      </c>
      <c r="E24963" s="6">
        <v>1167.6400000000001</v>
      </c>
    </row>
    <row r="24964" spans="4:5" x14ac:dyDescent="0.25">
      <c r="D24964" s="6">
        <v>1531.0129999999999</v>
      </c>
      <c r="E24964" s="6">
        <v>593.16740000000004</v>
      </c>
    </row>
    <row r="24965" spans="4:5" x14ac:dyDescent="0.25">
      <c r="D24965" s="6">
        <v>2326.277</v>
      </c>
      <c r="E24965" s="6">
        <v>541.83330000000001</v>
      </c>
    </row>
    <row r="24966" spans="4:5" x14ac:dyDescent="0.25">
      <c r="D24966" s="6">
        <v>616.21969999999999</v>
      </c>
      <c r="E24966" s="6">
        <v>716.71960000000001</v>
      </c>
    </row>
    <row r="24967" spans="4:5" x14ac:dyDescent="0.25">
      <c r="D24967" s="6">
        <v>3788.7559999999999</v>
      </c>
      <c r="E24967" s="6">
        <v>533.52350000000001</v>
      </c>
    </row>
    <row r="24968" spans="4:5" x14ac:dyDescent="0.25">
      <c r="D24968" s="6">
        <v>8076.6019999999999</v>
      </c>
      <c r="E24968" s="6">
        <v>2795.9140000000002</v>
      </c>
    </row>
    <row r="24969" spans="4:5" x14ac:dyDescent="0.25">
      <c r="D24969" s="6">
        <v>974.75</v>
      </c>
      <c r="E24969" s="6">
        <v>769.2355</v>
      </c>
    </row>
    <row r="24970" spans="4:5" x14ac:dyDescent="0.25">
      <c r="D24970" s="6">
        <v>409.38249999999999</v>
      </c>
      <c r="E24970" s="6">
        <v>1165.1469999999999</v>
      </c>
    </row>
    <row r="24971" spans="4:5" x14ac:dyDescent="0.25">
      <c r="D24971" s="6">
        <v>810.9384</v>
      </c>
      <c r="E24971" s="6">
        <v>776.9402</v>
      </c>
    </row>
    <row r="24972" spans="4:5" x14ac:dyDescent="0.25">
      <c r="D24972" s="6">
        <v>534.654</v>
      </c>
      <c r="E24972" s="6">
        <v>2487.0309999999999</v>
      </c>
    </row>
    <row r="24973" spans="4:5" x14ac:dyDescent="0.25">
      <c r="D24973" s="6">
        <v>486.17559999999997</v>
      </c>
      <c r="E24973" s="6">
        <v>1125.5170000000001</v>
      </c>
    </row>
    <row r="24974" spans="4:5" x14ac:dyDescent="0.25">
      <c r="D24974" s="6">
        <v>5270.9769999999999</v>
      </c>
      <c r="E24974" s="6">
        <v>636.71759999999995</v>
      </c>
    </row>
    <row r="24975" spans="4:5" x14ac:dyDescent="0.25">
      <c r="D24975" s="6">
        <v>2598.98</v>
      </c>
      <c r="E24975" s="6">
        <v>627.4624</v>
      </c>
    </row>
    <row r="24976" spans="4:5" x14ac:dyDescent="0.25">
      <c r="D24976" s="6">
        <v>753.2663</v>
      </c>
      <c r="E24976" s="6">
        <v>1212.154</v>
      </c>
    </row>
    <row r="24977" spans="4:5" x14ac:dyDescent="0.25">
      <c r="D24977" s="6">
        <v>533.47379999999998</v>
      </c>
      <c r="E24977" s="6">
        <v>692.46079999999995</v>
      </c>
    </row>
    <row r="24978" spans="4:5" x14ac:dyDescent="0.25">
      <c r="D24978" s="6">
        <v>461.33659999999998</v>
      </c>
      <c r="E24978" s="6">
        <v>701.29269999999997</v>
      </c>
    </row>
    <row r="24979" spans="4:5" x14ac:dyDescent="0.25">
      <c r="D24979" s="6">
        <v>1313.4939999999999</v>
      </c>
      <c r="E24979" s="6">
        <v>5227.0230000000001</v>
      </c>
    </row>
    <row r="24980" spans="4:5" x14ac:dyDescent="0.25">
      <c r="D24980" s="6">
        <v>5263.2870000000003</v>
      </c>
      <c r="E24980" s="6">
        <v>506.37939999999998</v>
      </c>
    </row>
    <row r="24981" spans="4:5" x14ac:dyDescent="0.25">
      <c r="D24981" s="6">
        <v>640.01409999999998</v>
      </c>
      <c r="E24981" s="6">
        <v>2125.5360000000001</v>
      </c>
    </row>
    <row r="24982" spans="4:5" x14ac:dyDescent="0.25">
      <c r="D24982" s="6">
        <v>610.65589999999997</v>
      </c>
      <c r="E24982" s="6">
        <v>4093.8319999999999</v>
      </c>
    </row>
    <row r="24983" spans="4:5" x14ac:dyDescent="0.25">
      <c r="D24983" s="6">
        <v>715.38959999999997</v>
      </c>
      <c r="E24983" s="6">
        <v>580.6377</v>
      </c>
    </row>
    <row r="24984" spans="4:5" x14ac:dyDescent="0.25">
      <c r="D24984" s="6">
        <v>522.74860000000001</v>
      </c>
      <c r="E24984" s="6">
        <v>827.79309999999998</v>
      </c>
    </row>
    <row r="24985" spans="4:5" x14ac:dyDescent="0.25">
      <c r="D24985" s="6">
        <v>3844.991</v>
      </c>
      <c r="E24985" s="6">
        <v>1020.075</v>
      </c>
    </row>
    <row r="24986" spans="4:5" x14ac:dyDescent="0.25">
      <c r="D24986" s="6">
        <v>579.57590000000005</v>
      </c>
      <c r="E24986" s="6">
        <v>702.41679999999997</v>
      </c>
    </row>
    <row r="24987" spans="4:5" x14ac:dyDescent="0.25">
      <c r="D24987" s="6">
        <v>2282.893</v>
      </c>
      <c r="E24987" s="6">
        <v>919.27750000000003</v>
      </c>
    </row>
    <row r="24988" spans="4:5" x14ac:dyDescent="0.25">
      <c r="D24988" s="6">
        <v>4423.5079999999998</v>
      </c>
      <c r="E24988" s="6">
        <v>509.17829999999998</v>
      </c>
    </row>
    <row r="24989" spans="4:5" x14ac:dyDescent="0.25">
      <c r="D24989" s="6">
        <v>594.79880000000003</v>
      </c>
      <c r="E24989" s="6">
        <v>678.97829999999999</v>
      </c>
    </row>
    <row r="24990" spans="4:5" x14ac:dyDescent="0.25">
      <c r="D24990" s="6">
        <v>641.31230000000005</v>
      </c>
      <c r="E24990" s="6">
        <v>4002.2350000000001</v>
      </c>
    </row>
    <row r="24991" spans="4:5" x14ac:dyDescent="0.25">
      <c r="D24991" s="6">
        <v>566.79780000000005</v>
      </c>
      <c r="E24991" s="6">
        <v>472.44889999999998</v>
      </c>
    </row>
    <row r="24992" spans="4:5" x14ac:dyDescent="0.25">
      <c r="D24992" s="6">
        <v>5763.6469999999999</v>
      </c>
      <c r="E24992" s="6">
        <v>1525.9010000000001</v>
      </c>
    </row>
    <row r="24993" spans="4:5" x14ac:dyDescent="0.25">
      <c r="D24993" s="6">
        <v>707.0847</v>
      </c>
      <c r="E24993" s="6">
        <v>1893.1669999999999</v>
      </c>
    </row>
    <row r="24994" spans="4:5" x14ac:dyDescent="0.25">
      <c r="D24994" s="6">
        <v>546.60329999999999</v>
      </c>
      <c r="E24994" s="6">
        <v>527.45889999999997</v>
      </c>
    </row>
    <row r="24995" spans="4:5" x14ac:dyDescent="0.25">
      <c r="D24995" s="6">
        <v>1768.7570000000001</v>
      </c>
      <c r="E24995" s="6">
        <v>576.77650000000006</v>
      </c>
    </row>
    <row r="24996" spans="4:5" x14ac:dyDescent="0.25">
      <c r="D24996" s="6">
        <v>1560.2090000000001</v>
      </c>
      <c r="E24996" s="6">
        <v>4013.7869999999998</v>
      </c>
    </row>
    <row r="24997" spans="4:5" x14ac:dyDescent="0.25">
      <c r="D24997" s="6">
        <v>570.88369999999998</v>
      </c>
      <c r="E24997" s="6">
        <v>1923.1769999999999</v>
      </c>
    </row>
    <row r="24998" spans="4:5" x14ac:dyDescent="0.25">
      <c r="D24998" s="6">
        <v>6222.56</v>
      </c>
      <c r="E24998" s="6">
        <v>1300.809</v>
      </c>
    </row>
    <row r="24999" spans="4:5" x14ac:dyDescent="0.25">
      <c r="D24999" s="6">
        <v>3937.9459999999999</v>
      </c>
      <c r="E24999" s="6">
        <v>1195.962</v>
      </c>
    </row>
    <row r="25000" spans="4:5" x14ac:dyDescent="0.25">
      <c r="D25000" s="6">
        <v>526.75080000000003</v>
      </c>
      <c r="E25000" s="6">
        <v>2053.643</v>
      </c>
    </row>
    <row r="25001" spans="4:5" x14ac:dyDescent="0.25">
      <c r="D25001" s="6">
        <v>487.21519999999998</v>
      </c>
      <c r="E25001" s="6">
        <v>488.8458</v>
      </c>
    </row>
    <row r="25002" spans="4:5" x14ac:dyDescent="0.25">
      <c r="D25002" s="6">
        <v>1054.5630000000001</v>
      </c>
      <c r="E25002" s="6">
        <v>578.58330000000001</v>
      </c>
    </row>
    <row r="25003" spans="4:5" x14ac:dyDescent="0.25">
      <c r="D25003" s="6">
        <v>4280.3280000000004</v>
      </c>
      <c r="E25003" s="6">
        <v>590.02710000000002</v>
      </c>
    </row>
    <row r="25004" spans="4:5" x14ac:dyDescent="0.25">
      <c r="D25004" s="6">
        <v>5542.1890000000003</v>
      </c>
      <c r="E25004" s="6">
        <v>637.46810000000005</v>
      </c>
    </row>
    <row r="25005" spans="4:5" x14ac:dyDescent="0.25">
      <c r="D25005" s="6">
        <v>509.33449999999999</v>
      </c>
      <c r="E25005" s="6">
        <v>485.6069</v>
      </c>
    </row>
    <row r="25006" spans="4:5" x14ac:dyDescent="0.25">
      <c r="D25006" s="6">
        <v>601.43269999999995</v>
      </c>
      <c r="E25006" s="6">
        <v>2736.1309999999999</v>
      </c>
    </row>
    <row r="25007" spans="4:5" x14ac:dyDescent="0.25">
      <c r="D25007" s="6">
        <v>515.0924</v>
      </c>
      <c r="E25007" s="6">
        <v>4243.5230000000001</v>
      </c>
    </row>
    <row r="25008" spans="4:5" x14ac:dyDescent="0.25">
      <c r="D25008" s="6">
        <v>581.87580000000003</v>
      </c>
      <c r="E25008" s="6">
        <v>2142.5720000000001</v>
      </c>
    </row>
    <row r="25009" spans="4:5" x14ac:dyDescent="0.25">
      <c r="D25009" s="6">
        <v>749.34199999999998</v>
      </c>
      <c r="E25009" s="6">
        <v>1193.595</v>
      </c>
    </row>
    <row r="25010" spans="4:5" x14ac:dyDescent="0.25">
      <c r="D25010" s="6">
        <v>6874.2719999999999</v>
      </c>
      <c r="E25010" s="6">
        <v>774.96559999999999</v>
      </c>
    </row>
    <row r="25011" spans="4:5" x14ac:dyDescent="0.25">
      <c r="D25011" s="6">
        <v>628.75869999999998</v>
      </c>
      <c r="E25011" s="6">
        <v>580.11040000000003</v>
      </c>
    </row>
    <row r="25012" spans="4:5" x14ac:dyDescent="0.25">
      <c r="D25012" s="6">
        <v>762.97580000000005</v>
      </c>
      <c r="E25012" s="6">
        <v>734.58389999999997</v>
      </c>
    </row>
    <row r="25013" spans="4:5" x14ac:dyDescent="0.25">
      <c r="D25013" s="6">
        <v>5134.7820000000002</v>
      </c>
      <c r="E25013" s="6">
        <v>1869.4010000000001</v>
      </c>
    </row>
    <row r="25014" spans="4:5" x14ac:dyDescent="0.25">
      <c r="D25014" s="6">
        <v>1059.9359999999999</v>
      </c>
      <c r="E25014" s="6">
        <v>2008.9680000000001</v>
      </c>
    </row>
    <row r="25015" spans="4:5" x14ac:dyDescent="0.25">
      <c r="D25015" s="6">
        <v>1921.508</v>
      </c>
      <c r="E25015" s="6">
        <v>3477.547</v>
      </c>
    </row>
    <row r="25016" spans="4:5" x14ac:dyDescent="0.25">
      <c r="D25016" s="6">
        <v>576.75609999999995</v>
      </c>
      <c r="E25016" s="6">
        <v>931.04</v>
      </c>
    </row>
    <row r="25017" spans="4:5" x14ac:dyDescent="0.25">
      <c r="D25017" s="6">
        <v>5310.4</v>
      </c>
      <c r="E25017" s="6">
        <v>890.21519999999998</v>
      </c>
    </row>
    <row r="25018" spans="4:5" x14ac:dyDescent="0.25">
      <c r="D25018" s="6">
        <v>682.5421</v>
      </c>
      <c r="E25018" s="6">
        <v>4746.0510000000004</v>
      </c>
    </row>
    <row r="25019" spans="4:5" x14ac:dyDescent="0.25">
      <c r="D25019" s="6">
        <v>712.22410000000002</v>
      </c>
      <c r="E25019" s="6">
        <v>689.18100000000004</v>
      </c>
    </row>
    <row r="25020" spans="4:5" x14ac:dyDescent="0.25">
      <c r="D25020" s="6">
        <v>620.92719999999997</v>
      </c>
      <c r="E25020" s="6">
        <v>9605.5769999999993</v>
      </c>
    </row>
    <row r="25021" spans="4:5" x14ac:dyDescent="0.25">
      <c r="D25021" s="6">
        <v>2025.1990000000001</v>
      </c>
      <c r="E25021" s="6">
        <v>3815.6880000000001</v>
      </c>
    </row>
    <row r="25022" spans="4:5" x14ac:dyDescent="0.25">
      <c r="D25022" s="6">
        <v>1256.558</v>
      </c>
      <c r="E25022" s="6">
        <v>845.79169999999999</v>
      </c>
    </row>
    <row r="25023" spans="4:5" x14ac:dyDescent="0.25">
      <c r="D25023" s="6">
        <v>580.51</v>
      </c>
      <c r="E25023" s="6">
        <v>1147.537</v>
      </c>
    </row>
    <row r="25024" spans="4:5" x14ac:dyDescent="0.25">
      <c r="D25024" s="6">
        <v>576.15380000000005</v>
      </c>
      <c r="E25024" s="6">
        <v>1513.741</v>
      </c>
    </row>
    <row r="25025" spans="4:5" x14ac:dyDescent="0.25">
      <c r="D25025" s="6">
        <v>576.774</v>
      </c>
      <c r="E25025" s="6">
        <v>915.67759999999998</v>
      </c>
    </row>
    <row r="25026" spans="4:5" x14ac:dyDescent="0.25">
      <c r="D25026" s="6">
        <v>598.39419999999996</v>
      </c>
      <c r="E25026" s="6">
        <v>669.96389999999997</v>
      </c>
    </row>
    <row r="25027" spans="4:5" x14ac:dyDescent="0.25">
      <c r="D25027" s="6">
        <v>665.75099999999998</v>
      </c>
      <c r="E25027" s="6">
        <v>1331.8620000000001</v>
      </c>
    </row>
    <row r="25028" spans="4:5" x14ac:dyDescent="0.25">
      <c r="D25028" s="6">
        <v>496.37389999999999</v>
      </c>
      <c r="E25028" s="6">
        <v>415.58339999999998</v>
      </c>
    </row>
    <row r="25029" spans="4:5" x14ac:dyDescent="0.25">
      <c r="D25029" s="6">
        <v>8862.5439999999999</v>
      </c>
      <c r="E25029" s="6">
        <v>4908.5209999999997</v>
      </c>
    </row>
    <row r="25030" spans="4:5" x14ac:dyDescent="0.25">
      <c r="D25030" s="6">
        <v>966.11270000000002</v>
      </c>
      <c r="E25030" s="6">
        <v>673.67550000000006</v>
      </c>
    </row>
    <row r="25031" spans="4:5" x14ac:dyDescent="0.25">
      <c r="D25031" s="6">
        <v>1509.8779999999999</v>
      </c>
      <c r="E25031" s="6">
        <v>898.32169999999996</v>
      </c>
    </row>
    <row r="25032" spans="4:5" x14ac:dyDescent="0.25">
      <c r="D25032" s="6">
        <v>592.10339999999997</v>
      </c>
      <c r="E25032" s="6">
        <v>656.20439999999996</v>
      </c>
    </row>
    <row r="25033" spans="4:5" x14ac:dyDescent="0.25">
      <c r="D25033" s="6">
        <v>728.73820000000001</v>
      </c>
      <c r="E25033" s="6">
        <v>672.35170000000005</v>
      </c>
    </row>
    <row r="25034" spans="4:5" x14ac:dyDescent="0.25">
      <c r="D25034" s="6">
        <v>1051.6010000000001</v>
      </c>
      <c r="E25034" s="6">
        <v>585.14319999999998</v>
      </c>
    </row>
    <row r="25035" spans="4:5" x14ac:dyDescent="0.25">
      <c r="D25035" s="6">
        <v>629.84609999999998</v>
      </c>
      <c r="E25035" s="6">
        <v>1223.9079999999999</v>
      </c>
    </row>
    <row r="25036" spans="4:5" x14ac:dyDescent="0.25">
      <c r="D25036" s="6">
        <v>551.41020000000003</v>
      </c>
      <c r="E25036" s="6">
        <v>865.48530000000005</v>
      </c>
    </row>
    <row r="25037" spans="4:5" x14ac:dyDescent="0.25">
      <c r="D25037" s="6">
        <v>757.24509999999998</v>
      </c>
      <c r="E25037" s="6">
        <v>1295.0440000000001</v>
      </c>
    </row>
    <row r="25038" spans="4:5" x14ac:dyDescent="0.25">
      <c r="D25038" s="6">
        <v>853.27940000000001</v>
      </c>
      <c r="E25038" s="6">
        <v>7408.8689999999997</v>
      </c>
    </row>
    <row r="25039" spans="4:5" x14ac:dyDescent="0.25">
      <c r="D25039" s="6">
        <v>805.5</v>
      </c>
      <c r="E25039" s="6">
        <v>1585.424</v>
      </c>
    </row>
    <row r="25040" spans="4:5" x14ac:dyDescent="0.25">
      <c r="D25040" s="6">
        <v>597.84029999999996</v>
      </c>
      <c r="E25040" s="6">
        <v>629.1223</v>
      </c>
    </row>
    <row r="25041" spans="4:5" x14ac:dyDescent="0.25">
      <c r="D25041" s="6">
        <v>560.69209999999998</v>
      </c>
      <c r="E25041" s="6">
        <v>1139.223</v>
      </c>
    </row>
    <row r="25042" spans="4:5" x14ac:dyDescent="0.25">
      <c r="D25042" s="6">
        <v>5833.9309999999996</v>
      </c>
      <c r="E25042" s="6">
        <v>798.85519999999997</v>
      </c>
    </row>
    <row r="25043" spans="4:5" x14ac:dyDescent="0.25">
      <c r="D25043" s="6">
        <v>627.98699999999997</v>
      </c>
      <c r="E25043" s="6">
        <v>1336.672</v>
      </c>
    </row>
    <row r="25044" spans="4:5" x14ac:dyDescent="0.25">
      <c r="D25044" s="6">
        <v>661.23869999999999</v>
      </c>
      <c r="E25044" s="6">
        <v>566.68510000000003</v>
      </c>
    </row>
    <row r="25045" spans="4:5" x14ac:dyDescent="0.25">
      <c r="D25045" s="6">
        <v>628.48289999999997</v>
      </c>
      <c r="E25045" s="6">
        <v>629.09339999999997</v>
      </c>
    </row>
    <row r="25046" spans="4:5" x14ac:dyDescent="0.25">
      <c r="D25046" s="6">
        <v>665.76829999999995</v>
      </c>
      <c r="E25046" s="6">
        <v>760.221</v>
      </c>
    </row>
    <row r="25047" spans="4:5" x14ac:dyDescent="0.25">
      <c r="D25047" s="6">
        <v>1711.76</v>
      </c>
      <c r="E25047" s="6">
        <v>785.18110000000001</v>
      </c>
    </row>
    <row r="25048" spans="4:5" x14ac:dyDescent="0.25">
      <c r="D25048" s="6">
        <v>596.22500000000002</v>
      </c>
      <c r="E25048" s="6">
        <v>662.26869999999997</v>
      </c>
    </row>
    <row r="25049" spans="4:5" x14ac:dyDescent="0.25">
      <c r="D25049" s="6">
        <v>484.83620000000002</v>
      </c>
      <c r="E25049" s="6">
        <v>1124.1030000000001</v>
      </c>
    </row>
    <row r="25050" spans="4:5" x14ac:dyDescent="0.25">
      <c r="D25050" s="6">
        <v>851.11170000000004</v>
      </c>
      <c r="E25050" s="6">
        <v>4821.098</v>
      </c>
    </row>
    <row r="25051" spans="4:5" x14ac:dyDescent="0.25">
      <c r="D25051" s="6">
        <v>742.44290000000001</v>
      </c>
      <c r="E25051" s="6">
        <v>683.23180000000002</v>
      </c>
    </row>
    <row r="25052" spans="4:5" x14ac:dyDescent="0.25">
      <c r="D25052" s="6">
        <v>6229.6109999999999</v>
      </c>
      <c r="E25052" s="6">
        <v>588.60910000000001</v>
      </c>
    </row>
    <row r="25053" spans="4:5" x14ac:dyDescent="0.25">
      <c r="D25053" s="6">
        <v>635.76020000000005</v>
      </c>
      <c r="E25053" s="6">
        <v>1224.5039999999999</v>
      </c>
    </row>
    <row r="25054" spans="4:5" x14ac:dyDescent="0.25">
      <c r="D25054" s="6">
        <v>1695.877</v>
      </c>
      <c r="E25054" s="6">
        <v>723.06489999999997</v>
      </c>
    </row>
    <row r="25055" spans="4:5" x14ac:dyDescent="0.25">
      <c r="D25055" s="6">
        <v>723.46420000000001</v>
      </c>
      <c r="E25055" s="6">
        <v>596.81859999999995</v>
      </c>
    </row>
    <row r="25056" spans="4:5" x14ac:dyDescent="0.25">
      <c r="D25056" s="6">
        <v>5743.5029999999997</v>
      </c>
      <c r="E25056" s="6">
        <v>645.40340000000003</v>
      </c>
    </row>
    <row r="25057" spans="4:5" x14ac:dyDescent="0.25">
      <c r="D25057" s="6">
        <v>1633.57</v>
      </c>
      <c r="E25057" s="6">
        <v>640.52549999999997</v>
      </c>
    </row>
    <row r="25058" spans="4:5" x14ac:dyDescent="0.25">
      <c r="D25058" s="6">
        <v>6997.7489999999998</v>
      </c>
      <c r="E25058" s="6">
        <v>3670.741</v>
      </c>
    </row>
    <row r="25059" spans="4:5" x14ac:dyDescent="0.25">
      <c r="D25059" s="6">
        <v>4935.55</v>
      </c>
      <c r="E25059" s="6">
        <v>566.96510000000001</v>
      </c>
    </row>
    <row r="25060" spans="4:5" x14ac:dyDescent="0.25">
      <c r="D25060" s="6">
        <v>830.63160000000005</v>
      </c>
      <c r="E25060" s="6">
        <v>1537.42</v>
      </c>
    </row>
    <row r="25061" spans="4:5" x14ac:dyDescent="0.25">
      <c r="D25061" s="6">
        <v>481.66070000000002</v>
      </c>
      <c r="E25061" s="6">
        <v>5812.2110000000002</v>
      </c>
    </row>
    <row r="25062" spans="4:5" x14ac:dyDescent="0.25">
      <c r="D25062" s="6">
        <v>4030.634</v>
      </c>
      <c r="E25062" s="6">
        <v>506.76069999999999</v>
      </c>
    </row>
    <row r="25063" spans="4:5" x14ac:dyDescent="0.25">
      <c r="D25063" s="6">
        <v>559.25030000000004</v>
      </c>
      <c r="E25063" s="6">
        <v>1066.2460000000001</v>
      </c>
    </row>
    <row r="25064" spans="4:5" x14ac:dyDescent="0.25">
      <c r="D25064" s="6">
        <v>1408.068</v>
      </c>
      <c r="E25064" s="6">
        <v>717.72640000000001</v>
      </c>
    </row>
    <row r="25065" spans="4:5" x14ac:dyDescent="0.25">
      <c r="D25065" s="6">
        <v>629.53750000000002</v>
      </c>
      <c r="E25065" s="6">
        <v>3033.0830000000001</v>
      </c>
    </row>
    <row r="25066" spans="4:5" x14ac:dyDescent="0.25">
      <c r="D25066" s="6">
        <v>4363.5249999999996</v>
      </c>
      <c r="E25066" s="6">
        <v>2680.5619999999999</v>
      </c>
    </row>
    <row r="25067" spans="4:5" x14ac:dyDescent="0.25">
      <c r="D25067" s="6">
        <v>962.48140000000001</v>
      </c>
      <c r="E25067" s="6">
        <v>572.69359999999995</v>
      </c>
    </row>
    <row r="25068" spans="4:5" x14ac:dyDescent="0.25">
      <c r="D25068" s="6">
        <v>4892.3500000000004</v>
      </c>
      <c r="E25068" s="6">
        <v>4254.9589999999998</v>
      </c>
    </row>
    <row r="25069" spans="4:5" x14ac:dyDescent="0.25">
      <c r="D25069" s="6">
        <v>4684.6790000000001</v>
      </c>
      <c r="E25069" s="6">
        <v>638.24149999999997</v>
      </c>
    </row>
    <row r="25070" spans="4:5" x14ac:dyDescent="0.25">
      <c r="D25070" s="6">
        <v>4162.6610000000001</v>
      </c>
      <c r="E25070" s="6">
        <v>548.05290000000002</v>
      </c>
    </row>
    <row r="25071" spans="4:5" x14ac:dyDescent="0.25">
      <c r="D25071" s="6">
        <v>971.51440000000002</v>
      </c>
      <c r="E25071" s="6">
        <v>2507.0189999999998</v>
      </c>
    </row>
    <row r="25072" spans="4:5" x14ac:dyDescent="0.25">
      <c r="D25072" s="6">
        <v>4227.1170000000002</v>
      </c>
      <c r="E25072" s="6">
        <v>2798.0160000000001</v>
      </c>
    </row>
    <row r="25073" spans="4:5" x14ac:dyDescent="0.25">
      <c r="D25073" s="6">
        <v>664.81619999999998</v>
      </c>
      <c r="E25073" s="6">
        <v>576.45820000000003</v>
      </c>
    </row>
    <row r="25074" spans="4:5" x14ac:dyDescent="0.25">
      <c r="D25074" s="6">
        <v>5078.9679999999998</v>
      </c>
      <c r="E25074" s="6">
        <v>3756.5590000000002</v>
      </c>
    </row>
    <row r="25075" spans="4:5" x14ac:dyDescent="0.25">
      <c r="D25075" s="6">
        <v>2683</v>
      </c>
      <c r="E25075" s="6">
        <v>666.8578</v>
      </c>
    </row>
    <row r="25076" spans="4:5" x14ac:dyDescent="0.25">
      <c r="D25076" s="6">
        <v>1386.982</v>
      </c>
      <c r="E25076" s="6">
        <v>4126.6170000000002</v>
      </c>
    </row>
    <row r="25077" spans="4:5" x14ac:dyDescent="0.25">
      <c r="D25077" s="6">
        <v>6642.8410000000003</v>
      </c>
      <c r="E25077" s="6">
        <v>757.71519999999998</v>
      </c>
    </row>
    <row r="25078" spans="4:5" x14ac:dyDescent="0.25">
      <c r="D25078" s="6">
        <v>557.13279999999997</v>
      </c>
      <c r="E25078" s="6">
        <v>726.48209999999995</v>
      </c>
    </row>
    <row r="25079" spans="4:5" x14ac:dyDescent="0.25">
      <c r="D25079" s="6">
        <v>771.49810000000002</v>
      </c>
      <c r="E25079" s="6">
        <v>625.88260000000002</v>
      </c>
    </row>
    <row r="25080" spans="4:5" x14ac:dyDescent="0.25">
      <c r="D25080" s="6">
        <v>981.26430000000005</v>
      </c>
      <c r="E25080" s="6">
        <v>4309.835</v>
      </c>
    </row>
    <row r="25081" spans="4:5" x14ac:dyDescent="0.25">
      <c r="D25081" s="6">
        <v>736.70519999999999</v>
      </c>
      <c r="E25081" s="6">
        <v>657.31579999999997</v>
      </c>
    </row>
    <row r="25082" spans="4:5" x14ac:dyDescent="0.25">
      <c r="D25082" s="6">
        <v>451.79379999999998</v>
      </c>
      <c r="E25082" s="6">
        <v>931.67790000000002</v>
      </c>
    </row>
    <row r="25083" spans="4:5" x14ac:dyDescent="0.25">
      <c r="D25083" s="6">
        <v>2638.3919999999998</v>
      </c>
      <c r="E25083" s="6">
        <v>554.16240000000005</v>
      </c>
    </row>
    <row r="25084" spans="4:5" x14ac:dyDescent="0.25">
      <c r="D25084" s="6">
        <v>550.06979999999999</v>
      </c>
      <c r="E25084" s="6">
        <v>601.62869999999998</v>
      </c>
    </row>
    <row r="25085" spans="4:5" x14ac:dyDescent="0.25">
      <c r="D25085" s="6">
        <v>567.48469999999998</v>
      </c>
      <c r="E25085" s="6">
        <v>3848.6880000000001</v>
      </c>
    </row>
    <row r="25086" spans="4:5" x14ac:dyDescent="0.25">
      <c r="D25086" s="6">
        <v>676.69759999999997</v>
      </c>
      <c r="E25086" s="6">
        <v>665.82759999999996</v>
      </c>
    </row>
    <row r="25087" spans="4:5" x14ac:dyDescent="0.25">
      <c r="D25087" s="6">
        <v>932.28570000000002</v>
      </c>
      <c r="E25087" s="6">
        <v>6674.5</v>
      </c>
    </row>
    <row r="25088" spans="4:5" x14ac:dyDescent="0.25">
      <c r="D25088" s="6">
        <v>464.1028</v>
      </c>
      <c r="E25088" s="6">
        <v>4330.308</v>
      </c>
    </row>
    <row r="25089" spans="4:5" x14ac:dyDescent="0.25">
      <c r="D25089" s="6">
        <v>916.20630000000006</v>
      </c>
      <c r="E25089" s="6">
        <v>652.65139999999997</v>
      </c>
    </row>
    <row r="25090" spans="4:5" x14ac:dyDescent="0.25">
      <c r="D25090" s="6">
        <v>573.27530000000002</v>
      </c>
      <c r="E25090" s="6">
        <v>1324.357</v>
      </c>
    </row>
    <row r="25091" spans="4:5" x14ac:dyDescent="0.25">
      <c r="D25091" s="6">
        <v>615.69600000000003</v>
      </c>
      <c r="E25091" s="6">
        <v>535.25530000000003</v>
      </c>
    </row>
    <row r="25092" spans="4:5" x14ac:dyDescent="0.25">
      <c r="D25092" s="6">
        <v>1124.4359999999999</v>
      </c>
      <c r="E25092" s="6">
        <v>4600.2740000000003</v>
      </c>
    </row>
    <row r="25093" spans="4:5" x14ac:dyDescent="0.25">
      <c r="D25093" s="6">
        <v>545.36199999999997</v>
      </c>
      <c r="E25093" s="6">
        <v>586.37109999999996</v>
      </c>
    </row>
    <row r="25094" spans="4:5" x14ac:dyDescent="0.25">
      <c r="D25094" s="6">
        <v>1072</v>
      </c>
      <c r="E25094" s="6">
        <v>1772.2670000000001</v>
      </c>
    </row>
    <row r="25095" spans="4:5" x14ac:dyDescent="0.25">
      <c r="D25095" s="6">
        <v>547.7106</v>
      </c>
      <c r="E25095" s="6">
        <v>803.2</v>
      </c>
    </row>
    <row r="25096" spans="4:5" x14ac:dyDescent="0.25">
      <c r="D25096" s="6">
        <v>899.34199999999998</v>
      </c>
      <c r="E25096" s="6">
        <v>1456.02</v>
      </c>
    </row>
    <row r="25097" spans="4:5" x14ac:dyDescent="0.25">
      <c r="D25097" s="6">
        <v>7459.93</v>
      </c>
      <c r="E25097" s="6">
        <v>6672.22</v>
      </c>
    </row>
    <row r="25098" spans="4:5" x14ac:dyDescent="0.25">
      <c r="D25098" s="6">
        <v>4185.4459999999999</v>
      </c>
      <c r="E25098" s="6">
        <v>3854.2420000000002</v>
      </c>
    </row>
    <row r="25099" spans="4:5" x14ac:dyDescent="0.25">
      <c r="D25099" s="6">
        <v>679.97919999999999</v>
      </c>
      <c r="E25099" s="6">
        <v>721.55870000000004</v>
      </c>
    </row>
    <row r="25100" spans="4:5" x14ac:dyDescent="0.25">
      <c r="D25100" s="6">
        <v>459.4579</v>
      </c>
      <c r="E25100" s="6">
        <v>531.64120000000003</v>
      </c>
    </row>
    <row r="25101" spans="4:5" x14ac:dyDescent="0.25">
      <c r="D25101" s="6">
        <v>4293.4110000000001</v>
      </c>
      <c r="E25101" s="6">
        <v>5548.37</v>
      </c>
    </row>
    <row r="25102" spans="4:5" x14ac:dyDescent="0.25">
      <c r="D25102" s="6">
        <v>857.0797</v>
      </c>
      <c r="E25102" s="6">
        <v>645.54880000000003</v>
      </c>
    </row>
    <row r="25103" spans="4:5" x14ac:dyDescent="0.25">
      <c r="D25103" s="6">
        <v>647.84410000000003</v>
      </c>
      <c r="E25103" s="6">
        <v>723.89300000000003</v>
      </c>
    </row>
    <row r="25104" spans="4:5" x14ac:dyDescent="0.25">
      <c r="D25104" s="6">
        <v>621.77970000000005</v>
      </c>
      <c r="E25104" s="6">
        <v>556.21230000000003</v>
      </c>
    </row>
    <row r="25105" spans="4:5" x14ac:dyDescent="0.25">
      <c r="D25105" s="6">
        <v>560.5924</v>
      </c>
      <c r="E25105" s="6">
        <v>4743.0010000000002</v>
      </c>
    </row>
    <row r="25106" spans="4:5" x14ac:dyDescent="0.25">
      <c r="D25106" s="6">
        <v>568.40689999999995</v>
      </c>
      <c r="E25106" s="6">
        <v>696.76729999999998</v>
      </c>
    </row>
    <row r="25107" spans="4:5" x14ac:dyDescent="0.25">
      <c r="D25107" s="6">
        <v>525.89729999999997</v>
      </c>
      <c r="E25107" s="6">
        <v>791.30899999999997</v>
      </c>
    </row>
    <row r="25108" spans="4:5" x14ac:dyDescent="0.25">
      <c r="D25108" s="6">
        <v>928.92570000000001</v>
      </c>
      <c r="E25108" s="6">
        <v>899.96990000000005</v>
      </c>
    </row>
    <row r="25109" spans="4:5" x14ac:dyDescent="0.25">
      <c r="D25109" s="6">
        <v>814.01289999999995</v>
      </c>
      <c r="E25109" s="6">
        <v>1558.1669999999999</v>
      </c>
    </row>
    <row r="25110" spans="4:5" x14ac:dyDescent="0.25">
      <c r="D25110" s="6">
        <v>6138.0780000000004</v>
      </c>
      <c r="E25110" s="6">
        <v>620.81949999999995</v>
      </c>
    </row>
    <row r="25111" spans="4:5" x14ac:dyDescent="0.25">
      <c r="D25111" s="6">
        <v>4762.9920000000002</v>
      </c>
      <c r="E25111" s="6">
        <v>1354.771</v>
      </c>
    </row>
    <row r="25112" spans="4:5" x14ac:dyDescent="0.25">
      <c r="D25112" s="6">
        <v>726.83150000000001</v>
      </c>
      <c r="E25112" s="6">
        <v>639.82460000000003</v>
      </c>
    </row>
    <row r="25113" spans="4:5" x14ac:dyDescent="0.25">
      <c r="D25113" s="6">
        <v>657.05589999999995</v>
      </c>
      <c r="E25113" s="6">
        <v>3481.5</v>
      </c>
    </row>
    <row r="25114" spans="4:5" x14ac:dyDescent="0.25">
      <c r="D25114" s="6">
        <v>572.58410000000003</v>
      </c>
      <c r="E25114" s="6">
        <v>617.64639999999997</v>
      </c>
    </row>
    <row r="25115" spans="4:5" x14ac:dyDescent="0.25">
      <c r="D25115" s="6">
        <v>674.0711</v>
      </c>
      <c r="E25115" s="6">
        <v>672.7903</v>
      </c>
    </row>
    <row r="25116" spans="4:5" x14ac:dyDescent="0.25">
      <c r="D25116" s="6">
        <v>864</v>
      </c>
      <c r="E25116" s="6">
        <v>4724.1490000000003</v>
      </c>
    </row>
    <row r="25117" spans="4:5" x14ac:dyDescent="0.25">
      <c r="D25117" s="6">
        <v>513.57839999999999</v>
      </c>
      <c r="E25117" s="6">
        <v>2013.6849999999999</v>
      </c>
    </row>
    <row r="25118" spans="4:5" x14ac:dyDescent="0.25">
      <c r="D25118" s="6">
        <v>432.71039999999999</v>
      </c>
      <c r="E25118" s="6">
        <v>674.56500000000005</v>
      </c>
    </row>
    <row r="25119" spans="4:5" x14ac:dyDescent="0.25">
      <c r="D25119" s="6">
        <v>6832.8310000000001</v>
      </c>
      <c r="E25119" s="6">
        <v>561.00040000000001</v>
      </c>
    </row>
    <row r="25120" spans="4:5" x14ac:dyDescent="0.25">
      <c r="D25120" s="6">
        <v>665.33529999999996</v>
      </c>
      <c r="E25120" s="6">
        <v>645.31110000000001</v>
      </c>
    </row>
    <row r="25121" spans="4:5" x14ac:dyDescent="0.25">
      <c r="D25121" s="6">
        <v>582.79110000000003</v>
      </c>
      <c r="E25121" s="6">
        <v>1271.952</v>
      </c>
    </row>
    <row r="25122" spans="4:5" x14ac:dyDescent="0.25">
      <c r="D25122" s="6">
        <v>534.79480000000001</v>
      </c>
      <c r="E25122" s="6">
        <v>1548.932</v>
      </c>
    </row>
    <row r="25123" spans="4:5" x14ac:dyDescent="0.25">
      <c r="D25123" s="6">
        <v>602.90980000000002</v>
      </c>
      <c r="E25123" s="6">
        <v>1566.7260000000001</v>
      </c>
    </row>
    <row r="25124" spans="4:5" x14ac:dyDescent="0.25">
      <c r="D25124" s="6">
        <v>650.08029999999997</v>
      </c>
      <c r="E25124" s="6">
        <v>369.00069999999999</v>
      </c>
    </row>
    <row r="25125" spans="4:5" x14ac:dyDescent="0.25">
      <c r="D25125" s="6">
        <v>737.99289999999996</v>
      </c>
      <c r="E25125" s="6">
        <v>1852.5709999999999</v>
      </c>
    </row>
    <row r="25126" spans="4:5" x14ac:dyDescent="0.25">
      <c r="D25126" s="6">
        <v>586.20780000000002</v>
      </c>
      <c r="E25126" s="6">
        <v>505.30020000000002</v>
      </c>
    </row>
    <row r="25127" spans="4:5" x14ac:dyDescent="0.25">
      <c r="D25127" s="6">
        <v>1396.2639999999999</v>
      </c>
      <c r="E25127" s="6">
        <v>10593.65</v>
      </c>
    </row>
    <row r="25128" spans="4:5" x14ac:dyDescent="0.25">
      <c r="D25128" s="6">
        <v>629.40539999999999</v>
      </c>
      <c r="E25128" s="6">
        <v>6901.4260000000004</v>
      </c>
    </row>
    <row r="25129" spans="4:5" x14ac:dyDescent="0.25">
      <c r="D25129" s="6">
        <v>2964.556</v>
      </c>
      <c r="E25129" s="6">
        <v>676.33</v>
      </c>
    </row>
    <row r="25130" spans="4:5" x14ac:dyDescent="0.25">
      <c r="D25130" s="6">
        <v>531.72540000000004</v>
      </c>
      <c r="E25130" s="6">
        <v>4580.7150000000001</v>
      </c>
    </row>
    <row r="25131" spans="4:5" x14ac:dyDescent="0.25">
      <c r="D25131" s="6">
        <v>522.47220000000004</v>
      </c>
      <c r="E25131" s="6">
        <v>544.33360000000005</v>
      </c>
    </row>
    <row r="25132" spans="4:5" x14ac:dyDescent="0.25">
      <c r="D25132" s="6">
        <v>405.5</v>
      </c>
      <c r="E25132" s="6">
        <v>1010.039</v>
      </c>
    </row>
    <row r="25133" spans="4:5" x14ac:dyDescent="0.25">
      <c r="D25133" s="6">
        <v>758.28980000000001</v>
      </c>
      <c r="E25133" s="6">
        <v>563.35199999999998</v>
      </c>
    </row>
    <row r="25134" spans="4:5" x14ac:dyDescent="0.25">
      <c r="D25134" s="6">
        <v>569.75189999999998</v>
      </c>
      <c r="E25134" s="6">
        <v>1611.8389999999999</v>
      </c>
    </row>
    <row r="25135" spans="4:5" x14ac:dyDescent="0.25">
      <c r="D25135" s="6">
        <v>393.9753</v>
      </c>
      <c r="E25135" s="6">
        <v>801.77760000000001</v>
      </c>
    </row>
    <row r="25136" spans="4:5" x14ac:dyDescent="0.25">
      <c r="D25136" s="6">
        <v>568.6508</v>
      </c>
      <c r="E25136" s="6">
        <v>7746.7960000000003</v>
      </c>
    </row>
    <row r="25137" spans="4:5" x14ac:dyDescent="0.25">
      <c r="D25137" s="6">
        <v>508.91120000000001</v>
      </c>
      <c r="E25137" s="6">
        <v>584.31590000000006</v>
      </c>
    </row>
    <row r="25138" spans="4:5" x14ac:dyDescent="0.25">
      <c r="D25138" s="6">
        <v>4892.1059999999998</v>
      </c>
      <c r="E25138" s="6">
        <v>666.7681</v>
      </c>
    </row>
    <row r="25139" spans="4:5" x14ac:dyDescent="0.25">
      <c r="D25139" s="6">
        <v>606.65689999999995</v>
      </c>
      <c r="E25139" s="6">
        <v>1434.721</v>
      </c>
    </row>
    <row r="25140" spans="4:5" x14ac:dyDescent="0.25">
      <c r="D25140" s="6">
        <v>528.04369999999994</v>
      </c>
      <c r="E25140" s="6">
        <v>617.44929999999999</v>
      </c>
    </row>
    <row r="25141" spans="4:5" x14ac:dyDescent="0.25">
      <c r="D25141" s="6">
        <v>576.8664</v>
      </c>
      <c r="E25141" s="6">
        <v>804.76049999999998</v>
      </c>
    </row>
    <row r="25142" spans="4:5" x14ac:dyDescent="0.25">
      <c r="D25142" s="6">
        <v>671.58860000000004</v>
      </c>
      <c r="E25142" s="6">
        <v>541.25</v>
      </c>
    </row>
    <row r="25143" spans="4:5" x14ac:dyDescent="0.25">
      <c r="D25143" s="6">
        <v>1285.32</v>
      </c>
      <c r="E25143" s="6">
        <v>724.21339999999998</v>
      </c>
    </row>
    <row r="25144" spans="4:5" x14ac:dyDescent="0.25">
      <c r="D25144" s="6">
        <v>541.03480000000002</v>
      </c>
      <c r="E25144" s="6">
        <v>1043.56</v>
      </c>
    </row>
    <row r="25145" spans="4:5" x14ac:dyDescent="0.25">
      <c r="D25145" s="6">
        <v>551.31920000000002</v>
      </c>
      <c r="E25145" s="6">
        <v>1435.7149999999999</v>
      </c>
    </row>
    <row r="25146" spans="4:5" x14ac:dyDescent="0.25">
      <c r="D25146" s="6">
        <v>484.74709999999999</v>
      </c>
      <c r="E25146" s="6">
        <v>1326.9469999999999</v>
      </c>
    </row>
    <row r="25147" spans="4:5" x14ac:dyDescent="0.25">
      <c r="D25147" s="6">
        <v>712.37620000000004</v>
      </c>
      <c r="E25147" s="6">
        <v>1122.7819999999999</v>
      </c>
    </row>
    <row r="25148" spans="4:5" x14ac:dyDescent="0.25">
      <c r="D25148" s="6">
        <v>742.92859999999996</v>
      </c>
      <c r="E25148" s="6">
        <v>5449.7139999999999</v>
      </c>
    </row>
    <row r="25149" spans="4:5" x14ac:dyDescent="0.25">
      <c r="D25149" s="6">
        <v>634.90340000000003</v>
      </c>
      <c r="E25149" s="6">
        <v>5157.8869999999997</v>
      </c>
    </row>
    <row r="25150" spans="4:5" x14ac:dyDescent="0.25">
      <c r="D25150" s="6">
        <v>1000.467</v>
      </c>
      <c r="E25150" s="6">
        <v>1745.6949999999999</v>
      </c>
    </row>
    <row r="25151" spans="4:5" x14ac:dyDescent="0.25">
      <c r="D25151" s="6">
        <v>5948.9539999999997</v>
      </c>
      <c r="E25151" s="6">
        <v>581.22400000000005</v>
      </c>
    </row>
    <row r="25152" spans="4:5" x14ac:dyDescent="0.25">
      <c r="D25152" s="6">
        <v>719.48649999999998</v>
      </c>
      <c r="E25152" s="6">
        <v>628.27</v>
      </c>
    </row>
    <row r="25153" spans="4:5" x14ac:dyDescent="0.25">
      <c r="D25153" s="6">
        <v>534.74480000000005</v>
      </c>
      <c r="E25153" s="6">
        <v>756.55290000000002</v>
      </c>
    </row>
    <row r="25154" spans="4:5" x14ac:dyDescent="0.25">
      <c r="D25154" s="6">
        <v>786.24649999999997</v>
      </c>
      <c r="E25154" s="6">
        <v>5057.4319999999998</v>
      </c>
    </row>
    <row r="25155" spans="4:5" x14ac:dyDescent="0.25">
      <c r="D25155" s="6">
        <v>4895.0379999999996</v>
      </c>
      <c r="E25155" s="6">
        <v>917.16849999999999</v>
      </c>
    </row>
    <row r="25156" spans="4:5" x14ac:dyDescent="0.25">
      <c r="D25156" s="6">
        <v>1469.357</v>
      </c>
      <c r="E25156" s="6">
        <v>1686.6610000000001</v>
      </c>
    </row>
    <row r="25157" spans="4:5" x14ac:dyDescent="0.25">
      <c r="D25157" s="6">
        <v>562.96889999999996</v>
      </c>
      <c r="E25157" s="6">
        <v>698.11360000000002</v>
      </c>
    </row>
    <row r="25158" spans="4:5" x14ac:dyDescent="0.25">
      <c r="D25158" s="6">
        <v>579.6096</v>
      </c>
      <c r="E25158" s="6">
        <v>630.65610000000004</v>
      </c>
    </row>
    <row r="25159" spans="4:5" x14ac:dyDescent="0.25">
      <c r="D25159" s="6">
        <v>521.67340000000002</v>
      </c>
      <c r="E25159" s="6">
        <v>931.76779999999997</v>
      </c>
    </row>
    <row r="25160" spans="4:5" x14ac:dyDescent="0.25">
      <c r="D25160" s="6">
        <v>4954.8789999999999</v>
      </c>
      <c r="E25160" s="6">
        <v>3990.4090000000001</v>
      </c>
    </row>
    <row r="25161" spans="4:5" x14ac:dyDescent="0.25">
      <c r="D25161" s="6">
        <v>554.21130000000005</v>
      </c>
      <c r="E25161" s="6">
        <v>453.65100000000001</v>
      </c>
    </row>
    <row r="25162" spans="4:5" x14ac:dyDescent="0.25">
      <c r="D25162" s="6">
        <v>5579.2209999999995</v>
      </c>
      <c r="E25162" s="6">
        <v>863.52890000000002</v>
      </c>
    </row>
    <row r="25163" spans="4:5" x14ac:dyDescent="0.25">
      <c r="D25163" s="6">
        <v>678.95150000000001</v>
      </c>
      <c r="E25163" s="6">
        <v>538.25</v>
      </c>
    </row>
    <row r="25164" spans="4:5" x14ac:dyDescent="0.25">
      <c r="D25164" s="6">
        <v>3686.3</v>
      </c>
      <c r="E25164" s="6">
        <v>1518.1179999999999</v>
      </c>
    </row>
    <row r="25165" spans="4:5" x14ac:dyDescent="0.25">
      <c r="D25165" s="6">
        <v>1421.6669999999999</v>
      </c>
      <c r="E25165" s="6">
        <v>762.86869999999999</v>
      </c>
    </row>
    <row r="25166" spans="4:5" x14ac:dyDescent="0.25">
      <c r="D25166" s="6">
        <v>866.38469999999995</v>
      </c>
      <c r="E25166" s="6">
        <v>794.48019999999997</v>
      </c>
    </row>
    <row r="25167" spans="4:5" x14ac:dyDescent="0.25">
      <c r="D25167" s="6">
        <v>4895.6210000000001</v>
      </c>
      <c r="E25167" s="6">
        <v>550.81539999999995</v>
      </c>
    </row>
    <row r="25168" spans="4:5" x14ac:dyDescent="0.25">
      <c r="D25168" s="6">
        <v>3102.0149999999999</v>
      </c>
      <c r="E25168" s="6">
        <v>1228.586</v>
      </c>
    </row>
    <row r="25169" spans="4:5" x14ac:dyDescent="0.25">
      <c r="D25169" s="6">
        <v>669.12130000000002</v>
      </c>
      <c r="E25169" s="6">
        <v>4982.634</v>
      </c>
    </row>
    <row r="25170" spans="4:5" x14ac:dyDescent="0.25">
      <c r="D25170" s="6">
        <v>687.43420000000003</v>
      </c>
      <c r="E25170" s="6">
        <v>1008.708</v>
      </c>
    </row>
    <row r="25171" spans="4:5" x14ac:dyDescent="0.25">
      <c r="D25171" s="6">
        <v>720.23270000000002</v>
      </c>
      <c r="E25171" s="6">
        <v>966.55790000000002</v>
      </c>
    </row>
    <row r="25172" spans="4:5" x14ac:dyDescent="0.25">
      <c r="D25172" s="6">
        <v>6263.8739999999998</v>
      </c>
      <c r="E25172" s="6">
        <v>1014.077</v>
      </c>
    </row>
    <row r="25173" spans="4:5" x14ac:dyDescent="0.25">
      <c r="D25173" s="6">
        <v>1351.011</v>
      </c>
      <c r="E25173" s="6">
        <v>1048.049</v>
      </c>
    </row>
    <row r="25174" spans="4:5" x14ac:dyDescent="0.25">
      <c r="D25174" s="6">
        <v>621.50109999999995</v>
      </c>
      <c r="E25174" s="6">
        <v>691.70510000000002</v>
      </c>
    </row>
    <row r="25175" spans="4:5" x14ac:dyDescent="0.25">
      <c r="D25175" s="6">
        <v>905.90779999999995</v>
      </c>
      <c r="E25175" s="6">
        <v>594.66669999999999</v>
      </c>
    </row>
    <row r="25176" spans="4:5" x14ac:dyDescent="0.25">
      <c r="D25176" s="6">
        <v>540.97450000000003</v>
      </c>
      <c r="E25176" s="6">
        <v>560.34249999999997</v>
      </c>
    </row>
    <row r="25177" spans="4:5" x14ac:dyDescent="0.25">
      <c r="D25177" s="6">
        <v>612.10180000000003</v>
      </c>
      <c r="E25177" s="6">
        <v>2911.0830000000001</v>
      </c>
    </row>
    <row r="25178" spans="4:5" x14ac:dyDescent="0.25">
      <c r="D25178" s="6">
        <v>679.34749999999997</v>
      </c>
      <c r="E25178" s="6">
        <v>1307.654</v>
      </c>
    </row>
    <row r="25179" spans="4:5" x14ac:dyDescent="0.25">
      <c r="D25179" s="6">
        <v>2565.1779999999999</v>
      </c>
      <c r="E25179" s="6">
        <v>2482.6550000000002</v>
      </c>
    </row>
    <row r="25180" spans="4:5" x14ac:dyDescent="0.25">
      <c r="D25180" s="6">
        <v>630.37819999999999</v>
      </c>
      <c r="E25180" s="6">
        <v>598.68349999999998</v>
      </c>
    </row>
    <row r="25181" spans="4:5" x14ac:dyDescent="0.25">
      <c r="D25181" s="6">
        <v>736.92319999999995</v>
      </c>
      <c r="E25181" s="6">
        <v>847.68119999999999</v>
      </c>
    </row>
    <row r="25182" spans="4:5" x14ac:dyDescent="0.25">
      <c r="D25182" s="6">
        <v>626</v>
      </c>
      <c r="E25182" s="6">
        <v>1108.3689999999999</v>
      </c>
    </row>
    <row r="25183" spans="4:5" x14ac:dyDescent="0.25">
      <c r="D25183" s="6">
        <v>472.69560000000001</v>
      </c>
      <c r="E25183" s="6">
        <v>1017.789</v>
      </c>
    </row>
    <row r="25184" spans="4:5" x14ac:dyDescent="0.25">
      <c r="D25184" s="6">
        <v>5168.5919999999996</v>
      </c>
      <c r="E25184" s="6">
        <v>933.87480000000005</v>
      </c>
    </row>
    <row r="25185" spans="4:5" x14ac:dyDescent="0.25">
      <c r="D25185" s="6">
        <v>6446.1750000000002</v>
      </c>
      <c r="E25185" s="6">
        <v>1397.0260000000001</v>
      </c>
    </row>
    <row r="25186" spans="4:5" x14ac:dyDescent="0.25">
      <c r="D25186" s="6">
        <v>594.53089999999997</v>
      </c>
      <c r="E25186" s="6">
        <v>1019.102</v>
      </c>
    </row>
    <row r="25187" spans="4:5" x14ac:dyDescent="0.25">
      <c r="D25187" s="6">
        <v>5179.1540000000005</v>
      </c>
      <c r="E25187" s="6">
        <v>3275.4850000000001</v>
      </c>
    </row>
    <row r="25188" spans="4:5" x14ac:dyDescent="0.25">
      <c r="D25188" s="6">
        <v>622.0874</v>
      </c>
      <c r="E25188" s="6">
        <v>607.05730000000005</v>
      </c>
    </row>
    <row r="25189" spans="4:5" x14ac:dyDescent="0.25">
      <c r="D25189" s="6">
        <v>598.52809999999999</v>
      </c>
      <c r="E25189" s="6">
        <v>616.46590000000003</v>
      </c>
    </row>
    <row r="25190" spans="4:5" x14ac:dyDescent="0.25">
      <c r="D25190" s="6">
        <v>661.3732</v>
      </c>
      <c r="E25190" s="6">
        <v>1188.893</v>
      </c>
    </row>
    <row r="25191" spans="4:5" x14ac:dyDescent="0.25">
      <c r="D25191" s="6">
        <v>716.94849999999997</v>
      </c>
      <c r="E25191" s="6">
        <v>506.8836</v>
      </c>
    </row>
    <row r="25192" spans="4:5" x14ac:dyDescent="0.25">
      <c r="D25192" s="6">
        <v>1605.203</v>
      </c>
      <c r="E25192" s="6">
        <v>5020.8360000000002</v>
      </c>
    </row>
    <row r="25193" spans="4:5" x14ac:dyDescent="0.25">
      <c r="D25193" s="6">
        <v>711.1309</v>
      </c>
      <c r="E25193" s="6">
        <v>461.197</v>
      </c>
    </row>
    <row r="25194" spans="4:5" x14ac:dyDescent="0.25">
      <c r="D25194" s="6">
        <v>490.26889999999997</v>
      </c>
      <c r="E25194" s="6">
        <v>4883.848</v>
      </c>
    </row>
    <row r="25195" spans="4:5" x14ac:dyDescent="0.25">
      <c r="D25195" s="6">
        <v>7643.6289999999999</v>
      </c>
      <c r="E25195" s="6">
        <v>834.57910000000004</v>
      </c>
    </row>
    <row r="25196" spans="4:5" x14ac:dyDescent="0.25">
      <c r="D25196" s="6">
        <v>2633.9380000000001</v>
      </c>
      <c r="E25196" s="6">
        <v>6202</v>
      </c>
    </row>
    <row r="25197" spans="4:5" x14ac:dyDescent="0.25">
      <c r="D25197" s="6">
        <v>4433.9830000000002</v>
      </c>
      <c r="E25197" s="6">
        <v>897.03959999999995</v>
      </c>
    </row>
    <row r="25198" spans="4:5" x14ac:dyDescent="0.25">
      <c r="D25198" s="6">
        <v>7305.4719999999998</v>
      </c>
      <c r="E25198" s="6">
        <v>4877.2669999999998</v>
      </c>
    </row>
    <row r="25199" spans="4:5" x14ac:dyDescent="0.25">
      <c r="D25199" s="6">
        <v>1371.424</v>
      </c>
      <c r="E25199" s="6">
        <v>769.86919999999998</v>
      </c>
    </row>
    <row r="25200" spans="4:5" x14ac:dyDescent="0.25">
      <c r="D25200" s="6">
        <v>495.85250000000002</v>
      </c>
      <c r="E25200" s="6">
        <v>514.07460000000003</v>
      </c>
    </row>
    <row r="25201" spans="4:5" x14ac:dyDescent="0.25">
      <c r="D25201" s="6">
        <v>1667.0170000000001</v>
      </c>
      <c r="E25201" s="6">
        <v>665.95159999999998</v>
      </c>
    </row>
    <row r="25202" spans="4:5" x14ac:dyDescent="0.25">
      <c r="D25202" s="6">
        <v>539.15899999999999</v>
      </c>
      <c r="E25202" s="6">
        <v>3431.0720000000001</v>
      </c>
    </row>
    <row r="25203" spans="4:5" x14ac:dyDescent="0.25">
      <c r="D25203" s="6">
        <v>576.22029999999995</v>
      </c>
      <c r="E25203" s="6">
        <v>645.07219999999995</v>
      </c>
    </row>
    <row r="25204" spans="4:5" x14ac:dyDescent="0.25">
      <c r="D25204" s="6">
        <v>579.75729999999999</v>
      </c>
      <c r="E25204" s="6">
        <v>542.23720000000003</v>
      </c>
    </row>
    <row r="25205" spans="4:5" x14ac:dyDescent="0.25">
      <c r="D25205" s="6">
        <v>521.16959999999995</v>
      </c>
      <c r="E25205" s="6">
        <v>531.38220000000001</v>
      </c>
    </row>
    <row r="25206" spans="4:5" x14ac:dyDescent="0.25">
      <c r="D25206" s="6">
        <v>992.3682</v>
      </c>
      <c r="E25206" s="6">
        <v>361.27859999999998</v>
      </c>
    </row>
    <row r="25207" spans="4:5" x14ac:dyDescent="0.25">
      <c r="D25207" s="6">
        <v>636.70849999999996</v>
      </c>
      <c r="E25207" s="6">
        <v>2142.6570000000002</v>
      </c>
    </row>
    <row r="25208" spans="4:5" x14ac:dyDescent="0.25">
      <c r="D25208" s="6">
        <v>659.40099999999995</v>
      </c>
      <c r="E25208" s="6">
        <v>1019.556</v>
      </c>
    </row>
    <row r="25209" spans="4:5" x14ac:dyDescent="0.25">
      <c r="D25209" s="6">
        <v>3994.2460000000001</v>
      </c>
      <c r="E25209" s="6">
        <v>1323.2819999999999</v>
      </c>
    </row>
    <row r="25210" spans="4:5" x14ac:dyDescent="0.25">
      <c r="D25210" s="6">
        <v>543.48620000000005</v>
      </c>
      <c r="E25210" s="6">
        <v>903.75</v>
      </c>
    </row>
    <row r="25211" spans="4:5" x14ac:dyDescent="0.25">
      <c r="D25211" s="6">
        <v>462.29219999999998</v>
      </c>
      <c r="E25211" s="6">
        <v>3921.4580000000001</v>
      </c>
    </row>
    <row r="25212" spans="4:5" x14ac:dyDescent="0.25">
      <c r="D25212" s="6">
        <v>651.75879999999995</v>
      </c>
      <c r="E25212" s="6">
        <v>523.79629999999997</v>
      </c>
    </row>
    <row r="25213" spans="4:5" x14ac:dyDescent="0.25">
      <c r="D25213" s="6">
        <v>1744.056</v>
      </c>
      <c r="E25213" s="6">
        <v>732.94880000000001</v>
      </c>
    </row>
    <row r="25214" spans="4:5" x14ac:dyDescent="0.25">
      <c r="D25214" s="6">
        <v>1023</v>
      </c>
      <c r="E25214" s="6">
        <v>5979.12</v>
      </c>
    </row>
    <row r="25215" spans="4:5" x14ac:dyDescent="0.25">
      <c r="D25215" s="6">
        <v>4591.5940000000001</v>
      </c>
      <c r="E25215" s="6">
        <v>2234.5740000000001</v>
      </c>
    </row>
    <row r="25216" spans="4:5" x14ac:dyDescent="0.25">
      <c r="D25216" s="6">
        <v>572.19899999999996</v>
      </c>
      <c r="E25216" s="6">
        <v>531.04679999999996</v>
      </c>
    </row>
    <row r="25217" spans="4:5" x14ac:dyDescent="0.25">
      <c r="D25217" s="6">
        <v>579.67780000000005</v>
      </c>
      <c r="E25217" s="6">
        <v>623.09680000000003</v>
      </c>
    </row>
    <row r="25218" spans="4:5" x14ac:dyDescent="0.25">
      <c r="D25218" s="6">
        <v>2271.0909999999999</v>
      </c>
      <c r="E25218" s="6">
        <v>9365.2579999999998</v>
      </c>
    </row>
    <row r="25219" spans="4:5" x14ac:dyDescent="0.25">
      <c r="D25219" s="6">
        <v>592.77869999999996</v>
      </c>
      <c r="E25219" s="6">
        <v>668.43600000000004</v>
      </c>
    </row>
    <row r="25220" spans="4:5" x14ac:dyDescent="0.25">
      <c r="D25220" s="6">
        <v>632.21090000000004</v>
      </c>
      <c r="E25220" s="6">
        <v>1428.1849999999999</v>
      </c>
    </row>
    <row r="25221" spans="4:5" x14ac:dyDescent="0.25">
      <c r="D25221" s="6">
        <v>517.94029999999998</v>
      </c>
      <c r="E25221" s="6">
        <v>1408.117</v>
      </c>
    </row>
    <row r="25222" spans="4:5" x14ac:dyDescent="0.25">
      <c r="D25222" s="6">
        <v>5654.491</v>
      </c>
      <c r="E25222" s="6">
        <v>6551.0720000000001</v>
      </c>
    </row>
    <row r="25223" spans="4:5" x14ac:dyDescent="0.25">
      <c r="D25223" s="6">
        <v>581.25689999999997</v>
      </c>
      <c r="E25223" s="6">
        <v>1579.202</v>
      </c>
    </row>
    <row r="25224" spans="4:5" x14ac:dyDescent="0.25">
      <c r="D25224" s="6">
        <v>567.89769999999999</v>
      </c>
      <c r="E25224" s="6">
        <v>407.8492</v>
      </c>
    </row>
    <row r="25225" spans="4:5" x14ac:dyDescent="0.25">
      <c r="D25225" s="6">
        <v>595.86429999999996</v>
      </c>
      <c r="E25225" s="6">
        <v>556.14170000000001</v>
      </c>
    </row>
    <row r="25226" spans="4:5" x14ac:dyDescent="0.25">
      <c r="D25226" s="6">
        <v>929.96659999999997</v>
      </c>
      <c r="E25226" s="6">
        <v>5563.9340000000002</v>
      </c>
    </row>
    <row r="25227" spans="4:5" x14ac:dyDescent="0.25">
      <c r="D25227" s="6">
        <v>5277.02</v>
      </c>
      <c r="E25227" s="6">
        <v>539.23979999999995</v>
      </c>
    </row>
    <row r="25228" spans="4:5" x14ac:dyDescent="0.25">
      <c r="D25228" s="6">
        <v>618.09400000000005</v>
      </c>
      <c r="E25228" s="6">
        <v>4740.3670000000002</v>
      </c>
    </row>
    <row r="25229" spans="4:5" x14ac:dyDescent="0.25">
      <c r="D25229" s="6">
        <v>650.30340000000001</v>
      </c>
      <c r="E25229" s="6">
        <v>1479.9849999999999</v>
      </c>
    </row>
    <row r="25230" spans="4:5" x14ac:dyDescent="0.25">
      <c r="D25230" s="6">
        <v>7449.4520000000002</v>
      </c>
      <c r="E25230" s="6">
        <v>595.53679999999997</v>
      </c>
    </row>
    <row r="25231" spans="4:5" x14ac:dyDescent="0.25">
      <c r="D25231" s="6">
        <v>3217.9090000000001</v>
      </c>
      <c r="E25231" s="6">
        <v>629.47289999999998</v>
      </c>
    </row>
    <row r="25232" spans="4:5" x14ac:dyDescent="0.25">
      <c r="D25232" s="6">
        <v>535.33640000000003</v>
      </c>
      <c r="E25232" s="6">
        <v>629.7577</v>
      </c>
    </row>
    <row r="25233" spans="4:5" x14ac:dyDescent="0.25">
      <c r="D25233" s="6">
        <v>565.24770000000001</v>
      </c>
      <c r="E25233" s="6">
        <v>3930.6190000000001</v>
      </c>
    </row>
    <row r="25234" spans="4:5" x14ac:dyDescent="0.25">
      <c r="D25234" s="6">
        <v>5129.2290000000003</v>
      </c>
      <c r="E25234" s="6">
        <v>800.57330000000002</v>
      </c>
    </row>
    <row r="25235" spans="4:5" x14ac:dyDescent="0.25">
      <c r="D25235" s="6">
        <v>1433.146</v>
      </c>
      <c r="E25235" s="6">
        <v>1226.5989999999999</v>
      </c>
    </row>
    <row r="25236" spans="4:5" x14ac:dyDescent="0.25">
      <c r="D25236" s="6">
        <v>567.26990000000001</v>
      </c>
      <c r="E25236" s="6">
        <v>5583.1220000000003</v>
      </c>
    </row>
    <row r="25237" spans="4:5" x14ac:dyDescent="0.25">
      <c r="D25237" s="6">
        <v>647.03859999999997</v>
      </c>
      <c r="E25237" s="6">
        <v>761.14160000000004</v>
      </c>
    </row>
    <row r="25238" spans="4:5" x14ac:dyDescent="0.25">
      <c r="D25238" s="6">
        <v>5241.7150000000001</v>
      </c>
      <c r="E25238" s="6">
        <v>733.57860000000005</v>
      </c>
    </row>
    <row r="25239" spans="4:5" x14ac:dyDescent="0.25">
      <c r="D25239" s="6">
        <v>605.78160000000003</v>
      </c>
      <c r="E25239" s="6">
        <v>596.24620000000004</v>
      </c>
    </row>
    <row r="25240" spans="4:5" x14ac:dyDescent="0.25">
      <c r="D25240" s="6">
        <v>528.82870000000003</v>
      </c>
      <c r="E25240" s="6">
        <v>697.10950000000003</v>
      </c>
    </row>
    <row r="25241" spans="4:5" x14ac:dyDescent="0.25">
      <c r="D25241" s="6">
        <v>772.5575</v>
      </c>
      <c r="E25241" s="6">
        <v>4213.4359999999997</v>
      </c>
    </row>
    <row r="25242" spans="4:5" x14ac:dyDescent="0.25">
      <c r="D25242" s="6">
        <v>6996.6229999999996</v>
      </c>
      <c r="E25242" s="6">
        <v>828.40880000000004</v>
      </c>
    </row>
    <row r="25243" spans="4:5" x14ac:dyDescent="0.25">
      <c r="D25243" s="6">
        <v>581.09310000000005</v>
      </c>
      <c r="E25243" s="6">
        <v>4617.6710000000003</v>
      </c>
    </row>
    <row r="25244" spans="4:5" x14ac:dyDescent="0.25">
      <c r="D25244" s="6">
        <v>545.34630000000004</v>
      </c>
      <c r="E25244" s="6">
        <v>1340.45</v>
      </c>
    </row>
    <row r="25245" spans="4:5" x14ac:dyDescent="0.25">
      <c r="D25245" s="6">
        <v>2834.1109999999999</v>
      </c>
      <c r="E25245" s="6">
        <v>621.13840000000005</v>
      </c>
    </row>
    <row r="25246" spans="4:5" x14ac:dyDescent="0.25">
      <c r="D25246" s="6">
        <v>3767.05</v>
      </c>
      <c r="E25246" s="6">
        <v>1106.213</v>
      </c>
    </row>
    <row r="25247" spans="4:5" x14ac:dyDescent="0.25">
      <c r="D25247" s="6">
        <v>915.83759999999995</v>
      </c>
      <c r="E25247" s="6">
        <v>465.0958</v>
      </c>
    </row>
    <row r="25248" spans="4:5" x14ac:dyDescent="0.25">
      <c r="D25248" s="6">
        <v>640.76220000000001</v>
      </c>
      <c r="E25248" s="6">
        <v>3226.7240000000002</v>
      </c>
    </row>
    <row r="25249" spans="4:5" x14ac:dyDescent="0.25">
      <c r="D25249" s="6">
        <v>1023.789</v>
      </c>
      <c r="E25249" s="6">
        <v>5492.2849999999999</v>
      </c>
    </row>
    <row r="25250" spans="4:5" x14ac:dyDescent="0.25">
      <c r="D25250" s="6">
        <v>579.03819999999996</v>
      </c>
      <c r="E25250" s="6">
        <v>754.19489999999996</v>
      </c>
    </row>
    <row r="25251" spans="4:5" x14ac:dyDescent="0.25">
      <c r="D25251" s="6">
        <v>569.12779999999998</v>
      </c>
      <c r="E25251" s="6">
        <v>609.78489999999999</v>
      </c>
    </row>
    <row r="25252" spans="4:5" x14ac:dyDescent="0.25">
      <c r="D25252" s="6">
        <v>579.09389999999996</v>
      </c>
      <c r="E25252" s="6">
        <v>4614.674</v>
      </c>
    </row>
    <row r="25253" spans="4:5" x14ac:dyDescent="0.25">
      <c r="D25253" s="6">
        <v>728.18119999999999</v>
      </c>
      <c r="E25253" s="6">
        <v>750.82600000000002</v>
      </c>
    </row>
    <row r="25254" spans="4:5" x14ac:dyDescent="0.25">
      <c r="D25254" s="6">
        <v>1117.4970000000001</v>
      </c>
      <c r="E25254" s="6">
        <v>623.53679999999997</v>
      </c>
    </row>
    <row r="25255" spans="4:5" x14ac:dyDescent="0.25">
      <c r="D25255" s="6">
        <v>609.6354</v>
      </c>
      <c r="E25255" s="6">
        <v>655.0548</v>
      </c>
    </row>
    <row r="25256" spans="4:5" x14ac:dyDescent="0.25">
      <c r="D25256" s="6">
        <v>593.48540000000003</v>
      </c>
      <c r="E25256" s="6">
        <v>615.00310000000002</v>
      </c>
    </row>
    <row r="25257" spans="4:5" x14ac:dyDescent="0.25">
      <c r="D25257" s="6">
        <v>572.83280000000002</v>
      </c>
      <c r="E25257" s="6">
        <v>1011.9640000000001</v>
      </c>
    </row>
    <row r="25258" spans="4:5" x14ac:dyDescent="0.25">
      <c r="D25258" s="6">
        <v>576.50609999999995</v>
      </c>
      <c r="E25258" s="6">
        <v>5130.7790000000005</v>
      </c>
    </row>
    <row r="25259" spans="4:5" x14ac:dyDescent="0.25">
      <c r="D25259" s="6">
        <v>2011.239</v>
      </c>
      <c r="E25259" s="6">
        <v>2559.7190000000001</v>
      </c>
    </row>
    <row r="25260" spans="4:5" x14ac:dyDescent="0.25">
      <c r="D25260" s="6">
        <v>573.67870000000005</v>
      </c>
      <c r="E25260" s="6">
        <v>868.59050000000002</v>
      </c>
    </row>
    <row r="25261" spans="4:5" x14ac:dyDescent="0.25">
      <c r="D25261" s="6">
        <v>583.8338</v>
      </c>
      <c r="E25261" s="6">
        <v>565.81539999999995</v>
      </c>
    </row>
    <row r="25262" spans="4:5" x14ac:dyDescent="0.25">
      <c r="D25262" s="6">
        <v>5445.2030000000004</v>
      </c>
      <c r="E25262" s="6">
        <v>569.61659999999995</v>
      </c>
    </row>
    <row r="25263" spans="4:5" x14ac:dyDescent="0.25">
      <c r="D25263" s="6">
        <v>629.85410000000002</v>
      </c>
      <c r="E25263" s="6">
        <v>7302.4949999999999</v>
      </c>
    </row>
    <row r="25264" spans="4:5" x14ac:dyDescent="0.25">
      <c r="D25264" s="6">
        <v>5006.6180000000004</v>
      </c>
      <c r="E25264" s="6">
        <v>1300.3109999999999</v>
      </c>
    </row>
    <row r="25265" spans="4:5" x14ac:dyDescent="0.25">
      <c r="D25265" s="6">
        <v>3743.701</v>
      </c>
      <c r="E25265" s="6">
        <v>1065.875</v>
      </c>
    </row>
    <row r="25266" spans="4:5" x14ac:dyDescent="0.25">
      <c r="D25266" s="6">
        <v>677.67449999999997</v>
      </c>
      <c r="E25266" s="6">
        <v>1226.7149999999999</v>
      </c>
    </row>
    <row r="25267" spans="4:5" x14ac:dyDescent="0.25">
      <c r="D25267" s="6">
        <v>2335.652</v>
      </c>
      <c r="E25267" s="6">
        <v>567.51260000000002</v>
      </c>
    </row>
    <row r="25268" spans="4:5" x14ac:dyDescent="0.25">
      <c r="D25268" s="6">
        <v>5042.6059999999998</v>
      </c>
      <c r="E25268" s="6">
        <v>957.10799999999995</v>
      </c>
    </row>
    <row r="25269" spans="4:5" x14ac:dyDescent="0.25">
      <c r="D25269" s="6">
        <v>533.4982</v>
      </c>
      <c r="E25269" s="6">
        <v>683.34370000000001</v>
      </c>
    </row>
    <row r="25270" spans="4:5" x14ac:dyDescent="0.25">
      <c r="D25270" s="6">
        <v>609.54219999999998</v>
      </c>
      <c r="E25270" s="6">
        <v>694.68560000000002</v>
      </c>
    </row>
    <row r="25271" spans="4:5" x14ac:dyDescent="0.25">
      <c r="D25271" s="6">
        <v>661.12609999999995</v>
      </c>
      <c r="E25271" s="6">
        <v>675.88720000000001</v>
      </c>
    </row>
    <row r="25272" spans="4:5" x14ac:dyDescent="0.25">
      <c r="D25272" s="6">
        <v>4821.9279999999999</v>
      </c>
      <c r="E25272" s="6">
        <v>533.56669999999997</v>
      </c>
    </row>
    <row r="25273" spans="4:5" x14ac:dyDescent="0.25">
      <c r="D25273" s="6">
        <v>626.55579999999998</v>
      </c>
      <c r="E25273" s="6">
        <v>5282.223</v>
      </c>
    </row>
    <row r="25274" spans="4:5" x14ac:dyDescent="0.25">
      <c r="D25274" s="6">
        <v>5077.5860000000002</v>
      </c>
      <c r="E25274" s="6">
        <v>628.22320000000002</v>
      </c>
    </row>
    <row r="25275" spans="4:5" x14ac:dyDescent="0.25">
      <c r="D25275" s="6">
        <v>5007.8280000000004</v>
      </c>
      <c r="E25275" s="6">
        <v>720.81179999999995</v>
      </c>
    </row>
    <row r="25276" spans="4:5" x14ac:dyDescent="0.25">
      <c r="D25276" s="6">
        <v>5439.6390000000001</v>
      </c>
      <c r="E25276" s="6">
        <v>586.67150000000004</v>
      </c>
    </row>
    <row r="25277" spans="4:5" x14ac:dyDescent="0.25">
      <c r="D25277" s="6">
        <v>1923.5229999999999</v>
      </c>
      <c r="E25277" s="6">
        <v>4468.259</v>
      </c>
    </row>
    <row r="25278" spans="4:5" x14ac:dyDescent="0.25">
      <c r="D25278" s="6">
        <v>665.41060000000004</v>
      </c>
      <c r="E25278" s="6">
        <v>529.5421</v>
      </c>
    </row>
    <row r="25279" spans="4:5" x14ac:dyDescent="0.25">
      <c r="D25279" s="6">
        <v>614.00080000000003</v>
      </c>
      <c r="E25279" s="6">
        <v>723.14290000000005</v>
      </c>
    </row>
    <row r="25280" spans="4:5" x14ac:dyDescent="0.25">
      <c r="D25280" s="6">
        <v>932.58540000000005</v>
      </c>
      <c r="E25280" s="6">
        <v>5022.5590000000002</v>
      </c>
    </row>
    <row r="25281" spans="4:5" x14ac:dyDescent="0.25">
      <c r="D25281" s="6">
        <v>811.18859999999995</v>
      </c>
      <c r="E25281" s="6">
        <v>554.93420000000003</v>
      </c>
    </row>
    <row r="25282" spans="4:5" x14ac:dyDescent="0.25">
      <c r="D25282" s="6">
        <v>849.9923</v>
      </c>
      <c r="E25282" s="6">
        <v>1790.0260000000001</v>
      </c>
    </row>
    <row r="25283" spans="4:5" x14ac:dyDescent="0.25">
      <c r="D25283" s="6">
        <v>549.08450000000005</v>
      </c>
      <c r="E25283" s="6">
        <v>4689.4809999999998</v>
      </c>
    </row>
    <row r="25284" spans="4:5" x14ac:dyDescent="0.25">
      <c r="D25284" s="6">
        <v>3759.076</v>
      </c>
      <c r="E25284" s="6">
        <v>603.97569999999996</v>
      </c>
    </row>
    <row r="25285" spans="4:5" x14ac:dyDescent="0.25">
      <c r="D25285" s="6">
        <v>542.11659999999995</v>
      </c>
      <c r="E25285" s="6">
        <v>1290.499</v>
      </c>
    </row>
    <row r="25286" spans="4:5" x14ac:dyDescent="0.25">
      <c r="D25286" s="6">
        <v>600.64170000000001</v>
      </c>
      <c r="E25286" s="6">
        <v>4780.4620000000004</v>
      </c>
    </row>
    <row r="25287" spans="4:5" x14ac:dyDescent="0.25">
      <c r="D25287" s="6">
        <v>910.96050000000002</v>
      </c>
      <c r="E25287" s="6">
        <v>1105.5999999999999</v>
      </c>
    </row>
    <row r="25288" spans="4:5" x14ac:dyDescent="0.25">
      <c r="D25288" s="6">
        <v>521.06659999999999</v>
      </c>
      <c r="E25288" s="6">
        <v>4204.4049999999997</v>
      </c>
    </row>
    <row r="25289" spans="4:5" x14ac:dyDescent="0.25">
      <c r="D25289" s="6">
        <v>4520.8540000000003</v>
      </c>
      <c r="E25289" s="6">
        <v>1038.7190000000001</v>
      </c>
    </row>
    <row r="25290" spans="4:5" x14ac:dyDescent="0.25">
      <c r="D25290" s="6">
        <v>852.23350000000005</v>
      </c>
      <c r="E25290" s="6">
        <v>696.86490000000003</v>
      </c>
    </row>
    <row r="25291" spans="4:5" x14ac:dyDescent="0.25">
      <c r="D25291" s="6">
        <v>1398.164</v>
      </c>
      <c r="E25291" s="6">
        <v>527.96559999999999</v>
      </c>
    </row>
    <row r="25292" spans="4:5" x14ac:dyDescent="0.25">
      <c r="D25292" s="6">
        <v>3097.5479999999998</v>
      </c>
      <c r="E25292" s="6">
        <v>554.09960000000001</v>
      </c>
    </row>
    <row r="25293" spans="4:5" x14ac:dyDescent="0.25">
      <c r="D25293" s="6">
        <v>588.31179999999995</v>
      </c>
      <c r="E25293" s="6">
        <v>542.53989999999999</v>
      </c>
    </row>
    <row r="25294" spans="4:5" x14ac:dyDescent="0.25">
      <c r="D25294" s="6">
        <v>842.59010000000001</v>
      </c>
      <c r="E25294" s="6">
        <v>1029.107</v>
      </c>
    </row>
    <row r="25295" spans="4:5" x14ac:dyDescent="0.25">
      <c r="D25295" s="6">
        <v>2100.8510000000001</v>
      </c>
      <c r="E25295" s="6">
        <v>1026.5160000000001</v>
      </c>
    </row>
    <row r="25296" spans="4:5" x14ac:dyDescent="0.25">
      <c r="D25296" s="6">
        <v>613.76279999999997</v>
      </c>
      <c r="E25296" s="6">
        <v>824.33860000000004</v>
      </c>
    </row>
    <row r="25297" spans="4:5" x14ac:dyDescent="0.25">
      <c r="D25297" s="6">
        <v>631.97709999999995</v>
      </c>
      <c r="E25297" s="6">
        <v>3483.317</v>
      </c>
    </row>
    <row r="25298" spans="4:5" x14ac:dyDescent="0.25">
      <c r="D25298" s="6">
        <v>834.12189999999998</v>
      </c>
      <c r="E25298" s="6">
        <v>676.78139999999996</v>
      </c>
    </row>
    <row r="25299" spans="4:5" x14ac:dyDescent="0.25">
      <c r="D25299" s="6">
        <v>2045.2339999999999</v>
      </c>
      <c r="E25299" s="6">
        <v>2795.3809999999999</v>
      </c>
    </row>
    <row r="25300" spans="4:5" x14ac:dyDescent="0.25">
      <c r="D25300" s="6">
        <v>1825.2560000000001</v>
      </c>
      <c r="E25300" s="6">
        <v>3930.48</v>
      </c>
    </row>
    <row r="25301" spans="4:5" x14ac:dyDescent="0.25">
      <c r="D25301" s="6">
        <v>610.28920000000005</v>
      </c>
      <c r="E25301" s="6">
        <v>1224.1199999999999</v>
      </c>
    </row>
    <row r="25302" spans="4:5" x14ac:dyDescent="0.25">
      <c r="D25302" s="6">
        <v>5743.9</v>
      </c>
      <c r="E25302" s="6">
        <v>4744.9139999999998</v>
      </c>
    </row>
    <row r="25303" spans="4:5" x14ac:dyDescent="0.25">
      <c r="D25303" s="6">
        <v>8458.07</v>
      </c>
      <c r="E25303" s="6">
        <v>1311.729</v>
      </c>
    </row>
    <row r="25304" spans="4:5" x14ac:dyDescent="0.25">
      <c r="D25304" s="6">
        <v>3568.1819999999998</v>
      </c>
      <c r="E25304" s="6">
        <v>1170.5170000000001</v>
      </c>
    </row>
    <row r="25305" spans="4:5" x14ac:dyDescent="0.25">
      <c r="D25305" s="6">
        <v>681.19780000000003</v>
      </c>
      <c r="E25305" s="6">
        <v>666.82249999999999</v>
      </c>
    </row>
    <row r="25306" spans="4:5" x14ac:dyDescent="0.25">
      <c r="D25306" s="6">
        <v>597.7396</v>
      </c>
      <c r="E25306" s="6">
        <v>1076.826</v>
      </c>
    </row>
    <row r="25307" spans="4:5" x14ac:dyDescent="0.25">
      <c r="D25307" s="6">
        <v>429.16410000000002</v>
      </c>
      <c r="E25307" s="6">
        <v>557.31889999999999</v>
      </c>
    </row>
    <row r="25308" spans="4:5" x14ac:dyDescent="0.25">
      <c r="D25308" s="6">
        <v>583.51589999999999</v>
      </c>
      <c r="E25308" s="6">
        <v>648.84339999999997</v>
      </c>
    </row>
    <row r="25309" spans="4:5" x14ac:dyDescent="0.25">
      <c r="D25309" s="6">
        <v>515.13789999999995</v>
      </c>
      <c r="E25309" s="6">
        <v>5232.8869999999997</v>
      </c>
    </row>
    <row r="25310" spans="4:5" x14ac:dyDescent="0.25">
      <c r="D25310" s="6">
        <v>590.38829999999996</v>
      </c>
      <c r="E25310" s="6">
        <v>632.43119999999999</v>
      </c>
    </row>
    <row r="25311" spans="4:5" x14ac:dyDescent="0.25">
      <c r="D25311" s="6">
        <v>513.13210000000004</v>
      </c>
      <c r="E25311" s="6">
        <v>603.05380000000002</v>
      </c>
    </row>
    <row r="25312" spans="4:5" x14ac:dyDescent="0.25">
      <c r="D25312" s="6">
        <v>800.74580000000003</v>
      </c>
      <c r="E25312" s="6">
        <v>509.71019999999999</v>
      </c>
    </row>
    <row r="25313" spans="4:5" x14ac:dyDescent="0.25">
      <c r="D25313" s="6">
        <v>699.67460000000005</v>
      </c>
      <c r="E25313" s="6">
        <v>1654.2329999999999</v>
      </c>
    </row>
    <row r="25314" spans="4:5" x14ac:dyDescent="0.25">
      <c r="D25314" s="6">
        <v>681.67629999999997</v>
      </c>
      <c r="E25314" s="6">
        <v>723.66600000000005</v>
      </c>
    </row>
    <row r="25315" spans="4:5" x14ac:dyDescent="0.25">
      <c r="D25315" s="6">
        <v>633.5</v>
      </c>
      <c r="E25315" s="6">
        <v>915.95240000000001</v>
      </c>
    </row>
    <row r="25316" spans="4:5" x14ac:dyDescent="0.25">
      <c r="D25316" s="6">
        <v>565.44320000000005</v>
      </c>
      <c r="E25316" s="6">
        <v>2474.5729999999999</v>
      </c>
    </row>
    <row r="25317" spans="4:5" x14ac:dyDescent="0.25">
      <c r="D25317" s="6">
        <v>548.39279999999997</v>
      </c>
      <c r="E25317" s="6">
        <v>788.10839999999996</v>
      </c>
    </row>
    <row r="25318" spans="4:5" x14ac:dyDescent="0.25">
      <c r="D25318" s="6">
        <v>4734.7629999999999</v>
      </c>
      <c r="E25318" s="6">
        <v>642.09870000000001</v>
      </c>
    </row>
    <row r="25319" spans="4:5" x14ac:dyDescent="0.25">
      <c r="D25319" s="6">
        <v>7175.4380000000001</v>
      </c>
      <c r="E25319" s="6">
        <v>708.61210000000005</v>
      </c>
    </row>
    <row r="25320" spans="4:5" x14ac:dyDescent="0.25">
      <c r="D25320" s="6">
        <v>597.41639999999995</v>
      </c>
      <c r="E25320" s="6">
        <v>3107.761</v>
      </c>
    </row>
    <row r="25321" spans="4:5" x14ac:dyDescent="0.25">
      <c r="D25321" s="6">
        <v>1590.963</v>
      </c>
      <c r="E25321" s="6">
        <v>614.70420000000001</v>
      </c>
    </row>
    <row r="25322" spans="4:5" x14ac:dyDescent="0.25">
      <c r="D25322" s="6">
        <v>1804.4739999999999</v>
      </c>
      <c r="E25322" s="6">
        <v>1056.8050000000001</v>
      </c>
    </row>
    <row r="25323" spans="4:5" x14ac:dyDescent="0.25">
      <c r="D25323" s="6">
        <v>4950.335</v>
      </c>
      <c r="E25323" s="6">
        <v>2447.3440000000001</v>
      </c>
    </row>
    <row r="25324" spans="4:5" x14ac:dyDescent="0.25">
      <c r="D25324" s="6">
        <v>4602.2089999999998</v>
      </c>
      <c r="E25324" s="6">
        <v>767.96389999999997</v>
      </c>
    </row>
    <row r="25325" spans="4:5" x14ac:dyDescent="0.25">
      <c r="D25325" s="6">
        <v>5187.2709999999997</v>
      </c>
      <c r="E25325" s="6">
        <v>592.96299999999997</v>
      </c>
    </row>
    <row r="25326" spans="4:5" x14ac:dyDescent="0.25">
      <c r="D25326" s="6">
        <v>551.37819999999999</v>
      </c>
      <c r="E25326" s="6">
        <v>4532.7430000000004</v>
      </c>
    </row>
    <row r="25327" spans="4:5" x14ac:dyDescent="0.25">
      <c r="D25327" s="6">
        <v>668.26570000000004</v>
      </c>
      <c r="E25327" s="6">
        <v>1432.4190000000001</v>
      </c>
    </row>
    <row r="25328" spans="4:5" x14ac:dyDescent="0.25">
      <c r="D25328" s="6">
        <v>900.10640000000001</v>
      </c>
      <c r="E25328" s="6">
        <v>782.54849999999999</v>
      </c>
    </row>
    <row r="25329" spans="4:5" x14ac:dyDescent="0.25">
      <c r="D25329" s="6">
        <v>551.10730000000001</v>
      </c>
      <c r="E25329" s="6">
        <v>2943.8989999999999</v>
      </c>
    </row>
    <row r="25330" spans="4:5" x14ac:dyDescent="0.25">
      <c r="D25330" s="6">
        <v>583.44470000000001</v>
      </c>
      <c r="E25330" s="6">
        <v>1175.0519999999999</v>
      </c>
    </row>
    <row r="25331" spans="4:5" x14ac:dyDescent="0.25">
      <c r="D25331" s="6">
        <v>671.84730000000002</v>
      </c>
      <c r="E25331" s="6">
        <v>581.33979999999997</v>
      </c>
    </row>
    <row r="25332" spans="4:5" x14ac:dyDescent="0.25">
      <c r="D25332" s="6">
        <v>599.9126</v>
      </c>
      <c r="E25332" s="6">
        <v>611.5385</v>
      </c>
    </row>
    <row r="25333" spans="4:5" x14ac:dyDescent="0.25">
      <c r="D25333" s="6">
        <v>734.38959999999997</v>
      </c>
      <c r="E25333" s="6">
        <v>780.56489999999997</v>
      </c>
    </row>
    <row r="25334" spans="4:5" x14ac:dyDescent="0.25">
      <c r="D25334" s="6">
        <v>5438.0259999999998</v>
      </c>
      <c r="E25334" s="6">
        <v>5170.75</v>
      </c>
    </row>
    <row r="25335" spans="4:5" x14ac:dyDescent="0.25">
      <c r="D25335" s="6">
        <v>566.46579999999994</v>
      </c>
      <c r="E25335" s="6">
        <v>573.31539999999995</v>
      </c>
    </row>
    <row r="25336" spans="4:5" x14ac:dyDescent="0.25">
      <c r="D25336" s="6">
        <v>666.43200000000002</v>
      </c>
      <c r="E25336" s="6">
        <v>1544.723</v>
      </c>
    </row>
    <row r="25337" spans="4:5" x14ac:dyDescent="0.25">
      <c r="D25337" s="6">
        <v>4992.3559999999998</v>
      </c>
      <c r="E25337" s="6">
        <v>1158.9190000000001</v>
      </c>
    </row>
    <row r="25338" spans="4:5" x14ac:dyDescent="0.25">
      <c r="D25338" s="6">
        <v>4812.1480000000001</v>
      </c>
      <c r="E25338" s="6">
        <v>1357.662</v>
      </c>
    </row>
    <row r="25339" spans="4:5" x14ac:dyDescent="0.25">
      <c r="D25339" s="6">
        <v>1182.3579999999999</v>
      </c>
      <c r="E25339" s="6">
        <v>638.67960000000005</v>
      </c>
    </row>
    <row r="25340" spans="4:5" x14ac:dyDescent="0.25">
      <c r="D25340" s="6">
        <v>650.86869999999999</v>
      </c>
      <c r="E25340" s="6">
        <v>669.60739999999998</v>
      </c>
    </row>
    <row r="25341" spans="4:5" x14ac:dyDescent="0.25">
      <c r="D25341" s="6">
        <v>447.29759999999999</v>
      </c>
      <c r="E25341" s="6">
        <v>1144.7239999999999</v>
      </c>
    </row>
    <row r="25342" spans="4:5" x14ac:dyDescent="0.25">
      <c r="D25342" s="6">
        <v>785.34059999999999</v>
      </c>
      <c r="E25342" s="6">
        <v>582.14020000000005</v>
      </c>
    </row>
    <row r="25343" spans="4:5" x14ac:dyDescent="0.25">
      <c r="D25343" s="6">
        <v>3479.9560000000001</v>
      </c>
      <c r="E25343" s="6">
        <v>560.07090000000005</v>
      </c>
    </row>
    <row r="25344" spans="4:5" x14ac:dyDescent="0.25">
      <c r="D25344" s="6">
        <v>581.86429999999996</v>
      </c>
      <c r="E25344" s="6">
        <v>508.27280000000002</v>
      </c>
    </row>
    <row r="25345" spans="4:5" x14ac:dyDescent="0.25">
      <c r="D25345" s="6">
        <v>586.55999999999995</v>
      </c>
      <c r="E25345" s="6">
        <v>784.44349999999997</v>
      </c>
    </row>
    <row r="25346" spans="4:5" x14ac:dyDescent="0.25">
      <c r="D25346" s="6">
        <v>552.20100000000002</v>
      </c>
      <c r="E25346" s="6">
        <v>4466.4870000000001</v>
      </c>
    </row>
    <row r="25347" spans="4:5" x14ac:dyDescent="0.25">
      <c r="D25347" s="6">
        <v>608.83309999999994</v>
      </c>
      <c r="E25347" s="6">
        <v>719.33519999999999</v>
      </c>
    </row>
    <row r="25348" spans="4:5" x14ac:dyDescent="0.25">
      <c r="D25348" s="6">
        <v>3609.2570000000001</v>
      </c>
      <c r="E25348" s="6">
        <v>755.36189999999999</v>
      </c>
    </row>
    <row r="25349" spans="4:5" x14ac:dyDescent="0.25">
      <c r="D25349" s="6">
        <v>4158.4489999999996</v>
      </c>
      <c r="E25349" s="6">
        <v>704.33130000000006</v>
      </c>
    </row>
    <row r="25350" spans="4:5" x14ac:dyDescent="0.25">
      <c r="D25350" s="6">
        <v>575.75800000000004</v>
      </c>
      <c r="E25350" s="6">
        <v>1035.6020000000001</v>
      </c>
    </row>
    <row r="25351" spans="4:5" x14ac:dyDescent="0.25">
      <c r="D25351" s="6">
        <v>661.64760000000001</v>
      </c>
      <c r="E25351" s="6">
        <v>523.72090000000003</v>
      </c>
    </row>
    <row r="25352" spans="4:5" x14ac:dyDescent="0.25">
      <c r="D25352" s="6">
        <v>5351.0129999999999</v>
      </c>
      <c r="E25352" s="6">
        <v>1088.3320000000001</v>
      </c>
    </row>
    <row r="25353" spans="4:5" x14ac:dyDescent="0.25">
      <c r="D25353" s="6">
        <v>5678.5389999999998</v>
      </c>
      <c r="E25353" s="6">
        <v>650.84609999999998</v>
      </c>
    </row>
    <row r="25354" spans="4:5" x14ac:dyDescent="0.25">
      <c r="D25354" s="6">
        <v>576.85230000000001</v>
      </c>
      <c r="E25354" s="6">
        <v>772.58619999999996</v>
      </c>
    </row>
    <row r="25355" spans="4:5" x14ac:dyDescent="0.25">
      <c r="D25355" s="6">
        <v>595.52329999999995</v>
      </c>
      <c r="E25355" s="6">
        <v>3776.5259999999998</v>
      </c>
    </row>
    <row r="25356" spans="4:5" x14ac:dyDescent="0.25">
      <c r="D25356" s="6">
        <v>2971.0839999999998</v>
      </c>
      <c r="E25356" s="6">
        <v>1353.924</v>
      </c>
    </row>
    <row r="25357" spans="4:5" x14ac:dyDescent="0.25">
      <c r="D25357" s="6">
        <v>742.9846</v>
      </c>
      <c r="E25357" s="6">
        <v>581.32190000000003</v>
      </c>
    </row>
    <row r="25358" spans="4:5" x14ac:dyDescent="0.25">
      <c r="D25358" s="6">
        <v>3602.22</v>
      </c>
      <c r="E25358" s="6">
        <v>598.31290000000001</v>
      </c>
    </row>
    <row r="25359" spans="4:5" x14ac:dyDescent="0.25">
      <c r="D25359" s="6">
        <v>622.69839999999999</v>
      </c>
      <c r="E25359" s="6">
        <v>617.21849999999995</v>
      </c>
    </row>
    <row r="25360" spans="4:5" x14ac:dyDescent="0.25">
      <c r="D25360" s="6">
        <v>648.42060000000004</v>
      </c>
      <c r="E25360" s="6">
        <v>1010.895</v>
      </c>
    </row>
    <row r="25361" spans="4:5" x14ac:dyDescent="0.25">
      <c r="D25361" s="6">
        <v>1380.944</v>
      </c>
      <c r="E25361" s="6">
        <v>5043.2950000000001</v>
      </c>
    </row>
    <row r="25362" spans="4:5" x14ac:dyDescent="0.25">
      <c r="D25362" s="6">
        <v>5725.1490000000003</v>
      </c>
      <c r="E25362" s="6">
        <v>662.63850000000002</v>
      </c>
    </row>
    <row r="25363" spans="4:5" x14ac:dyDescent="0.25">
      <c r="D25363" s="6">
        <v>5116.076</v>
      </c>
      <c r="E25363" s="6">
        <v>909.24109999999996</v>
      </c>
    </row>
    <row r="25364" spans="4:5" x14ac:dyDescent="0.25">
      <c r="D25364" s="6">
        <v>6592.3630000000003</v>
      </c>
      <c r="E25364" s="6">
        <v>613.29430000000002</v>
      </c>
    </row>
    <row r="25365" spans="4:5" x14ac:dyDescent="0.25">
      <c r="D25365" s="6">
        <v>4323.3379999999997</v>
      </c>
      <c r="E25365" s="6">
        <v>4338.0810000000001</v>
      </c>
    </row>
    <row r="25366" spans="4:5" x14ac:dyDescent="0.25">
      <c r="D25366" s="6">
        <v>531.93920000000003</v>
      </c>
      <c r="E25366" s="6">
        <v>603.08420000000001</v>
      </c>
    </row>
    <row r="25367" spans="4:5" x14ac:dyDescent="0.25">
      <c r="D25367" s="6">
        <v>819.34180000000003</v>
      </c>
      <c r="E25367" s="6">
        <v>1457.154</v>
      </c>
    </row>
    <row r="25368" spans="4:5" x14ac:dyDescent="0.25">
      <c r="D25368" s="6">
        <v>4672.8789999999999</v>
      </c>
      <c r="E25368" s="6">
        <v>4926.7</v>
      </c>
    </row>
    <row r="25369" spans="4:5" x14ac:dyDescent="0.25">
      <c r="D25369" s="6">
        <v>556.84619999999995</v>
      </c>
      <c r="E25369" s="6">
        <v>537.51009999999997</v>
      </c>
    </row>
    <row r="25370" spans="4:5" x14ac:dyDescent="0.25">
      <c r="D25370" s="6">
        <v>3182.8989999999999</v>
      </c>
      <c r="E25370" s="6">
        <v>557.96130000000005</v>
      </c>
    </row>
    <row r="25371" spans="4:5" x14ac:dyDescent="0.25">
      <c r="D25371" s="6">
        <v>641.49390000000005</v>
      </c>
      <c r="E25371" s="6">
        <v>7017.6689999999999</v>
      </c>
    </row>
    <row r="25372" spans="4:5" x14ac:dyDescent="0.25">
      <c r="D25372" s="6">
        <v>743.91549999999995</v>
      </c>
      <c r="E25372" s="6">
        <v>1369.847</v>
      </c>
    </row>
    <row r="25373" spans="4:5" x14ac:dyDescent="0.25">
      <c r="D25373" s="6">
        <v>1049.6780000000001</v>
      </c>
      <c r="E25373" s="6">
        <v>1291.729</v>
      </c>
    </row>
    <row r="25374" spans="4:5" x14ac:dyDescent="0.25">
      <c r="D25374" s="6">
        <v>635.88319999999999</v>
      </c>
      <c r="E25374" s="6">
        <v>1109.019</v>
      </c>
    </row>
    <row r="25375" spans="4:5" x14ac:dyDescent="0.25">
      <c r="D25375" s="6">
        <v>509.15570000000002</v>
      </c>
      <c r="E25375" s="6">
        <v>4022.2220000000002</v>
      </c>
    </row>
    <row r="25376" spans="4:5" x14ac:dyDescent="0.25">
      <c r="D25376" s="6">
        <v>1411</v>
      </c>
      <c r="E25376" s="6">
        <v>961.28290000000004</v>
      </c>
    </row>
    <row r="25377" spans="4:5" x14ac:dyDescent="0.25">
      <c r="D25377" s="6">
        <v>5351.43</v>
      </c>
      <c r="E25377" s="6">
        <v>1069.261</v>
      </c>
    </row>
    <row r="25378" spans="4:5" x14ac:dyDescent="0.25">
      <c r="D25378" s="6">
        <v>612.23030000000006</v>
      </c>
      <c r="E25378" s="6">
        <v>589.83709999999996</v>
      </c>
    </row>
    <row r="25379" spans="4:5" x14ac:dyDescent="0.25">
      <c r="D25379" s="6">
        <v>1577.4010000000001</v>
      </c>
      <c r="E25379" s="6">
        <v>868.61289999999997</v>
      </c>
    </row>
    <row r="25380" spans="4:5" x14ac:dyDescent="0.25">
      <c r="D25380" s="6">
        <v>590.11869999999999</v>
      </c>
      <c r="E25380" s="6">
        <v>543</v>
      </c>
    </row>
    <row r="25381" spans="4:5" x14ac:dyDescent="0.25">
      <c r="D25381" s="6">
        <v>3938.3960000000002</v>
      </c>
      <c r="E25381" s="6">
        <v>569.95630000000006</v>
      </c>
    </row>
    <row r="25382" spans="4:5" x14ac:dyDescent="0.25">
      <c r="D25382" s="6">
        <v>4255.5969999999998</v>
      </c>
      <c r="E25382" s="6">
        <v>724.97059999999999</v>
      </c>
    </row>
    <row r="25383" spans="4:5" x14ac:dyDescent="0.25">
      <c r="D25383" s="6">
        <v>490.262</v>
      </c>
      <c r="E25383" s="6">
        <v>4162.2619999999997</v>
      </c>
    </row>
    <row r="25384" spans="4:5" x14ac:dyDescent="0.25">
      <c r="D25384" s="6">
        <v>586.61210000000005</v>
      </c>
      <c r="E25384" s="6">
        <v>2846.5340000000001</v>
      </c>
    </row>
    <row r="25385" spans="4:5" x14ac:dyDescent="0.25">
      <c r="D25385" s="6">
        <v>4668.0360000000001</v>
      </c>
      <c r="E25385" s="6">
        <v>1438.223</v>
      </c>
    </row>
    <row r="25386" spans="4:5" x14ac:dyDescent="0.25">
      <c r="D25386" s="6">
        <v>771.63</v>
      </c>
      <c r="E25386" s="6">
        <v>643.08770000000004</v>
      </c>
    </row>
    <row r="25387" spans="4:5" x14ac:dyDescent="0.25">
      <c r="D25387" s="6">
        <v>627.18859999999995</v>
      </c>
      <c r="E25387" s="6">
        <v>7091.8059999999996</v>
      </c>
    </row>
    <row r="25388" spans="4:5" x14ac:dyDescent="0.25">
      <c r="D25388" s="6">
        <v>697.83199999999999</v>
      </c>
      <c r="E25388" s="6">
        <v>573.62639999999999</v>
      </c>
    </row>
    <row r="25389" spans="4:5" x14ac:dyDescent="0.25">
      <c r="D25389" s="6">
        <v>1862.8879999999999</v>
      </c>
      <c r="E25389" s="6">
        <v>585.80139999999994</v>
      </c>
    </row>
    <row r="25390" spans="4:5" x14ac:dyDescent="0.25">
      <c r="D25390" s="6">
        <v>618.36350000000004</v>
      </c>
      <c r="E25390" s="6">
        <v>595.70479999999998</v>
      </c>
    </row>
    <row r="25391" spans="4:5" x14ac:dyDescent="0.25">
      <c r="D25391" s="6">
        <v>504.31450000000001</v>
      </c>
      <c r="E25391" s="6">
        <v>1061.05</v>
      </c>
    </row>
    <row r="25392" spans="4:5" x14ac:dyDescent="0.25">
      <c r="D25392" s="6">
        <v>732.0847</v>
      </c>
      <c r="E25392" s="6">
        <v>635.55920000000003</v>
      </c>
    </row>
    <row r="25393" spans="4:5" x14ac:dyDescent="0.25">
      <c r="D25393" s="6">
        <v>560.29510000000005</v>
      </c>
      <c r="E25393" s="6">
        <v>4610.3419999999996</v>
      </c>
    </row>
    <row r="25394" spans="4:5" x14ac:dyDescent="0.25">
      <c r="D25394" s="6">
        <v>3089.7550000000001</v>
      </c>
      <c r="E25394" s="6">
        <v>770.69449999999995</v>
      </c>
    </row>
    <row r="25395" spans="4:5" x14ac:dyDescent="0.25">
      <c r="D25395" s="6">
        <v>794.51319999999998</v>
      </c>
      <c r="E25395" s="6">
        <v>1533.722</v>
      </c>
    </row>
    <row r="25396" spans="4:5" x14ac:dyDescent="0.25">
      <c r="D25396" s="6">
        <v>6218.1080000000002</v>
      </c>
      <c r="E25396" s="6">
        <v>2455.5239999999999</v>
      </c>
    </row>
    <row r="25397" spans="4:5" x14ac:dyDescent="0.25">
      <c r="D25397" s="6">
        <v>1124.626</v>
      </c>
      <c r="E25397" s="6">
        <v>678.75139999999999</v>
      </c>
    </row>
    <row r="25398" spans="4:5" x14ac:dyDescent="0.25">
      <c r="D25398" s="6">
        <v>735.51099999999997</v>
      </c>
      <c r="E25398" s="6">
        <v>1068.251</v>
      </c>
    </row>
    <row r="25399" spans="4:5" x14ac:dyDescent="0.25">
      <c r="D25399" s="6">
        <v>635.04780000000005</v>
      </c>
      <c r="E25399" s="6">
        <v>573.60260000000005</v>
      </c>
    </row>
    <row r="25400" spans="4:5" x14ac:dyDescent="0.25">
      <c r="D25400" s="6">
        <v>6383.5619999999999</v>
      </c>
      <c r="E25400" s="6">
        <v>621.93100000000004</v>
      </c>
    </row>
    <row r="25401" spans="4:5" x14ac:dyDescent="0.25">
      <c r="D25401" s="6">
        <v>759.57129999999995</v>
      </c>
      <c r="E25401" s="6">
        <v>591.60069999999996</v>
      </c>
    </row>
    <row r="25402" spans="4:5" x14ac:dyDescent="0.25">
      <c r="D25402" s="6">
        <v>797.5</v>
      </c>
      <c r="E25402" s="6">
        <v>4509.4430000000002</v>
      </c>
    </row>
    <row r="25403" spans="4:5" x14ac:dyDescent="0.25">
      <c r="D25403" s="6">
        <v>630.43380000000002</v>
      </c>
      <c r="E25403" s="6">
        <v>4706.8230000000003</v>
      </c>
    </row>
    <row r="25404" spans="4:5" x14ac:dyDescent="0.25">
      <c r="D25404" s="6">
        <v>547.90909999999997</v>
      </c>
      <c r="E25404" s="6">
        <v>686.22969999999998</v>
      </c>
    </row>
    <row r="25405" spans="4:5" x14ac:dyDescent="0.25">
      <c r="D25405" s="6">
        <v>650.57680000000005</v>
      </c>
      <c r="E25405" s="6">
        <v>642.56859999999995</v>
      </c>
    </row>
    <row r="25406" spans="4:5" x14ac:dyDescent="0.25">
      <c r="D25406" s="6">
        <v>562.76289999999995</v>
      </c>
      <c r="E25406" s="6">
        <v>3657.636</v>
      </c>
    </row>
    <row r="25407" spans="4:5" x14ac:dyDescent="0.25">
      <c r="D25407" s="6">
        <v>640.7337</v>
      </c>
      <c r="E25407" s="6">
        <v>1010.6950000000001</v>
      </c>
    </row>
    <row r="25408" spans="4:5" x14ac:dyDescent="0.25">
      <c r="D25408" s="6">
        <v>1212.8330000000001</v>
      </c>
      <c r="E25408" s="6">
        <v>5596.7179999999998</v>
      </c>
    </row>
    <row r="25409" spans="4:5" x14ac:dyDescent="0.25">
      <c r="D25409" s="6">
        <v>3406.337</v>
      </c>
      <c r="E25409" s="6">
        <v>762.43520000000001</v>
      </c>
    </row>
    <row r="25410" spans="4:5" x14ac:dyDescent="0.25">
      <c r="D25410" s="6">
        <v>3418.547</v>
      </c>
      <c r="E25410" s="6">
        <v>1163.528</v>
      </c>
    </row>
    <row r="25411" spans="4:5" x14ac:dyDescent="0.25">
      <c r="D25411" s="6">
        <v>6469.62</v>
      </c>
      <c r="E25411" s="6">
        <v>1481.4870000000001</v>
      </c>
    </row>
    <row r="25412" spans="4:5" x14ac:dyDescent="0.25">
      <c r="D25412" s="6">
        <v>5233.8100000000004</v>
      </c>
      <c r="E25412" s="6">
        <v>1181.191</v>
      </c>
    </row>
    <row r="25413" spans="4:5" x14ac:dyDescent="0.25">
      <c r="D25413" s="6">
        <v>576.50070000000005</v>
      </c>
      <c r="E25413" s="6">
        <v>1573.922</v>
      </c>
    </row>
    <row r="25414" spans="4:5" x14ac:dyDescent="0.25">
      <c r="D25414" s="6">
        <v>6907.5</v>
      </c>
      <c r="E25414" s="6">
        <v>4581.3010000000004</v>
      </c>
    </row>
    <row r="25415" spans="4:5" x14ac:dyDescent="0.25">
      <c r="D25415" s="6">
        <v>1263.7629999999999</v>
      </c>
      <c r="E25415" s="6">
        <v>3683.64</v>
      </c>
    </row>
    <row r="25416" spans="4:5" x14ac:dyDescent="0.25">
      <c r="D25416" s="6">
        <v>511.68740000000003</v>
      </c>
      <c r="E25416" s="6">
        <v>937.73199999999997</v>
      </c>
    </row>
    <row r="25417" spans="4:5" x14ac:dyDescent="0.25">
      <c r="D25417" s="6">
        <v>1011.542</v>
      </c>
      <c r="E25417" s="6">
        <v>5687.1270000000004</v>
      </c>
    </row>
    <row r="25418" spans="4:5" x14ac:dyDescent="0.25">
      <c r="D25418" s="6">
        <v>6132.2960000000003</v>
      </c>
      <c r="E25418" s="6">
        <v>657.56889999999999</v>
      </c>
    </row>
    <row r="25419" spans="4:5" x14ac:dyDescent="0.25">
      <c r="D25419" s="6">
        <v>5992.5730000000003</v>
      </c>
      <c r="E25419" s="6">
        <v>639.94970000000001</v>
      </c>
    </row>
    <row r="25420" spans="4:5" x14ac:dyDescent="0.25">
      <c r="D25420" s="6">
        <v>2697.8829999999998</v>
      </c>
      <c r="E25420" s="6">
        <v>455.03820000000002</v>
      </c>
    </row>
    <row r="25421" spans="4:5" x14ac:dyDescent="0.25">
      <c r="D25421" s="6">
        <v>913.92870000000005</v>
      </c>
      <c r="E25421" s="6">
        <v>1205.8019999999999</v>
      </c>
    </row>
    <row r="25422" spans="4:5" x14ac:dyDescent="0.25">
      <c r="D25422" s="6">
        <v>2772.5</v>
      </c>
      <c r="E25422" s="6">
        <v>739.32429999999999</v>
      </c>
    </row>
    <row r="25423" spans="4:5" x14ac:dyDescent="0.25">
      <c r="D25423" s="6">
        <v>2726.6660000000002</v>
      </c>
      <c r="E25423" s="6">
        <v>699.524</v>
      </c>
    </row>
    <row r="25424" spans="4:5" x14ac:dyDescent="0.25">
      <c r="D25424" s="6">
        <v>585.97619999999995</v>
      </c>
      <c r="E25424" s="6">
        <v>953.13800000000003</v>
      </c>
    </row>
    <row r="25425" spans="4:5" x14ac:dyDescent="0.25">
      <c r="D25425" s="6">
        <v>738.84619999999995</v>
      </c>
      <c r="E25425" s="6">
        <v>5594.1670000000004</v>
      </c>
    </row>
    <row r="25426" spans="4:5" x14ac:dyDescent="0.25">
      <c r="D25426" s="6">
        <v>1442.7819999999999</v>
      </c>
      <c r="E25426" s="6">
        <v>678.89940000000001</v>
      </c>
    </row>
    <row r="25427" spans="4:5" x14ac:dyDescent="0.25">
      <c r="D25427" s="6">
        <v>1507.4349999999999</v>
      </c>
      <c r="E25427" s="6">
        <v>1052.8679999999999</v>
      </c>
    </row>
    <row r="25428" spans="4:5" x14ac:dyDescent="0.25">
      <c r="D25428" s="6">
        <v>675.12729999999999</v>
      </c>
      <c r="E25428" s="6">
        <v>6766.125</v>
      </c>
    </row>
    <row r="25429" spans="4:5" x14ac:dyDescent="0.25">
      <c r="D25429" s="6">
        <v>3379.4409999999998</v>
      </c>
      <c r="E25429" s="6">
        <v>513.29589999999996</v>
      </c>
    </row>
    <row r="25430" spans="4:5" x14ac:dyDescent="0.25">
      <c r="D25430" s="6">
        <v>628.57100000000003</v>
      </c>
      <c r="E25430" s="6">
        <v>551.91300000000001</v>
      </c>
    </row>
    <row r="25431" spans="4:5" x14ac:dyDescent="0.25">
      <c r="D25431" s="6">
        <v>635.69150000000002</v>
      </c>
      <c r="E25431" s="6">
        <v>583.51020000000005</v>
      </c>
    </row>
    <row r="25432" spans="4:5" x14ac:dyDescent="0.25">
      <c r="D25432" s="6">
        <v>630.01580000000001</v>
      </c>
      <c r="E25432" s="6">
        <v>578.52269999999999</v>
      </c>
    </row>
    <row r="25433" spans="4:5" x14ac:dyDescent="0.25">
      <c r="D25433" s="6">
        <v>728.18830000000003</v>
      </c>
      <c r="E25433" s="6">
        <v>2786.8029999999999</v>
      </c>
    </row>
    <row r="25434" spans="4:5" x14ac:dyDescent="0.25">
      <c r="D25434" s="6">
        <v>2880.5329999999999</v>
      </c>
      <c r="E25434" s="6">
        <v>3851.0749999999998</v>
      </c>
    </row>
    <row r="25435" spans="4:5" x14ac:dyDescent="0.25">
      <c r="D25435" s="6">
        <v>612</v>
      </c>
      <c r="E25435" s="6">
        <v>1435.318</v>
      </c>
    </row>
    <row r="25436" spans="4:5" x14ac:dyDescent="0.25">
      <c r="D25436" s="6">
        <v>3112.5</v>
      </c>
      <c r="E25436" s="6">
        <v>669.0249</v>
      </c>
    </row>
    <row r="25437" spans="4:5" x14ac:dyDescent="0.25">
      <c r="D25437" s="6">
        <v>645.69730000000004</v>
      </c>
      <c r="E25437" s="6">
        <v>677.77350000000001</v>
      </c>
    </row>
    <row r="25438" spans="4:5" x14ac:dyDescent="0.25">
      <c r="D25438" s="6">
        <v>1038.357</v>
      </c>
      <c r="E25438" s="6">
        <v>2277.8040000000001</v>
      </c>
    </row>
    <row r="25439" spans="4:5" x14ac:dyDescent="0.25">
      <c r="D25439" s="6">
        <v>579.52319999999997</v>
      </c>
      <c r="E25439" s="6">
        <v>969.97400000000005</v>
      </c>
    </row>
    <row r="25440" spans="4:5" x14ac:dyDescent="0.25">
      <c r="D25440" s="6">
        <v>5025.25</v>
      </c>
      <c r="E25440" s="6">
        <v>556.96770000000004</v>
      </c>
    </row>
    <row r="25441" spans="4:5" x14ac:dyDescent="0.25">
      <c r="D25441" s="6">
        <v>721.42629999999997</v>
      </c>
      <c r="E25441" s="6">
        <v>1259.838</v>
      </c>
    </row>
    <row r="25442" spans="4:5" x14ac:dyDescent="0.25">
      <c r="D25442" s="6">
        <v>1499.1510000000001</v>
      </c>
      <c r="E25442" s="6">
        <v>1430.4780000000001</v>
      </c>
    </row>
    <row r="25443" spans="4:5" x14ac:dyDescent="0.25">
      <c r="D25443" s="6">
        <v>550.04100000000005</v>
      </c>
      <c r="E25443" s="6">
        <v>784.97789999999998</v>
      </c>
    </row>
    <row r="25444" spans="4:5" x14ac:dyDescent="0.25">
      <c r="D25444" s="6">
        <v>5869.33</v>
      </c>
      <c r="E25444" s="6">
        <v>2936.7060000000001</v>
      </c>
    </row>
    <row r="25445" spans="4:5" x14ac:dyDescent="0.25">
      <c r="D25445" s="6">
        <v>675.01279999999997</v>
      </c>
      <c r="E25445" s="6">
        <v>739.52279999999996</v>
      </c>
    </row>
    <row r="25446" spans="4:5" x14ac:dyDescent="0.25">
      <c r="D25446" s="6">
        <v>566.4135</v>
      </c>
      <c r="E25446" s="6">
        <v>618.14679999999998</v>
      </c>
    </row>
    <row r="25447" spans="4:5" x14ac:dyDescent="0.25">
      <c r="D25447" s="6">
        <v>899.13160000000005</v>
      </c>
      <c r="E25447" s="6">
        <v>542.66330000000005</v>
      </c>
    </row>
    <row r="25448" spans="4:5" x14ac:dyDescent="0.25">
      <c r="D25448" s="6">
        <v>643.66039999999998</v>
      </c>
      <c r="E25448" s="6">
        <v>1427.3309999999999</v>
      </c>
    </row>
    <row r="25449" spans="4:5" x14ac:dyDescent="0.25">
      <c r="D25449" s="6">
        <v>4375.3329999999996</v>
      </c>
      <c r="E25449" s="6">
        <v>689.43949999999995</v>
      </c>
    </row>
    <row r="25450" spans="4:5" x14ac:dyDescent="0.25">
      <c r="D25450" s="6">
        <v>535.7115</v>
      </c>
      <c r="E25450" s="6">
        <v>1526.3620000000001</v>
      </c>
    </row>
    <row r="25451" spans="4:5" x14ac:dyDescent="0.25">
      <c r="D25451" s="6">
        <v>626.90800000000002</v>
      </c>
      <c r="E25451" s="6">
        <v>4274.1980000000003</v>
      </c>
    </row>
    <row r="25452" spans="4:5" x14ac:dyDescent="0.25">
      <c r="D25452" s="6">
        <v>3675.43</v>
      </c>
      <c r="E25452" s="6">
        <v>1075.9469999999999</v>
      </c>
    </row>
    <row r="25453" spans="4:5" x14ac:dyDescent="0.25">
      <c r="D25453" s="6">
        <v>1753.453</v>
      </c>
      <c r="E25453" s="6">
        <v>910.50379999999996</v>
      </c>
    </row>
    <row r="25454" spans="4:5" x14ac:dyDescent="0.25">
      <c r="D25454" s="6">
        <v>3596.2370000000001</v>
      </c>
      <c r="E25454" s="6">
        <v>3858.8969999999999</v>
      </c>
    </row>
    <row r="25455" spans="4:5" x14ac:dyDescent="0.25">
      <c r="D25455" s="6">
        <v>436.4468</v>
      </c>
      <c r="E25455" s="6">
        <v>555.68259999999998</v>
      </c>
    </row>
    <row r="25456" spans="4:5" x14ac:dyDescent="0.25">
      <c r="D25456" s="6">
        <v>1017.571</v>
      </c>
      <c r="E25456" s="6">
        <v>1143.1379999999999</v>
      </c>
    </row>
    <row r="25457" spans="4:5" x14ac:dyDescent="0.25">
      <c r="D25457" s="6">
        <v>2318.2930000000001</v>
      </c>
      <c r="E25457" s="6">
        <v>860.24210000000005</v>
      </c>
    </row>
    <row r="25458" spans="4:5" x14ac:dyDescent="0.25">
      <c r="D25458" s="6">
        <v>601.92939999999999</v>
      </c>
      <c r="E25458" s="6">
        <v>1469.7370000000001</v>
      </c>
    </row>
    <row r="25459" spans="4:5" x14ac:dyDescent="0.25">
      <c r="D25459" s="6">
        <v>637.43939999999998</v>
      </c>
      <c r="E25459" s="6">
        <v>624.57830000000001</v>
      </c>
    </row>
    <row r="25460" spans="4:5" x14ac:dyDescent="0.25">
      <c r="D25460" s="6">
        <v>710.34590000000003</v>
      </c>
      <c r="E25460" s="6">
        <v>626.36419999999998</v>
      </c>
    </row>
    <row r="25461" spans="4:5" x14ac:dyDescent="0.25">
      <c r="D25461" s="6">
        <v>573.0598</v>
      </c>
      <c r="E25461" s="6">
        <v>910.05290000000002</v>
      </c>
    </row>
    <row r="25462" spans="4:5" x14ac:dyDescent="0.25">
      <c r="D25462" s="6">
        <v>13941</v>
      </c>
      <c r="E25462" s="6">
        <v>440.46519999999998</v>
      </c>
    </row>
    <row r="25463" spans="4:5" x14ac:dyDescent="0.25">
      <c r="D25463" s="6">
        <v>762.33569999999997</v>
      </c>
      <c r="E25463" s="6">
        <v>577.84990000000005</v>
      </c>
    </row>
    <row r="25464" spans="4:5" x14ac:dyDescent="0.25">
      <c r="D25464" s="6">
        <v>5296.89</v>
      </c>
      <c r="E25464" s="6">
        <v>1249.74</v>
      </c>
    </row>
    <row r="25465" spans="4:5" x14ac:dyDescent="0.25">
      <c r="D25465" s="6">
        <v>2338.549</v>
      </c>
      <c r="E25465" s="6">
        <v>595.47540000000004</v>
      </c>
    </row>
    <row r="25466" spans="4:5" x14ac:dyDescent="0.25">
      <c r="D25466" s="6">
        <v>565.36130000000003</v>
      </c>
      <c r="E25466" s="6">
        <v>5185.9229999999998</v>
      </c>
    </row>
    <row r="25467" spans="4:5" x14ac:dyDescent="0.25">
      <c r="D25467" s="6">
        <v>567.62040000000002</v>
      </c>
      <c r="E25467" s="6">
        <v>1155.7270000000001</v>
      </c>
    </row>
    <row r="25468" spans="4:5" x14ac:dyDescent="0.25">
      <c r="D25468" s="6">
        <v>580.91020000000003</v>
      </c>
      <c r="E25468" s="6">
        <v>1119.115</v>
      </c>
    </row>
    <row r="25469" spans="4:5" x14ac:dyDescent="0.25">
      <c r="D25469" s="6">
        <v>3585.665</v>
      </c>
      <c r="E25469" s="6">
        <v>538.4796</v>
      </c>
    </row>
    <row r="25470" spans="4:5" x14ac:dyDescent="0.25">
      <c r="D25470" s="6">
        <v>4269.8649999999998</v>
      </c>
      <c r="E25470" s="6">
        <v>1926.7729999999999</v>
      </c>
    </row>
    <row r="25471" spans="4:5" x14ac:dyDescent="0.25">
      <c r="D25471" s="6">
        <v>3317</v>
      </c>
      <c r="E25471" s="6">
        <v>1037.8340000000001</v>
      </c>
    </row>
    <row r="25472" spans="4:5" x14ac:dyDescent="0.25">
      <c r="D25472" s="6">
        <v>1112.731</v>
      </c>
      <c r="E25472" s="6">
        <v>1346.163</v>
      </c>
    </row>
    <row r="25473" spans="4:5" x14ac:dyDescent="0.25">
      <c r="D25473" s="6">
        <v>647.3374</v>
      </c>
      <c r="E25473" s="6">
        <v>1241.453</v>
      </c>
    </row>
    <row r="25474" spans="4:5" x14ac:dyDescent="0.25">
      <c r="D25474" s="6">
        <v>5091.1769999999997</v>
      </c>
      <c r="E25474" s="6">
        <v>5098.1949999999997</v>
      </c>
    </row>
    <row r="25475" spans="4:5" x14ac:dyDescent="0.25">
      <c r="D25475" s="6">
        <v>584.51059999999995</v>
      </c>
      <c r="E25475" s="6">
        <v>4370.7690000000002</v>
      </c>
    </row>
    <row r="25476" spans="4:5" x14ac:dyDescent="0.25">
      <c r="D25476" s="6">
        <v>636.29690000000005</v>
      </c>
      <c r="E25476" s="6">
        <v>638.77369999999996</v>
      </c>
    </row>
    <row r="25477" spans="4:5" x14ac:dyDescent="0.25">
      <c r="D25477" s="6">
        <v>2998.078</v>
      </c>
      <c r="E25477" s="6">
        <v>966.90470000000005</v>
      </c>
    </row>
    <row r="25478" spans="4:5" x14ac:dyDescent="0.25">
      <c r="D25478" s="6">
        <v>4670.33</v>
      </c>
      <c r="E25478" s="6">
        <v>521.23879999999997</v>
      </c>
    </row>
    <row r="25479" spans="4:5" x14ac:dyDescent="0.25">
      <c r="D25479" s="6">
        <v>9384.25</v>
      </c>
      <c r="E25479" s="6">
        <v>833.0575</v>
      </c>
    </row>
    <row r="25480" spans="4:5" x14ac:dyDescent="0.25">
      <c r="D25480" s="6">
        <v>542.01969999999994</v>
      </c>
      <c r="E25480" s="6">
        <v>2162.5590000000002</v>
      </c>
    </row>
    <row r="25481" spans="4:5" x14ac:dyDescent="0.25">
      <c r="D25481" s="6">
        <v>536.24099999999999</v>
      </c>
      <c r="E25481" s="6">
        <v>1500.3910000000001</v>
      </c>
    </row>
    <row r="25482" spans="4:5" x14ac:dyDescent="0.25">
      <c r="D25482" s="6">
        <v>2593.5410000000002</v>
      </c>
      <c r="E25482" s="6">
        <v>628.43600000000004</v>
      </c>
    </row>
    <row r="25483" spans="4:5" x14ac:dyDescent="0.25">
      <c r="D25483" s="6">
        <v>1416.9690000000001</v>
      </c>
      <c r="E25483" s="6">
        <v>703.20150000000001</v>
      </c>
    </row>
    <row r="25484" spans="4:5" x14ac:dyDescent="0.25">
      <c r="D25484" s="6">
        <v>4570.2870000000003</v>
      </c>
      <c r="E25484" s="6">
        <v>564.76189999999997</v>
      </c>
    </row>
    <row r="25485" spans="4:5" x14ac:dyDescent="0.25">
      <c r="D25485" s="6">
        <v>2465.0619999999999</v>
      </c>
      <c r="E25485" s="6">
        <v>1176.4280000000001</v>
      </c>
    </row>
    <row r="25486" spans="4:5" x14ac:dyDescent="0.25">
      <c r="D25486" s="6">
        <v>3230.7530000000002</v>
      </c>
      <c r="E25486" s="6">
        <v>849.18140000000005</v>
      </c>
    </row>
    <row r="25487" spans="4:5" x14ac:dyDescent="0.25">
      <c r="D25487" s="6">
        <v>1743.3689999999999</v>
      </c>
      <c r="E25487" s="6">
        <v>4592.6509999999998</v>
      </c>
    </row>
    <row r="25488" spans="4:5" x14ac:dyDescent="0.25">
      <c r="D25488" s="6">
        <v>4762.18</v>
      </c>
      <c r="E25488" s="6">
        <v>747.55100000000004</v>
      </c>
    </row>
    <row r="25489" spans="4:5" x14ac:dyDescent="0.25">
      <c r="D25489" s="6">
        <v>520.78340000000003</v>
      </c>
      <c r="E25489" s="6">
        <v>875.47910000000002</v>
      </c>
    </row>
    <row r="25490" spans="4:5" x14ac:dyDescent="0.25">
      <c r="D25490" s="6">
        <v>594.33759999999995</v>
      </c>
      <c r="E25490" s="6">
        <v>555.60609999999997</v>
      </c>
    </row>
    <row r="25491" spans="4:5" x14ac:dyDescent="0.25">
      <c r="D25491" s="6">
        <v>596.46079999999995</v>
      </c>
      <c r="E25491" s="6">
        <v>5784.2330000000002</v>
      </c>
    </row>
    <row r="25492" spans="4:5" x14ac:dyDescent="0.25">
      <c r="D25492" s="6">
        <v>813.36339999999996</v>
      </c>
      <c r="E25492" s="6">
        <v>1648.442</v>
      </c>
    </row>
    <row r="25493" spans="4:5" x14ac:dyDescent="0.25">
      <c r="D25493" s="6">
        <v>2031.299</v>
      </c>
      <c r="E25493" s="6">
        <v>2831.8420000000001</v>
      </c>
    </row>
    <row r="25494" spans="4:5" x14ac:dyDescent="0.25">
      <c r="D25494" s="6">
        <v>4755.4459999999999</v>
      </c>
      <c r="E25494" s="6">
        <v>2629.9520000000002</v>
      </c>
    </row>
    <row r="25495" spans="4:5" x14ac:dyDescent="0.25">
      <c r="D25495" s="6">
        <v>537.12630000000001</v>
      </c>
      <c r="E25495" s="6">
        <v>4216.6139999999996</v>
      </c>
    </row>
    <row r="25496" spans="4:5" x14ac:dyDescent="0.25">
      <c r="D25496" s="6">
        <v>529.78020000000004</v>
      </c>
      <c r="E25496" s="6">
        <v>1277.49</v>
      </c>
    </row>
    <row r="25497" spans="4:5" x14ac:dyDescent="0.25">
      <c r="D25497" s="6">
        <v>631.32119999999998</v>
      </c>
      <c r="E25497" s="6">
        <v>935.22370000000001</v>
      </c>
    </row>
    <row r="25498" spans="4:5" x14ac:dyDescent="0.25">
      <c r="D25498" s="6">
        <v>1102.384</v>
      </c>
      <c r="E25498" s="6">
        <v>597.30769999999995</v>
      </c>
    </row>
    <row r="25499" spans="4:5" x14ac:dyDescent="0.25">
      <c r="D25499" s="6">
        <v>1511.954</v>
      </c>
      <c r="E25499" s="6">
        <v>582.56600000000003</v>
      </c>
    </row>
    <row r="25500" spans="4:5" x14ac:dyDescent="0.25">
      <c r="D25500" s="6">
        <v>471.81349999999998</v>
      </c>
      <c r="E25500" s="6">
        <v>6470.4759999999997</v>
      </c>
    </row>
    <row r="25501" spans="4:5" x14ac:dyDescent="0.25">
      <c r="D25501" s="6">
        <v>3390.1370000000002</v>
      </c>
      <c r="E25501" s="6">
        <v>641.04690000000005</v>
      </c>
    </row>
    <row r="25502" spans="4:5" x14ac:dyDescent="0.25">
      <c r="D25502" s="6">
        <v>1380.453</v>
      </c>
      <c r="E25502" s="6">
        <v>3042.5</v>
      </c>
    </row>
    <row r="25503" spans="4:5" x14ac:dyDescent="0.25">
      <c r="D25503" s="6">
        <v>531.35130000000004</v>
      </c>
      <c r="E25503" s="6">
        <v>825.95190000000002</v>
      </c>
    </row>
    <row r="25504" spans="4:5" x14ac:dyDescent="0.25">
      <c r="D25504" s="6">
        <v>694.11950000000002</v>
      </c>
      <c r="E25504" s="6">
        <v>808.64599999999996</v>
      </c>
    </row>
    <row r="25505" spans="4:5" x14ac:dyDescent="0.25">
      <c r="D25505" s="6">
        <v>588.02369999999996</v>
      </c>
      <c r="E25505" s="6">
        <v>1224.482</v>
      </c>
    </row>
    <row r="25506" spans="4:5" x14ac:dyDescent="0.25">
      <c r="D25506" s="6">
        <v>575.06299999999999</v>
      </c>
      <c r="E25506" s="6">
        <v>837.06669999999997</v>
      </c>
    </row>
    <row r="25507" spans="4:5" x14ac:dyDescent="0.25">
      <c r="D25507" s="6">
        <v>728.5575</v>
      </c>
      <c r="E25507" s="6">
        <v>655.63430000000005</v>
      </c>
    </row>
    <row r="25508" spans="4:5" x14ac:dyDescent="0.25">
      <c r="D25508" s="6">
        <v>372.00650000000002</v>
      </c>
      <c r="E25508" s="6">
        <v>776.23900000000003</v>
      </c>
    </row>
    <row r="25509" spans="4:5" x14ac:dyDescent="0.25">
      <c r="D25509" s="6">
        <v>553.12760000000003</v>
      </c>
      <c r="E25509" s="6">
        <v>754.12530000000004</v>
      </c>
    </row>
    <row r="25510" spans="4:5" x14ac:dyDescent="0.25">
      <c r="D25510" s="6">
        <v>559.04399999999998</v>
      </c>
      <c r="E25510" s="6">
        <v>1370.6489999999999</v>
      </c>
    </row>
    <row r="25511" spans="4:5" x14ac:dyDescent="0.25">
      <c r="D25511" s="6">
        <v>529.30650000000003</v>
      </c>
      <c r="E25511" s="6">
        <v>1290.8330000000001</v>
      </c>
    </row>
    <row r="25512" spans="4:5" x14ac:dyDescent="0.25">
      <c r="D25512" s="6">
        <v>651.1413</v>
      </c>
      <c r="E25512" s="6">
        <v>1036.1210000000001</v>
      </c>
    </row>
    <row r="25513" spans="4:5" x14ac:dyDescent="0.25">
      <c r="D25513" s="6">
        <v>551.85609999999997</v>
      </c>
      <c r="E25513" s="6">
        <v>734.63649999999996</v>
      </c>
    </row>
    <row r="25514" spans="4:5" x14ac:dyDescent="0.25">
      <c r="D25514" s="6">
        <v>517.88390000000004</v>
      </c>
      <c r="E25514" s="6">
        <v>625.05640000000005</v>
      </c>
    </row>
    <row r="25515" spans="4:5" x14ac:dyDescent="0.25">
      <c r="D25515" s="6">
        <v>571.57140000000004</v>
      </c>
      <c r="E25515" s="6">
        <v>1062.4190000000001</v>
      </c>
    </row>
    <row r="25516" spans="4:5" x14ac:dyDescent="0.25">
      <c r="D25516" s="6">
        <v>518.43489999999997</v>
      </c>
      <c r="E25516" s="6">
        <v>2091.1759999999999</v>
      </c>
    </row>
    <row r="25517" spans="4:5" x14ac:dyDescent="0.25">
      <c r="D25517" s="6">
        <v>683.0992</v>
      </c>
      <c r="E25517" s="6">
        <v>560</v>
      </c>
    </row>
    <row r="25518" spans="4:5" x14ac:dyDescent="0.25">
      <c r="D25518" s="6">
        <v>658.66110000000003</v>
      </c>
      <c r="E25518" s="6">
        <v>887.56200000000001</v>
      </c>
    </row>
    <row r="25519" spans="4:5" x14ac:dyDescent="0.25">
      <c r="D25519" s="6">
        <v>641.35649999999998</v>
      </c>
      <c r="E25519" s="6">
        <v>1056.7180000000001</v>
      </c>
    </row>
    <row r="25520" spans="4:5" x14ac:dyDescent="0.25">
      <c r="D25520" s="6">
        <v>444.46609999999998</v>
      </c>
      <c r="E25520" s="6">
        <v>1419.3430000000001</v>
      </c>
    </row>
    <row r="25521" spans="4:5" x14ac:dyDescent="0.25">
      <c r="D25521" s="6">
        <v>724.35379999999998</v>
      </c>
      <c r="E25521" s="6">
        <v>3939.31</v>
      </c>
    </row>
    <row r="25522" spans="4:5" x14ac:dyDescent="0.25">
      <c r="D25522" s="6">
        <v>568.3329</v>
      </c>
      <c r="E25522" s="6">
        <v>554.91859999999997</v>
      </c>
    </row>
    <row r="25523" spans="4:5" x14ac:dyDescent="0.25">
      <c r="D25523" s="6">
        <v>716.16489999999999</v>
      </c>
      <c r="E25523" s="6">
        <v>1135.6079999999999</v>
      </c>
    </row>
    <row r="25524" spans="4:5" x14ac:dyDescent="0.25">
      <c r="D25524" s="6">
        <v>6753.2060000000001</v>
      </c>
      <c r="E25524" s="6">
        <v>617.8854</v>
      </c>
    </row>
    <row r="25525" spans="4:5" x14ac:dyDescent="0.25">
      <c r="D25525" s="6">
        <v>558.70830000000001</v>
      </c>
      <c r="E25525" s="6">
        <v>726.59190000000001</v>
      </c>
    </row>
    <row r="25526" spans="4:5" x14ac:dyDescent="0.25">
      <c r="D25526" s="6">
        <v>621.8682</v>
      </c>
      <c r="E25526" s="6">
        <v>1494.2840000000001</v>
      </c>
    </row>
    <row r="25527" spans="4:5" x14ac:dyDescent="0.25">
      <c r="D25527" s="6">
        <v>1913.25</v>
      </c>
      <c r="E25527" s="6">
        <v>3116.4940000000001</v>
      </c>
    </row>
    <row r="25528" spans="4:5" x14ac:dyDescent="0.25">
      <c r="D25528" s="6">
        <v>852.36670000000004</v>
      </c>
      <c r="E25528" s="6">
        <v>414.88889999999998</v>
      </c>
    </row>
    <row r="25529" spans="4:5" x14ac:dyDescent="0.25">
      <c r="D25529" s="6">
        <v>674.9787</v>
      </c>
      <c r="E25529" s="6">
        <v>3344.7829999999999</v>
      </c>
    </row>
    <row r="25530" spans="4:5" x14ac:dyDescent="0.25">
      <c r="D25530" s="6">
        <v>833.44330000000002</v>
      </c>
      <c r="E25530" s="6">
        <v>728.19209999999998</v>
      </c>
    </row>
    <row r="25531" spans="4:5" x14ac:dyDescent="0.25">
      <c r="D25531" s="6">
        <v>520.33709999999996</v>
      </c>
      <c r="E25531" s="6">
        <v>996.54750000000001</v>
      </c>
    </row>
    <row r="25532" spans="4:5" x14ac:dyDescent="0.25">
      <c r="D25532" s="6">
        <v>7982.5280000000002</v>
      </c>
      <c r="E25532" s="6">
        <v>1372.0889999999999</v>
      </c>
    </row>
    <row r="25533" spans="4:5" x14ac:dyDescent="0.25">
      <c r="D25533" s="6">
        <v>596.88789999999995</v>
      </c>
      <c r="E25533" s="6">
        <v>570.5942</v>
      </c>
    </row>
    <row r="25534" spans="4:5" x14ac:dyDescent="0.25">
      <c r="D25534" s="6">
        <v>867.47080000000005</v>
      </c>
      <c r="E25534" s="6">
        <v>971.33609999999999</v>
      </c>
    </row>
    <row r="25535" spans="4:5" x14ac:dyDescent="0.25">
      <c r="D25535" s="6">
        <v>524.90819999999997</v>
      </c>
      <c r="E25535" s="6">
        <v>586.64099999999996</v>
      </c>
    </row>
    <row r="25536" spans="4:5" x14ac:dyDescent="0.25">
      <c r="D25536" s="6">
        <v>558.35249999999996</v>
      </c>
      <c r="E25536" s="6">
        <v>507.0865</v>
      </c>
    </row>
    <row r="25537" spans="4:5" x14ac:dyDescent="0.25">
      <c r="D25537" s="6">
        <v>494.53320000000002</v>
      </c>
      <c r="E25537" s="6">
        <v>1187.614</v>
      </c>
    </row>
    <row r="25538" spans="4:5" x14ac:dyDescent="0.25">
      <c r="D25538" s="6">
        <v>935.81230000000005</v>
      </c>
      <c r="E25538" s="6">
        <v>842.09029999999996</v>
      </c>
    </row>
    <row r="25539" spans="4:5" x14ac:dyDescent="0.25">
      <c r="D25539" s="6">
        <v>582</v>
      </c>
      <c r="E25539" s="6">
        <v>574.42250000000001</v>
      </c>
    </row>
    <row r="25540" spans="4:5" x14ac:dyDescent="0.25">
      <c r="D25540" s="6">
        <v>1479.4649999999999</v>
      </c>
      <c r="E25540" s="6">
        <v>920.9633</v>
      </c>
    </row>
    <row r="25541" spans="4:5" x14ac:dyDescent="0.25">
      <c r="D25541" s="6">
        <v>1192.0630000000001</v>
      </c>
      <c r="E25541" s="6">
        <v>3903.1619999999998</v>
      </c>
    </row>
    <row r="25542" spans="4:5" x14ac:dyDescent="0.25">
      <c r="D25542" s="6">
        <v>1140.0029999999999</v>
      </c>
      <c r="E25542" s="6">
        <v>633.16189999999995</v>
      </c>
    </row>
    <row r="25543" spans="4:5" x14ac:dyDescent="0.25">
      <c r="D25543" s="6">
        <v>4681.1000000000004</v>
      </c>
      <c r="E25543" s="6">
        <v>1469.444</v>
      </c>
    </row>
    <row r="25544" spans="4:5" x14ac:dyDescent="0.25">
      <c r="D25544" s="6">
        <v>3878.636</v>
      </c>
      <c r="E25544" s="6">
        <v>1382.7950000000001</v>
      </c>
    </row>
    <row r="25545" spans="4:5" x14ac:dyDescent="0.25">
      <c r="D25545" s="6">
        <v>565.19960000000003</v>
      </c>
      <c r="E25545" s="6">
        <v>1476.8</v>
      </c>
    </row>
    <row r="25546" spans="4:5" x14ac:dyDescent="0.25">
      <c r="D25546" s="6">
        <v>1062.232</v>
      </c>
      <c r="E25546" s="6">
        <v>759.01289999999995</v>
      </c>
    </row>
    <row r="25547" spans="4:5" x14ac:dyDescent="0.25">
      <c r="D25547" s="6">
        <v>548.47019999999998</v>
      </c>
      <c r="E25547" s="6">
        <v>974.63750000000005</v>
      </c>
    </row>
    <row r="25548" spans="4:5" x14ac:dyDescent="0.25">
      <c r="D25548" s="6">
        <v>2819.4769999999999</v>
      </c>
      <c r="E25548" s="6">
        <v>684.65189999999996</v>
      </c>
    </row>
    <row r="25549" spans="4:5" x14ac:dyDescent="0.25">
      <c r="D25549" s="6">
        <v>623.82910000000004</v>
      </c>
      <c r="E25549" s="6">
        <v>2024.375</v>
      </c>
    </row>
    <row r="25550" spans="4:5" x14ac:dyDescent="0.25">
      <c r="D25550" s="6">
        <v>10626.19</v>
      </c>
      <c r="E25550" s="6">
        <v>732.03869999999995</v>
      </c>
    </row>
    <row r="25551" spans="4:5" x14ac:dyDescent="0.25">
      <c r="D25551" s="6">
        <v>904.28779999999995</v>
      </c>
      <c r="E25551" s="6">
        <v>520.14179999999999</v>
      </c>
    </row>
    <row r="25552" spans="4:5" x14ac:dyDescent="0.25">
      <c r="D25552" s="6">
        <v>963.51099999999997</v>
      </c>
      <c r="E25552" s="6">
        <v>626.78300000000002</v>
      </c>
    </row>
    <row r="25553" spans="4:5" x14ac:dyDescent="0.25">
      <c r="D25553" s="6">
        <v>592.88030000000003</v>
      </c>
      <c r="E25553" s="6">
        <v>1073.3779999999999</v>
      </c>
    </row>
    <row r="25554" spans="4:5" x14ac:dyDescent="0.25">
      <c r="D25554" s="6">
        <v>579.44000000000005</v>
      </c>
      <c r="E25554" s="6">
        <v>4231.9290000000001</v>
      </c>
    </row>
    <row r="25555" spans="4:5" x14ac:dyDescent="0.25">
      <c r="D25555" s="6">
        <v>742.50450000000001</v>
      </c>
      <c r="E25555" s="6">
        <v>603.8809</v>
      </c>
    </row>
    <row r="25556" spans="4:5" x14ac:dyDescent="0.25">
      <c r="D25556" s="6">
        <v>704.27829999999994</v>
      </c>
      <c r="E25556" s="6">
        <v>773.92150000000004</v>
      </c>
    </row>
    <row r="25557" spans="4:5" x14ac:dyDescent="0.25">
      <c r="D25557" s="6">
        <v>6489.4570000000003</v>
      </c>
      <c r="E25557" s="6">
        <v>1234.1969999999999</v>
      </c>
    </row>
    <row r="25558" spans="4:5" x14ac:dyDescent="0.25">
      <c r="D25558" s="6">
        <v>1162.4449999999999</v>
      </c>
      <c r="E25558" s="6">
        <v>729.87639999999999</v>
      </c>
    </row>
    <row r="25559" spans="4:5" x14ac:dyDescent="0.25">
      <c r="D25559" s="6">
        <v>4945.3509999999997</v>
      </c>
      <c r="E25559" s="6">
        <v>1767.623</v>
      </c>
    </row>
    <row r="25560" spans="4:5" x14ac:dyDescent="0.25">
      <c r="D25560" s="6">
        <v>1431.6420000000001</v>
      </c>
      <c r="E25560" s="6">
        <v>687.96870000000001</v>
      </c>
    </row>
    <row r="25561" spans="4:5" x14ac:dyDescent="0.25">
      <c r="D25561" s="6">
        <v>524.5</v>
      </c>
      <c r="E25561" s="6">
        <v>647.81169999999997</v>
      </c>
    </row>
    <row r="25562" spans="4:5" x14ac:dyDescent="0.25">
      <c r="D25562" s="6">
        <v>1056.1769999999999</v>
      </c>
      <c r="E25562" s="6">
        <v>840.50980000000004</v>
      </c>
    </row>
    <row r="25563" spans="4:5" x14ac:dyDescent="0.25">
      <c r="D25563" s="6">
        <v>614.79499999999996</v>
      </c>
      <c r="E25563" s="6">
        <v>723.14400000000001</v>
      </c>
    </row>
    <row r="25564" spans="4:5" x14ac:dyDescent="0.25">
      <c r="D25564" s="6">
        <v>648.34059999999999</v>
      </c>
      <c r="E25564" s="6">
        <v>726.45450000000005</v>
      </c>
    </row>
    <row r="25565" spans="4:5" x14ac:dyDescent="0.25">
      <c r="D25565" s="6">
        <v>562.54190000000006</v>
      </c>
      <c r="E25565" s="6">
        <v>556.75019999999995</v>
      </c>
    </row>
    <row r="25566" spans="4:5" x14ac:dyDescent="0.25">
      <c r="D25566" s="6">
        <v>597.24630000000002</v>
      </c>
      <c r="E25566" s="6">
        <v>796.62270000000001</v>
      </c>
    </row>
    <row r="25567" spans="4:5" x14ac:dyDescent="0.25">
      <c r="D25567" s="6">
        <v>4159.4759999999997</v>
      </c>
      <c r="E25567" s="6">
        <v>739.08190000000002</v>
      </c>
    </row>
    <row r="25568" spans="4:5" x14ac:dyDescent="0.25">
      <c r="D25568" s="6">
        <v>681.3954</v>
      </c>
      <c r="E25568" s="6">
        <v>760.46270000000004</v>
      </c>
    </row>
    <row r="25569" spans="4:5" x14ac:dyDescent="0.25">
      <c r="D25569" s="6">
        <v>1183.086</v>
      </c>
      <c r="E25569" s="6">
        <v>1033.134</v>
      </c>
    </row>
    <row r="25570" spans="4:5" x14ac:dyDescent="0.25">
      <c r="D25570" s="6">
        <v>4497.8710000000001</v>
      </c>
      <c r="E25570" s="6">
        <v>651.29269999999997</v>
      </c>
    </row>
    <row r="25571" spans="4:5" x14ac:dyDescent="0.25">
      <c r="D25571" s="6">
        <v>548.58479999999997</v>
      </c>
      <c r="E25571" s="6">
        <v>964.58450000000005</v>
      </c>
    </row>
    <row r="25572" spans="4:5" x14ac:dyDescent="0.25">
      <c r="D25572" s="6">
        <v>634.90279999999996</v>
      </c>
      <c r="E25572" s="6">
        <v>636.27</v>
      </c>
    </row>
    <row r="25573" spans="4:5" x14ac:dyDescent="0.25">
      <c r="D25573" s="6">
        <v>563.82349999999997</v>
      </c>
      <c r="E25573" s="6">
        <v>1030.8430000000001</v>
      </c>
    </row>
    <row r="25574" spans="4:5" x14ac:dyDescent="0.25">
      <c r="D25574" s="6">
        <v>4246.2049999999999</v>
      </c>
      <c r="E25574" s="6">
        <v>2991.3290000000002</v>
      </c>
    </row>
    <row r="25575" spans="4:5" x14ac:dyDescent="0.25">
      <c r="D25575" s="6">
        <v>543.11339999999996</v>
      </c>
      <c r="E25575" s="6">
        <v>594.61839999999995</v>
      </c>
    </row>
    <row r="25576" spans="4:5" x14ac:dyDescent="0.25">
      <c r="D25576" s="6">
        <v>847.28499999999997</v>
      </c>
      <c r="E25576" s="6">
        <v>629.06219999999996</v>
      </c>
    </row>
    <row r="25577" spans="4:5" x14ac:dyDescent="0.25">
      <c r="D25577" s="6">
        <v>4139.4750000000004</v>
      </c>
      <c r="E25577" s="6">
        <v>535.80539999999996</v>
      </c>
    </row>
    <row r="25578" spans="4:5" x14ac:dyDescent="0.25">
      <c r="D25578" s="6">
        <v>583.00720000000001</v>
      </c>
      <c r="E25578" s="6">
        <v>583.83969999999999</v>
      </c>
    </row>
    <row r="25579" spans="4:5" x14ac:dyDescent="0.25">
      <c r="D25579" s="6">
        <v>1543.3</v>
      </c>
      <c r="E25579" s="6">
        <v>1193.307</v>
      </c>
    </row>
    <row r="25580" spans="4:5" x14ac:dyDescent="0.25">
      <c r="D25580" s="6">
        <v>497.19650000000001</v>
      </c>
      <c r="E25580" s="6">
        <v>525.77149999999995</v>
      </c>
    </row>
    <row r="25581" spans="4:5" x14ac:dyDescent="0.25">
      <c r="D25581" s="6">
        <v>515.79290000000003</v>
      </c>
      <c r="E25581" s="6">
        <v>3047.7089999999998</v>
      </c>
    </row>
    <row r="25582" spans="4:5" x14ac:dyDescent="0.25">
      <c r="D25582" s="6">
        <v>536.5421</v>
      </c>
      <c r="E25582" s="6">
        <v>1117.6780000000001</v>
      </c>
    </row>
    <row r="25583" spans="4:5" x14ac:dyDescent="0.25">
      <c r="D25583" s="6">
        <v>4796.6750000000002</v>
      </c>
      <c r="E25583" s="6">
        <v>498.11810000000003</v>
      </c>
    </row>
    <row r="25584" spans="4:5" x14ac:dyDescent="0.25">
      <c r="D25584" s="6">
        <v>513.06079999999997</v>
      </c>
      <c r="E25584" s="6">
        <v>1177.2739999999999</v>
      </c>
    </row>
    <row r="25585" spans="4:5" x14ac:dyDescent="0.25">
      <c r="D25585" s="6">
        <v>560.00070000000005</v>
      </c>
      <c r="E25585" s="6">
        <v>593.03</v>
      </c>
    </row>
    <row r="25586" spans="4:5" x14ac:dyDescent="0.25">
      <c r="D25586" s="6">
        <v>602.75340000000006</v>
      </c>
      <c r="E25586" s="6">
        <v>675.89660000000003</v>
      </c>
    </row>
    <row r="25587" spans="4:5" x14ac:dyDescent="0.25">
      <c r="D25587" s="6">
        <v>636.84739999999999</v>
      </c>
      <c r="E25587" s="6">
        <v>976.48479999999995</v>
      </c>
    </row>
    <row r="25588" spans="4:5" x14ac:dyDescent="0.25">
      <c r="D25588" s="6">
        <v>2683.402</v>
      </c>
      <c r="E25588" s="6">
        <v>4927.8159999999998</v>
      </c>
    </row>
    <row r="25589" spans="4:5" x14ac:dyDescent="0.25">
      <c r="D25589" s="6">
        <v>4333.0479999999998</v>
      </c>
      <c r="E25589" s="6">
        <v>563.63469999999995</v>
      </c>
    </row>
    <row r="25590" spans="4:5" x14ac:dyDescent="0.25">
      <c r="D25590" s="6">
        <v>1836.55</v>
      </c>
      <c r="E25590" s="6">
        <v>1525.884</v>
      </c>
    </row>
    <row r="25591" spans="4:5" x14ac:dyDescent="0.25">
      <c r="D25591" s="6">
        <v>589.75900000000001</v>
      </c>
      <c r="E25591" s="6">
        <v>1135.827</v>
      </c>
    </row>
    <row r="25592" spans="4:5" x14ac:dyDescent="0.25">
      <c r="D25592" s="6">
        <v>714.4</v>
      </c>
      <c r="E25592" s="6">
        <v>4312.3130000000001</v>
      </c>
    </row>
    <row r="25593" spans="4:5" x14ac:dyDescent="0.25">
      <c r="D25593" s="6">
        <v>511.02589999999998</v>
      </c>
      <c r="E25593" s="6">
        <v>2674.877</v>
      </c>
    </row>
    <row r="25594" spans="4:5" x14ac:dyDescent="0.25">
      <c r="D25594" s="6">
        <v>618.95320000000004</v>
      </c>
      <c r="E25594" s="6">
        <v>3679.873</v>
      </c>
    </row>
    <row r="25595" spans="4:5" x14ac:dyDescent="0.25">
      <c r="D25595" s="6">
        <v>644.71280000000002</v>
      </c>
      <c r="E25595" s="6">
        <v>710.78620000000001</v>
      </c>
    </row>
    <row r="25596" spans="4:5" x14ac:dyDescent="0.25">
      <c r="D25596" s="6">
        <v>915.81060000000002</v>
      </c>
      <c r="E25596" s="6">
        <v>3724.3980000000001</v>
      </c>
    </row>
    <row r="25597" spans="4:5" x14ac:dyDescent="0.25">
      <c r="D25597" s="6">
        <v>604.86969999999997</v>
      </c>
      <c r="E25597" s="6">
        <v>1042.904</v>
      </c>
    </row>
    <row r="25598" spans="4:5" x14ac:dyDescent="0.25">
      <c r="D25598" s="6">
        <v>672.43690000000004</v>
      </c>
      <c r="E25598" s="6">
        <v>514.78269999999998</v>
      </c>
    </row>
    <row r="25599" spans="4:5" x14ac:dyDescent="0.25">
      <c r="D25599" s="6">
        <v>437.63709999999998</v>
      </c>
      <c r="E25599" s="6">
        <v>1334.711</v>
      </c>
    </row>
    <row r="25600" spans="4:5" x14ac:dyDescent="0.25">
      <c r="D25600" s="6">
        <v>606.45950000000005</v>
      </c>
      <c r="E25600" s="6">
        <v>1590.6479999999999</v>
      </c>
    </row>
    <row r="25601" spans="4:5" x14ac:dyDescent="0.25">
      <c r="D25601" s="6">
        <v>558.96109999999999</v>
      </c>
      <c r="E25601" s="6">
        <v>842.87189999999998</v>
      </c>
    </row>
    <row r="25602" spans="4:5" x14ac:dyDescent="0.25">
      <c r="D25602" s="6">
        <v>1114.703</v>
      </c>
      <c r="E25602" s="6">
        <v>2415.6880000000001</v>
      </c>
    </row>
    <row r="25603" spans="4:5" x14ac:dyDescent="0.25">
      <c r="D25603" s="6">
        <v>545.38610000000006</v>
      </c>
      <c r="E25603" s="6">
        <v>3733.2139999999999</v>
      </c>
    </row>
    <row r="25604" spans="4:5" x14ac:dyDescent="0.25">
      <c r="D25604" s="6">
        <v>4800.3940000000002</v>
      </c>
      <c r="E25604" s="6">
        <v>639.14620000000002</v>
      </c>
    </row>
    <row r="25605" spans="4:5" x14ac:dyDescent="0.25">
      <c r="D25605" s="6">
        <v>3149.864</v>
      </c>
      <c r="E25605" s="6">
        <v>577.38009999999997</v>
      </c>
    </row>
    <row r="25606" spans="4:5" x14ac:dyDescent="0.25">
      <c r="D25606" s="6">
        <v>649.65880000000004</v>
      </c>
      <c r="E25606" s="6">
        <v>4253.1760000000004</v>
      </c>
    </row>
    <row r="25607" spans="4:5" x14ac:dyDescent="0.25">
      <c r="D25607" s="6">
        <v>722.64290000000005</v>
      </c>
      <c r="E25607" s="6">
        <v>505.81290000000001</v>
      </c>
    </row>
    <row r="25608" spans="4:5" x14ac:dyDescent="0.25">
      <c r="D25608" s="6">
        <v>855.05629999999996</v>
      </c>
      <c r="E25608" s="6">
        <v>688.86800000000005</v>
      </c>
    </row>
    <row r="25609" spans="4:5" x14ac:dyDescent="0.25">
      <c r="D25609" s="6">
        <v>608.024</v>
      </c>
      <c r="E25609" s="6">
        <v>1501.0429999999999</v>
      </c>
    </row>
    <row r="25610" spans="4:5" x14ac:dyDescent="0.25">
      <c r="D25610" s="6">
        <v>606.15660000000003</v>
      </c>
      <c r="E25610" s="6">
        <v>1893.3389999999999</v>
      </c>
    </row>
    <row r="25611" spans="4:5" x14ac:dyDescent="0.25">
      <c r="D25611" s="6">
        <v>487.30270000000002</v>
      </c>
      <c r="E25611" s="6">
        <v>1205.5940000000001</v>
      </c>
    </row>
    <row r="25612" spans="4:5" x14ac:dyDescent="0.25">
      <c r="D25612" s="6">
        <v>5897.6859999999997</v>
      </c>
      <c r="E25612" s="6">
        <v>4205.04</v>
      </c>
    </row>
    <row r="25613" spans="4:5" x14ac:dyDescent="0.25">
      <c r="D25613" s="6">
        <v>5598.0789999999997</v>
      </c>
      <c r="E25613" s="6">
        <v>701.50239999999997</v>
      </c>
    </row>
    <row r="25614" spans="4:5" x14ac:dyDescent="0.25">
      <c r="D25614" s="6">
        <v>4476.3990000000003</v>
      </c>
      <c r="E25614" s="6">
        <v>1028.626</v>
      </c>
    </row>
    <row r="25615" spans="4:5" x14ac:dyDescent="0.25">
      <c r="D25615" s="6">
        <v>546.31659999999999</v>
      </c>
      <c r="E25615" s="6">
        <v>445.13690000000003</v>
      </c>
    </row>
    <row r="25616" spans="4:5" x14ac:dyDescent="0.25">
      <c r="D25616" s="6">
        <v>4587.1540000000005</v>
      </c>
      <c r="E25616" s="6">
        <v>2732.511</v>
      </c>
    </row>
    <row r="25617" spans="4:5" x14ac:dyDescent="0.25">
      <c r="D25617" s="6">
        <v>5562.5510000000004</v>
      </c>
      <c r="E25617" s="6">
        <v>616.9873</v>
      </c>
    </row>
    <row r="25618" spans="4:5" x14ac:dyDescent="0.25">
      <c r="D25618" s="6">
        <v>2925.4270000000001</v>
      </c>
      <c r="E25618" s="6">
        <v>972.87540000000001</v>
      </c>
    </row>
    <row r="25619" spans="4:5" x14ac:dyDescent="0.25">
      <c r="D25619" s="6">
        <v>524.11360000000002</v>
      </c>
      <c r="E25619" s="6">
        <v>3028.306</v>
      </c>
    </row>
    <row r="25620" spans="4:5" x14ac:dyDescent="0.25">
      <c r="D25620" s="6">
        <v>549.61170000000004</v>
      </c>
      <c r="E25620" s="6">
        <v>608.51969999999994</v>
      </c>
    </row>
    <row r="25621" spans="4:5" x14ac:dyDescent="0.25">
      <c r="D25621" s="6">
        <v>1251.7529999999999</v>
      </c>
      <c r="E25621" s="6">
        <v>4400.5370000000003</v>
      </c>
    </row>
    <row r="25622" spans="4:5" x14ac:dyDescent="0.25">
      <c r="D25622" s="6">
        <v>450.91699999999997</v>
      </c>
      <c r="E25622" s="6">
        <v>550.33270000000005</v>
      </c>
    </row>
    <row r="25623" spans="4:5" x14ac:dyDescent="0.25">
      <c r="D25623" s="6">
        <v>635.52599999999995</v>
      </c>
      <c r="E25623" s="6">
        <v>654.20939999999996</v>
      </c>
    </row>
    <row r="25624" spans="4:5" x14ac:dyDescent="0.25">
      <c r="D25624" s="6">
        <v>2821.7919999999999</v>
      </c>
      <c r="E25624" s="6">
        <v>977.47130000000004</v>
      </c>
    </row>
    <row r="25625" spans="4:5" x14ac:dyDescent="0.25">
      <c r="D25625" s="6">
        <v>3006.31</v>
      </c>
      <c r="E25625" s="6">
        <v>527.16300000000001</v>
      </c>
    </row>
    <row r="25626" spans="4:5" x14ac:dyDescent="0.25">
      <c r="D25626" s="6">
        <v>583.18349999999998</v>
      </c>
      <c r="E25626" s="6">
        <v>3125.9580000000001</v>
      </c>
    </row>
    <row r="25627" spans="4:5" x14ac:dyDescent="0.25">
      <c r="D25627" s="6">
        <v>4264.7330000000002</v>
      </c>
      <c r="E25627" s="6">
        <v>488.79270000000002</v>
      </c>
    </row>
    <row r="25628" spans="4:5" x14ac:dyDescent="0.25">
      <c r="D25628" s="6">
        <v>488.20530000000002</v>
      </c>
      <c r="E25628" s="6">
        <v>1040.7639999999999</v>
      </c>
    </row>
    <row r="25629" spans="4:5" x14ac:dyDescent="0.25">
      <c r="D25629" s="6">
        <v>521.37890000000004</v>
      </c>
      <c r="E25629" s="6">
        <v>672.02549999999997</v>
      </c>
    </row>
    <row r="25630" spans="4:5" x14ac:dyDescent="0.25">
      <c r="D25630" s="6">
        <v>586.69240000000002</v>
      </c>
      <c r="E25630" s="6">
        <v>670.10490000000004</v>
      </c>
    </row>
    <row r="25631" spans="4:5" x14ac:dyDescent="0.25">
      <c r="D25631" s="6">
        <v>459.30860000000001</v>
      </c>
      <c r="E25631" s="6">
        <v>694.11199999999997</v>
      </c>
    </row>
    <row r="25632" spans="4:5" x14ac:dyDescent="0.25">
      <c r="D25632" s="6">
        <v>539.4579</v>
      </c>
      <c r="E25632" s="6">
        <v>710.73929999999996</v>
      </c>
    </row>
    <row r="25633" spans="4:5" x14ac:dyDescent="0.25">
      <c r="D25633" s="6">
        <v>2990.39</v>
      </c>
      <c r="E25633" s="6">
        <v>927.63750000000005</v>
      </c>
    </row>
    <row r="25634" spans="4:5" x14ac:dyDescent="0.25">
      <c r="D25634" s="6">
        <v>662.39300000000003</v>
      </c>
      <c r="E25634" s="6">
        <v>557.48389999999995</v>
      </c>
    </row>
    <row r="25635" spans="4:5" x14ac:dyDescent="0.25">
      <c r="D25635" s="6">
        <v>5415.6940000000004</v>
      </c>
      <c r="E25635" s="6">
        <v>541.35019999999997</v>
      </c>
    </row>
    <row r="25636" spans="4:5" x14ac:dyDescent="0.25">
      <c r="D25636" s="6">
        <v>4280.1189999999997</v>
      </c>
      <c r="E25636" s="6">
        <v>4338.0659999999998</v>
      </c>
    </row>
    <row r="25637" spans="4:5" x14ac:dyDescent="0.25">
      <c r="D25637" s="6">
        <v>594.27409999999998</v>
      </c>
      <c r="E25637" s="6">
        <v>835.49030000000005</v>
      </c>
    </row>
    <row r="25638" spans="4:5" x14ac:dyDescent="0.25">
      <c r="D25638" s="6">
        <v>587.00250000000005</v>
      </c>
      <c r="E25638" s="6">
        <v>590.49080000000004</v>
      </c>
    </row>
    <row r="25639" spans="4:5" x14ac:dyDescent="0.25">
      <c r="D25639" s="6">
        <v>7040</v>
      </c>
      <c r="E25639" s="6">
        <v>521.04399999999998</v>
      </c>
    </row>
    <row r="25640" spans="4:5" x14ac:dyDescent="0.25">
      <c r="D25640" s="6">
        <v>3491.6990000000001</v>
      </c>
      <c r="E25640" s="6">
        <v>644.66120000000001</v>
      </c>
    </row>
    <row r="25641" spans="4:5" x14ac:dyDescent="0.25">
      <c r="D25641" s="6">
        <v>1060.626</v>
      </c>
      <c r="E25641" s="6">
        <v>3832.9859999999999</v>
      </c>
    </row>
    <row r="25642" spans="4:5" x14ac:dyDescent="0.25">
      <c r="D25642" s="6">
        <v>1643.453</v>
      </c>
      <c r="E25642" s="6">
        <v>1218.212</v>
      </c>
    </row>
    <row r="25643" spans="4:5" x14ac:dyDescent="0.25">
      <c r="D25643" s="6">
        <v>3267.192</v>
      </c>
      <c r="E25643" s="6">
        <v>1481.11</v>
      </c>
    </row>
    <row r="25644" spans="4:5" x14ac:dyDescent="0.25">
      <c r="D25644" s="6">
        <v>1206.875</v>
      </c>
      <c r="E25644" s="6">
        <v>537.38040000000001</v>
      </c>
    </row>
    <row r="25645" spans="4:5" x14ac:dyDescent="0.25">
      <c r="D25645" s="6">
        <v>3583.3919999999998</v>
      </c>
      <c r="E25645" s="6">
        <v>1019.2859999999999</v>
      </c>
    </row>
    <row r="25646" spans="4:5" x14ac:dyDescent="0.25">
      <c r="D25646" s="6">
        <v>861.27809999999999</v>
      </c>
      <c r="E25646" s="6">
        <v>1311.8119999999999</v>
      </c>
    </row>
    <row r="25647" spans="4:5" x14ac:dyDescent="0.25">
      <c r="D25647" s="6">
        <v>4211.87</v>
      </c>
      <c r="E25647" s="6">
        <v>693.21050000000002</v>
      </c>
    </row>
    <row r="25648" spans="4:5" x14ac:dyDescent="0.25">
      <c r="D25648" s="6">
        <v>5394.1490000000003</v>
      </c>
      <c r="E25648" s="6">
        <v>579.88720000000001</v>
      </c>
    </row>
    <row r="25649" spans="4:5" x14ac:dyDescent="0.25">
      <c r="D25649" s="6">
        <v>815.89</v>
      </c>
      <c r="E25649" s="6">
        <v>656.72940000000006</v>
      </c>
    </row>
    <row r="25650" spans="4:5" x14ac:dyDescent="0.25">
      <c r="D25650" s="6">
        <v>818.42550000000006</v>
      </c>
      <c r="E25650" s="6">
        <v>1295.0239999999999</v>
      </c>
    </row>
    <row r="25651" spans="4:5" x14ac:dyDescent="0.25">
      <c r="D25651" s="6">
        <v>553.75009999999997</v>
      </c>
      <c r="E25651" s="6">
        <v>1273.9680000000001</v>
      </c>
    </row>
    <row r="25652" spans="4:5" x14ac:dyDescent="0.25">
      <c r="D25652" s="6">
        <v>892.54650000000004</v>
      </c>
      <c r="E25652" s="6">
        <v>1095.009</v>
      </c>
    </row>
    <row r="25653" spans="4:5" x14ac:dyDescent="0.25">
      <c r="D25653" s="6">
        <v>686.77430000000004</v>
      </c>
      <c r="E25653" s="6">
        <v>1562.22</v>
      </c>
    </row>
    <row r="25654" spans="4:5" x14ac:dyDescent="0.25">
      <c r="D25654" s="6">
        <v>5701.3130000000001</v>
      </c>
      <c r="E25654" s="6">
        <v>922.51869999999997</v>
      </c>
    </row>
    <row r="25655" spans="4:5" x14ac:dyDescent="0.25">
      <c r="D25655" s="6">
        <v>2627.1350000000002</v>
      </c>
      <c r="E25655" s="6">
        <v>1697.64</v>
      </c>
    </row>
    <row r="25656" spans="4:5" x14ac:dyDescent="0.25">
      <c r="D25656" s="6">
        <v>611.62559999999996</v>
      </c>
      <c r="E25656" s="6">
        <v>871.77930000000003</v>
      </c>
    </row>
    <row r="25657" spans="4:5" x14ac:dyDescent="0.25">
      <c r="D25657" s="6">
        <v>648.71019999999999</v>
      </c>
      <c r="E25657" s="6">
        <v>707.61019999999996</v>
      </c>
    </row>
    <row r="25658" spans="4:5" x14ac:dyDescent="0.25">
      <c r="D25658" s="6">
        <v>637.44200000000001</v>
      </c>
      <c r="E25658" s="6">
        <v>1227.8340000000001</v>
      </c>
    </row>
    <row r="25659" spans="4:5" x14ac:dyDescent="0.25">
      <c r="D25659" s="6">
        <v>590.82429999999999</v>
      </c>
      <c r="E25659" s="6">
        <v>3747.2559999999999</v>
      </c>
    </row>
    <row r="25660" spans="4:5" x14ac:dyDescent="0.25">
      <c r="D25660" s="6">
        <v>625.56380000000001</v>
      </c>
      <c r="E25660" s="6">
        <v>1004.5549999999999</v>
      </c>
    </row>
    <row r="25661" spans="4:5" x14ac:dyDescent="0.25">
      <c r="D25661" s="6">
        <v>932.93439999999998</v>
      </c>
      <c r="E25661" s="6">
        <v>615.83569999999997</v>
      </c>
    </row>
    <row r="25662" spans="4:5" x14ac:dyDescent="0.25">
      <c r="D25662" s="6">
        <v>872.029</v>
      </c>
      <c r="E25662" s="6">
        <v>610.83259999999996</v>
      </c>
    </row>
    <row r="25663" spans="4:5" x14ac:dyDescent="0.25">
      <c r="D25663" s="6">
        <v>661.79600000000005</v>
      </c>
      <c r="E25663" s="6">
        <v>1266.4829999999999</v>
      </c>
    </row>
    <row r="25664" spans="4:5" x14ac:dyDescent="0.25">
      <c r="D25664" s="6">
        <v>777.59810000000004</v>
      </c>
      <c r="E25664" s="6">
        <v>1303.46</v>
      </c>
    </row>
    <row r="25665" spans="4:5" x14ac:dyDescent="0.25">
      <c r="D25665" s="6">
        <v>435.46080000000001</v>
      </c>
      <c r="E25665" s="6">
        <v>5121.07</v>
      </c>
    </row>
    <row r="25666" spans="4:5" x14ac:dyDescent="0.25">
      <c r="D25666" s="6">
        <v>660.63310000000001</v>
      </c>
      <c r="E25666" s="6">
        <v>1853.683</v>
      </c>
    </row>
    <row r="25667" spans="4:5" x14ac:dyDescent="0.25">
      <c r="D25667" s="6">
        <v>1940.028</v>
      </c>
      <c r="E25667" s="6">
        <v>626.46220000000005</v>
      </c>
    </row>
    <row r="25668" spans="4:5" x14ac:dyDescent="0.25">
      <c r="D25668" s="6">
        <v>1921.1859999999999</v>
      </c>
      <c r="E25668" s="6">
        <v>3094.1460000000002</v>
      </c>
    </row>
    <row r="25669" spans="4:5" x14ac:dyDescent="0.25">
      <c r="D25669" s="6">
        <v>1621.748</v>
      </c>
      <c r="E25669" s="6">
        <v>593.47609999999997</v>
      </c>
    </row>
    <row r="25670" spans="4:5" x14ac:dyDescent="0.25">
      <c r="D25670" s="6">
        <v>6393.1689999999999</v>
      </c>
      <c r="E25670" s="6">
        <v>469.69279999999998</v>
      </c>
    </row>
    <row r="25671" spans="4:5" x14ac:dyDescent="0.25">
      <c r="D25671" s="6">
        <v>589.59249999999997</v>
      </c>
      <c r="E25671" s="6">
        <v>740.84590000000003</v>
      </c>
    </row>
    <row r="25672" spans="4:5" x14ac:dyDescent="0.25">
      <c r="D25672" s="6">
        <v>647.31029999999998</v>
      </c>
      <c r="E25672" s="6">
        <v>609.98299999999995</v>
      </c>
    </row>
    <row r="25673" spans="4:5" x14ac:dyDescent="0.25">
      <c r="D25673" s="6">
        <v>1109.289</v>
      </c>
      <c r="E25673" s="6">
        <v>646.71050000000002</v>
      </c>
    </row>
    <row r="25674" spans="4:5" x14ac:dyDescent="0.25">
      <c r="D25674" s="6">
        <v>559.3039</v>
      </c>
      <c r="E25674" s="6">
        <v>1867.4939999999999</v>
      </c>
    </row>
    <row r="25675" spans="4:5" x14ac:dyDescent="0.25">
      <c r="D25675" s="6">
        <v>4783.9639999999999</v>
      </c>
      <c r="E25675" s="6">
        <v>2899.328</v>
      </c>
    </row>
    <row r="25676" spans="4:5" x14ac:dyDescent="0.25">
      <c r="D25676" s="6">
        <v>557.97069999999997</v>
      </c>
      <c r="E25676" s="6">
        <v>702.01220000000001</v>
      </c>
    </row>
    <row r="25677" spans="4:5" x14ac:dyDescent="0.25">
      <c r="D25677" s="6">
        <v>4570.5709999999999</v>
      </c>
      <c r="E25677" s="6">
        <v>1338.2170000000001</v>
      </c>
    </row>
    <row r="25678" spans="4:5" x14ac:dyDescent="0.25">
      <c r="D25678" s="6">
        <v>524.94179999999994</v>
      </c>
      <c r="E25678" s="6">
        <v>586.87630000000001</v>
      </c>
    </row>
    <row r="25679" spans="4:5" x14ac:dyDescent="0.25">
      <c r="D25679" s="6">
        <v>1061.3889999999999</v>
      </c>
      <c r="E25679" s="6">
        <v>673.25030000000004</v>
      </c>
    </row>
    <row r="25680" spans="4:5" x14ac:dyDescent="0.25">
      <c r="D25680" s="6">
        <v>822.87450000000001</v>
      </c>
      <c r="E25680" s="6">
        <v>910.25289999999995</v>
      </c>
    </row>
    <row r="25681" spans="4:5" x14ac:dyDescent="0.25">
      <c r="D25681" s="6">
        <v>720.96370000000002</v>
      </c>
      <c r="E25681" s="6">
        <v>893.26769999999999</v>
      </c>
    </row>
    <row r="25682" spans="4:5" x14ac:dyDescent="0.25">
      <c r="D25682" s="6">
        <v>831.8125</v>
      </c>
      <c r="E25682" s="6">
        <v>4463.5280000000002</v>
      </c>
    </row>
    <row r="25683" spans="4:5" x14ac:dyDescent="0.25">
      <c r="D25683" s="6">
        <v>643.71699999999998</v>
      </c>
      <c r="E25683" s="6">
        <v>655.6472</v>
      </c>
    </row>
    <row r="25684" spans="4:5" x14ac:dyDescent="0.25">
      <c r="D25684" s="6">
        <v>584</v>
      </c>
      <c r="E25684" s="6">
        <v>1178.0419999999999</v>
      </c>
    </row>
    <row r="25685" spans="4:5" x14ac:dyDescent="0.25">
      <c r="D25685" s="6">
        <v>866.11109999999996</v>
      </c>
      <c r="E25685" s="6">
        <v>549.29690000000005</v>
      </c>
    </row>
    <row r="25686" spans="4:5" x14ac:dyDescent="0.25">
      <c r="D25686" s="6">
        <v>3811.6030000000001</v>
      </c>
      <c r="E25686" s="6">
        <v>672.57749999999999</v>
      </c>
    </row>
    <row r="25687" spans="4:5" x14ac:dyDescent="0.25">
      <c r="D25687" s="6">
        <v>2315.0940000000001</v>
      </c>
      <c r="E25687" s="6">
        <v>1044.184</v>
      </c>
    </row>
    <row r="25688" spans="4:5" x14ac:dyDescent="0.25">
      <c r="D25688" s="6">
        <v>3124.1579999999999</v>
      </c>
      <c r="E25688" s="6">
        <v>630.70989999999995</v>
      </c>
    </row>
    <row r="25689" spans="4:5" x14ac:dyDescent="0.25">
      <c r="D25689" s="6">
        <v>511.16269999999997</v>
      </c>
      <c r="E25689" s="6">
        <v>595.60019999999997</v>
      </c>
    </row>
    <row r="25690" spans="4:5" x14ac:dyDescent="0.25">
      <c r="D25690" s="6">
        <v>588.34199999999998</v>
      </c>
      <c r="E25690" s="6">
        <v>2220.3850000000002</v>
      </c>
    </row>
    <row r="25691" spans="4:5" x14ac:dyDescent="0.25">
      <c r="D25691" s="6">
        <v>622.16790000000003</v>
      </c>
      <c r="E25691" s="6">
        <v>5172.8130000000001</v>
      </c>
    </row>
    <row r="25692" spans="4:5" x14ac:dyDescent="0.25">
      <c r="D25692" s="6">
        <v>716.30089999999996</v>
      </c>
      <c r="E25692" s="6">
        <v>857.91470000000004</v>
      </c>
    </row>
    <row r="25693" spans="4:5" x14ac:dyDescent="0.25">
      <c r="D25693" s="6">
        <v>534.38610000000006</v>
      </c>
      <c r="E25693" s="6">
        <v>865.95159999999998</v>
      </c>
    </row>
    <row r="25694" spans="4:5" x14ac:dyDescent="0.25">
      <c r="D25694" s="6">
        <v>662.25</v>
      </c>
      <c r="E25694" s="6">
        <v>8673.9419999999991</v>
      </c>
    </row>
    <row r="25695" spans="4:5" x14ac:dyDescent="0.25">
      <c r="D25695" s="6">
        <v>3792.25</v>
      </c>
      <c r="E25695" s="6">
        <v>4676.5240000000003</v>
      </c>
    </row>
    <row r="25696" spans="4:5" x14ac:dyDescent="0.25">
      <c r="D25696" s="6">
        <v>1031.211</v>
      </c>
      <c r="E25696" s="6">
        <v>4346.8379999999997</v>
      </c>
    </row>
    <row r="25697" spans="4:5" x14ac:dyDescent="0.25">
      <c r="D25697" s="6">
        <v>478.25</v>
      </c>
      <c r="E25697" s="6">
        <v>794.2586</v>
      </c>
    </row>
    <row r="25698" spans="4:5" x14ac:dyDescent="0.25">
      <c r="D25698" s="6">
        <v>4919.99</v>
      </c>
      <c r="E25698" s="6">
        <v>651.97879999999998</v>
      </c>
    </row>
    <row r="25699" spans="4:5" x14ac:dyDescent="0.25">
      <c r="D25699" s="6">
        <v>580.99969999999996</v>
      </c>
      <c r="E25699" s="6">
        <v>1250.972</v>
      </c>
    </row>
    <row r="25700" spans="4:5" x14ac:dyDescent="0.25">
      <c r="D25700" s="6">
        <v>1326.556</v>
      </c>
      <c r="E25700" s="6">
        <v>742.91219999999998</v>
      </c>
    </row>
    <row r="25701" spans="4:5" x14ac:dyDescent="0.25">
      <c r="D25701" s="6">
        <v>539.65</v>
      </c>
      <c r="E25701" s="6">
        <v>3708.2809999999999</v>
      </c>
    </row>
    <row r="25702" spans="4:5" x14ac:dyDescent="0.25">
      <c r="D25702" s="6">
        <v>821.20259999999996</v>
      </c>
      <c r="E25702" s="6">
        <v>600.93029999999999</v>
      </c>
    </row>
    <row r="25703" spans="4:5" x14ac:dyDescent="0.25">
      <c r="D25703" s="6">
        <v>536.97190000000001</v>
      </c>
      <c r="E25703" s="6">
        <v>590.88890000000004</v>
      </c>
    </row>
    <row r="25704" spans="4:5" x14ac:dyDescent="0.25">
      <c r="D25704" s="6">
        <v>2231.7240000000002</v>
      </c>
      <c r="E25704" s="6">
        <v>3861.6619999999998</v>
      </c>
    </row>
    <row r="25705" spans="4:5" x14ac:dyDescent="0.25">
      <c r="D25705" s="6">
        <v>5076.0680000000002</v>
      </c>
      <c r="E25705" s="6">
        <v>1064.681</v>
      </c>
    </row>
    <row r="25706" spans="4:5" x14ac:dyDescent="0.25">
      <c r="D25706" s="6">
        <v>5369.0379999999996</v>
      </c>
      <c r="E25706" s="6">
        <v>486.29539999999997</v>
      </c>
    </row>
    <row r="25707" spans="4:5" x14ac:dyDescent="0.25">
      <c r="D25707" s="6">
        <v>574.10270000000003</v>
      </c>
      <c r="E25707" s="6">
        <v>2249.2139999999999</v>
      </c>
    </row>
    <row r="25708" spans="4:5" x14ac:dyDescent="0.25">
      <c r="D25708" s="6">
        <v>699.49779999999998</v>
      </c>
      <c r="E25708" s="6">
        <v>1387.298</v>
      </c>
    </row>
    <row r="25709" spans="4:5" x14ac:dyDescent="0.25">
      <c r="D25709" s="6">
        <v>2053.288</v>
      </c>
      <c r="E25709" s="6">
        <v>1458.2170000000001</v>
      </c>
    </row>
    <row r="25710" spans="4:5" x14ac:dyDescent="0.25">
      <c r="D25710" s="6">
        <v>693.06619999999998</v>
      </c>
      <c r="E25710" s="6">
        <v>667.95240000000001</v>
      </c>
    </row>
    <row r="25711" spans="4:5" x14ac:dyDescent="0.25">
      <c r="D25711" s="6">
        <v>571.54430000000002</v>
      </c>
      <c r="E25711" s="6">
        <v>5967.0479999999998</v>
      </c>
    </row>
    <row r="25712" spans="4:5" x14ac:dyDescent="0.25">
      <c r="D25712" s="6">
        <v>648.54129999999998</v>
      </c>
      <c r="E25712" s="6">
        <v>793.16470000000004</v>
      </c>
    </row>
    <row r="25713" spans="4:5" x14ac:dyDescent="0.25">
      <c r="D25713" s="6">
        <v>4004.5839999999998</v>
      </c>
      <c r="E25713" s="6">
        <v>436.20569999999998</v>
      </c>
    </row>
    <row r="25714" spans="4:5" x14ac:dyDescent="0.25">
      <c r="D25714" s="6">
        <v>564.67340000000002</v>
      </c>
      <c r="E25714" s="6">
        <v>1802.867</v>
      </c>
    </row>
    <row r="25715" spans="4:5" x14ac:dyDescent="0.25">
      <c r="D25715" s="6">
        <v>590.67070000000001</v>
      </c>
      <c r="E25715" s="6">
        <v>659.08280000000002</v>
      </c>
    </row>
    <row r="25716" spans="4:5" x14ac:dyDescent="0.25">
      <c r="D25716" s="6">
        <v>1242.6969999999999</v>
      </c>
      <c r="E25716" s="6">
        <v>535.22590000000002</v>
      </c>
    </row>
    <row r="25717" spans="4:5" x14ac:dyDescent="0.25">
      <c r="D25717" s="6">
        <v>2249.3589999999999</v>
      </c>
      <c r="E25717" s="6">
        <v>4360.5320000000002</v>
      </c>
    </row>
    <row r="25718" spans="4:5" x14ac:dyDescent="0.25">
      <c r="D25718" s="6">
        <v>902.81870000000004</v>
      </c>
      <c r="E25718" s="6">
        <v>603.55560000000003</v>
      </c>
    </row>
    <row r="25719" spans="4:5" x14ac:dyDescent="0.25">
      <c r="D25719" s="6">
        <v>6632</v>
      </c>
      <c r="E25719" s="6">
        <v>738.20500000000004</v>
      </c>
    </row>
    <row r="25720" spans="4:5" x14ac:dyDescent="0.25">
      <c r="D25720" s="6">
        <v>1014.261</v>
      </c>
      <c r="E25720" s="6">
        <v>1449.644</v>
      </c>
    </row>
    <row r="25721" spans="4:5" x14ac:dyDescent="0.25">
      <c r="D25721" s="6">
        <v>649.41470000000004</v>
      </c>
      <c r="E25721" s="6">
        <v>4122.5169999999998</v>
      </c>
    </row>
    <row r="25722" spans="4:5" x14ac:dyDescent="0.25">
      <c r="D25722" s="6">
        <v>1279.556</v>
      </c>
      <c r="E25722" s="6">
        <v>1107.0160000000001</v>
      </c>
    </row>
    <row r="25723" spans="4:5" x14ac:dyDescent="0.25">
      <c r="D25723" s="6">
        <v>515.36429999999996</v>
      </c>
      <c r="E25723" s="6">
        <v>1275.8879999999999</v>
      </c>
    </row>
    <row r="25724" spans="4:5" x14ac:dyDescent="0.25">
      <c r="D25724" s="6">
        <v>3461.9369999999999</v>
      </c>
      <c r="E25724" s="6">
        <v>582.79</v>
      </c>
    </row>
    <row r="25725" spans="4:5" x14ac:dyDescent="0.25">
      <c r="D25725" s="6">
        <v>638.62469999999996</v>
      </c>
      <c r="E25725" s="6">
        <v>430.83330000000001</v>
      </c>
    </row>
    <row r="25726" spans="4:5" x14ac:dyDescent="0.25">
      <c r="D25726" s="6">
        <v>550.79930000000002</v>
      </c>
      <c r="E25726" s="6">
        <v>575.43619999999999</v>
      </c>
    </row>
    <row r="25727" spans="4:5" x14ac:dyDescent="0.25">
      <c r="D25727" s="6">
        <v>495.76130000000001</v>
      </c>
      <c r="E25727" s="6">
        <v>1622.9860000000001</v>
      </c>
    </row>
    <row r="25728" spans="4:5" x14ac:dyDescent="0.25">
      <c r="D25728" s="6">
        <v>506.88549999999998</v>
      </c>
      <c r="E25728" s="6">
        <v>1205.0260000000001</v>
      </c>
    </row>
    <row r="25729" spans="4:5" x14ac:dyDescent="0.25">
      <c r="D25729" s="6">
        <v>815.35230000000001</v>
      </c>
      <c r="E25729" s="6">
        <v>3441.23</v>
      </c>
    </row>
    <row r="25730" spans="4:5" x14ac:dyDescent="0.25">
      <c r="D25730" s="6">
        <v>1593.2090000000001</v>
      </c>
      <c r="E25730" s="6">
        <v>2206.9250000000002</v>
      </c>
    </row>
    <row r="25731" spans="4:5" x14ac:dyDescent="0.25">
      <c r="D25731" s="6">
        <v>643.8451</v>
      </c>
      <c r="E25731" s="6">
        <v>677.91369999999995</v>
      </c>
    </row>
    <row r="25732" spans="4:5" x14ac:dyDescent="0.25">
      <c r="D25732" s="6">
        <v>3372.4740000000002</v>
      </c>
      <c r="E25732" s="6">
        <v>620.56600000000003</v>
      </c>
    </row>
    <row r="25733" spans="4:5" x14ac:dyDescent="0.25">
      <c r="D25733" s="6">
        <v>573.27819999999997</v>
      </c>
      <c r="E25733" s="6">
        <v>2289.6</v>
      </c>
    </row>
    <row r="25734" spans="4:5" x14ac:dyDescent="0.25">
      <c r="D25734" s="6">
        <v>512.40959999999995</v>
      </c>
      <c r="E25734" s="6">
        <v>685.01689999999996</v>
      </c>
    </row>
    <row r="25735" spans="4:5" x14ac:dyDescent="0.25">
      <c r="D25735" s="6">
        <v>1015.07</v>
      </c>
      <c r="E25735" s="6">
        <v>1286.652</v>
      </c>
    </row>
    <row r="25736" spans="4:5" x14ac:dyDescent="0.25">
      <c r="D25736" s="6">
        <v>1212.9870000000001</v>
      </c>
      <c r="E25736" s="6">
        <v>568.58410000000003</v>
      </c>
    </row>
    <row r="25737" spans="4:5" x14ac:dyDescent="0.25">
      <c r="D25737" s="6">
        <v>609.14710000000002</v>
      </c>
      <c r="E25737" s="6">
        <v>465.72800000000001</v>
      </c>
    </row>
    <row r="25738" spans="4:5" x14ac:dyDescent="0.25">
      <c r="D25738" s="6">
        <v>615.25750000000005</v>
      </c>
      <c r="E25738" s="6">
        <v>580.97239999999999</v>
      </c>
    </row>
    <row r="25739" spans="4:5" x14ac:dyDescent="0.25">
      <c r="D25739" s="6">
        <v>5402.0280000000002</v>
      </c>
      <c r="E25739" s="6">
        <v>6844.5010000000002</v>
      </c>
    </row>
    <row r="25740" spans="4:5" x14ac:dyDescent="0.25">
      <c r="D25740" s="6">
        <v>4145.8599999999997</v>
      </c>
      <c r="E25740" s="6">
        <v>627.55420000000004</v>
      </c>
    </row>
    <row r="25741" spans="4:5" x14ac:dyDescent="0.25">
      <c r="D25741" s="6">
        <v>697.77629999999999</v>
      </c>
      <c r="E25741" s="6">
        <v>612.54859999999996</v>
      </c>
    </row>
    <row r="25742" spans="4:5" x14ac:dyDescent="0.25">
      <c r="D25742" s="6">
        <v>568.34069999999997</v>
      </c>
      <c r="E25742" s="6">
        <v>1444.6990000000001</v>
      </c>
    </row>
    <row r="25743" spans="4:5" x14ac:dyDescent="0.25">
      <c r="D25743" s="6">
        <v>706.41539999999998</v>
      </c>
      <c r="E25743" s="6">
        <v>1333.9090000000001</v>
      </c>
    </row>
    <row r="25744" spans="4:5" x14ac:dyDescent="0.25">
      <c r="D25744" s="6">
        <v>673.85910000000001</v>
      </c>
      <c r="E25744" s="6">
        <v>569.28380000000004</v>
      </c>
    </row>
    <row r="25745" spans="4:5" x14ac:dyDescent="0.25">
      <c r="D25745" s="6">
        <v>522.93560000000002</v>
      </c>
      <c r="E25745" s="6">
        <v>3162.326</v>
      </c>
    </row>
    <row r="25746" spans="4:5" x14ac:dyDescent="0.25">
      <c r="D25746" s="6">
        <v>4998.232</v>
      </c>
      <c r="E25746" s="6">
        <v>3426.2060000000001</v>
      </c>
    </row>
    <row r="25747" spans="4:5" x14ac:dyDescent="0.25">
      <c r="D25747" s="6">
        <v>1345.202</v>
      </c>
      <c r="E25747" s="6">
        <v>809.5</v>
      </c>
    </row>
    <row r="25748" spans="4:5" x14ac:dyDescent="0.25">
      <c r="D25748" s="6">
        <v>598.61509999999998</v>
      </c>
      <c r="E25748" s="6">
        <v>1039.9490000000001</v>
      </c>
    </row>
    <row r="25749" spans="4:5" x14ac:dyDescent="0.25">
      <c r="D25749" s="6">
        <v>5298.15</v>
      </c>
      <c r="E25749" s="6">
        <v>2749.5259999999998</v>
      </c>
    </row>
    <row r="25750" spans="4:5" x14ac:dyDescent="0.25">
      <c r="D25750" s="6">
        <v>627.56659999999999</v>
      </c>
      <c r="E25750" s="6">
        <v>1676.1279999999999</v>
      </c>
    </row>
    <row r="25751" spans="4:5" x14ac:dyDescent="0.25">
      <c r="D25751" s="6">
        <v>624.26409999999998</v>
      </c>
      <c r="E25751" s="6">
        <v>8136.7030000000004</v>
      </c>
    </row>
    <row r="25752" spans="4:5" x14ac:dyDescent="0.25">
      <c r="D25752" s="6">
        <v>9595.625</v>
      </c>
      <c r="E25752" s="6">
        <v>1162.069</v>
      </c>
    </row>
    <row r="25753" spans="4:5" x14ac:dyDescent="0.25">
      <c r="D25753" s="6">
        <v>565.6952</v>
      </c>
      <c r="E25753" s="6">
        <v>1312.4380000000001</v>
      </c>
    </row>
    <row r="25754" spans="4:5" x14ac:dyDescent="0.25">
      <c r="D25754" s="6">
        <v>820.62400000000002</v>
      </c>
      <c r="E25754" s="6">
        <v>615.38059999999996</v>
      </c>
    </row>
    <row r="25755" spans="4:5" x14ac:dyDescent="0.25">
      <c r="D25755" s="6">
        <v>4699.576</v>
      </c>
      <c r="E25755" s="6">
        <v>539.7011</v>
      </c>
    </row>
    <row r="25756" spans="4:5" x14ac:dyDescent="0.25">
      <c r="D25756" s="6">
        <v>1512.2429999999999</v>
      </c>
      <c r="E25756" s="6">
        <v>1079.6420000000001</v>
      </c>
    </row>
    <row r="25757" spans="4:5" x14ac:dyDescent="0.25">
      <c r="D25757" s="6">
        <v>1504.5340000000001</v>
      </c>
      <c r="E25757" s="6">
        <v>5126.2370000000001</v>
      </c>
    </row>
    <row r="25758" spans="4:5" x14ac:dyDescent="0.25">
      <c r="D25758" s="6">
        <v>866.64059999999995</v>
      </c>
      <c r="E25758" s="6">
        <v>4757.1310000000003</v>
      </c>
    </row>
    <row r="25759" spans="4:5" x14ac:dyDescent="0.25">
      <c r="D25759" s="6">
        <v>637.61199999999997</v>
      </c>
      <c r="E25759" s="6">
        <v>587.81979999999999</v>
      </c>
    </row>
    <row r="25760" spans="4:5" x14ac:dyDescent="0.25">
      <c r="D25760" s="6">
        <v>1630.116</v>
      </c>
      <c r="E25760" s="6">
        <v>576.08489999999995</v>
      </c>
    </row>
    <row r="25761" spans="4:5" x14ac:dyDescent="0.25">
      <c r="D25761" s="6">
        <v>5305.5349999999999</v>
      </c>
      <c r="E25761" s="6">
        <v>2551.5439999999999</v>
      </c>
    </row>
    <row r="25762" spans="4:5" x14ac:dyDescent="0.25">
      <c r="D25762" s="6">
        <v>783.65840000000003</v>
      </c>
      <c r="E25762" s="6">
        <v>520.09259999999995</v>
      </c>
    </row>
    <row r="25763" spans="4:5" x14ac:dyDescent="0.25">
      <c r="D25763" s="6">
        <v>728.88409999999999</v>
      </c>
      <c r="E25763" s="6">
        <v>935.75220000000002</v>
      </c>
    </row>
    <row r="25764" spans="4:5" x14ac:dyDescent="0.25">
      <c r="D25764" s="6">
        <v>1653.9880000000001</v>
      </c>
      <c r="E25764" s="6">
        <v>703.16880000000003</v>
      </c>
    </row>
    <row r="25765" spans="4:5" x14ac:dyDescent="0.25">
      <c r="D25765" s="6">
        <v>4260.0290000000005</v>
      </c>
      <c r="E25765" s="6">
        <v>592.53380000000004</v>
      </c>
    </row>
    <row r="25766" spans="4:5" x14ac:dyDescent="0.25">
      <c r="D25766" s="6">
        <v>535.0009</v>
      </c>
      <c r="E25766" s="6">
        <v>4748.6530000000002</v>
      </c>
    </row>
    <row r="25767" spans="4:5" x14ac:dyDescent="0.25">
      <c r="D25767" s="6">
        <v>3905.712</v>
      </c>
      <c r="E25767" s="6">
        <v>543.14390000000003</v>
      </c>
    </row>
    <row r="25768" spans="4:5" x14ac:dyDescent="0.25">
      <c r="D25768" s="6">
        <v>3344.915</v>
      </c>
      <c r="E25768" s="6">
        <v>887.79049999999995</v>
      </c>
    </row>
    <row r="25769" spans="4:5" x14ac:dyDescent="0.25">
      <c r="D25769" s="6">
        <v>4222.38</v>
      </c>
      <c r="E25769" s="6">
        <v>1309.587</v>
      </c>
    </row>
    <row r="25770" spans="4:5" x14ac:dyDescent="0.25">
      <c r="D25770" s="6">
        <v>568.31240000000003</v>
      </c>
      <c r="E25770" s="6">
        <v>1077.0239999999999</v>
      </c>
    </row>
    <row r="25771" spans="4:5" x14ac:dyDescent="0.25">
      <c r="D25771" s="6">
        <v>6566.848</v>
      </c>
      <c r="E25771" s="6">
        <v>1040.0440000000001</v>
      </c>
    </row>
    <row r="25772" spans="4:5" x14ac:dyDescent="0.25">
      <c r="D25772" s="6">
        <v>1260.826</v>
      </c>
      <c r="E25772" s="6">
        <v>1125.4449999999999</v>
      </c>
    </row>
    <row r="25773" spans="4:5" x14ac:dyDescent="0.25">
      <c r="D25773" s="6">
        <v>535.15309999999999</v>
      </c>
      <c r="E25773" s="6">
        <v>786.91800000000001</v>
      </c>
    </row>
    <row r="25774" spans="4:5" x14ac:dyDescent="0.25">
      <c r="D25774" s="6">
        <v>3884.9859999999999</v>
      </c>
      <c r="E25774" s="6">
        <v>3934.962</v>
      </c>
    </row>
    <row r="25775" spans="4:5" x14ac:dyDescent="0.25">
      <c r="D25775" s="6">
        <v>2897.8310000000001</v>
      </c>
      <c r="E25775" s="6">
        <v>1654.5219999999999</v>
      </c>
    </row>
    <row r="25776" spans="4:5" x14ac:dyDescent="0.25">
      <c r="D25776" s="6">
        <v>5238.848</v>
      </c>
      <c r="E25776" s="6">
        <v>716</v>
      </c>
    </row>
    <row r="25777" spans="4:5" x14ac:dyDescent="0.25">
      <c r="D25777" s="6">
        <v>863.14049999999997</v>
      </c>
      <c r="E25777" s="6">
        <v>1189.55</v>
      </c>
    </row>
    <row r="25778" spans="4:5" x14ac:dyDescent="0.25">
      <c r="D25778" s="6">
        <v>587.96799999999996</v>
      </c>
      <c r="E25778" s="6">
        <v>1278.183</v>
      </c>
    </row>
    <row r="25779" spans="4:5" x14ac:dyDescent="0.25">
      <c r="D25779" s="6">
        <v>6208.1490000000003</v>
      </c>
      <c r="E25779" s="6">
        <v>682.37040000000002</v>
      </c>
    </row>
    <row r="25780" spans="4:5" x14ac:dyDescent="0.25">
      <c r="D25780" s="6">
        <v>839.68140000000005</v>
      </c>
      <c r="E25780" s="6">
        <v>676.43949999999995</v>
      </c>
    </row>
    <row r="25781" spans="4:5" x14ac:dyDescent="0.25">
      <c r="D25781" s="6">
        <v>740.68520000000001</v>
      </c>
      <c r="E25781" s="6">
        <v>3261.0520000000001</v>
      </c>
    </row>
    <row r="25782" spans="4:5" x14ac:dyDescent="0.25">
      <c r="D25782" s="6">
        <v>594.71429999999998</v>
      </c>
      <c r="E25782" s="6">
        <v>1009.19</v>
      </c>
    </row>
    <row r="25783" spans="4:5" x14ac:dyDescent="0.25">
      <c r="D25783" s="6">
        <v>642.5308</v>
      </c>
      <c r="E25783" s="6">
        <v>683.90530000000001</v>
      </c>
    </row>
    <row r="25784" spans="4:5" x14ac:dyDescent="0.25">
      <c r="D25784" s="6">
        <v>805.64149999999995</v>
      </c>
      <c r="E25784" s="6">
        <v>558.46519999999998</v>
      </c>
    </row>
    <row r="25785" spans="4:5" x14ac:dyDescent="0.25">
      <c r="D25785" s="6">
        <v>5193.2460000000001</v>
      </c>
      <c r="E25785" s="6">
        <v>686.57060000000001</v>
      </c>
    </row>
    <row r="25786" spans="4:5" x14ac:dyDescent="0.25">
      <c r="D25786" s="6">
        <v>2938.9380000000001</v>
      </c>
      <c r="E25786" s="6">
        <v>4111.4269999999997</v>
      </c>
    </row>
    <row r="25787" spans="4:5" x14ac:dyDescent="0.25">
      <c r="D25787" s="6">
        <v>527.12900000000002</v>
      </c>
      <c r="E25787" s="6">
        <v>1007.702</v>
      </c>
    </row>
    <row r="25788" spans="4:5" x14ac:dyDescent="0.25">
      <c r="D25788" s="6">
        <v>2038.0940000000001</v>
      </c>
      <c r="E25788" s="6">
        <v>2554.107</v>
      </c>
    </row>
    <row r="25789" spans="4:5" x14ac:dyDescent="0.25">
      <c r="D25789" s="6">
        <v>1340.8910000000001</v>
      </c>
      <c r="E25789" s="6">
        <v>486.30189999999999</v>
      </c>
    </row>
    <row r="25790" spans="4:5" x14ac:dyDescent="0.25">
      <c r="D25790" s="6">
        <v>763</v>
      </c>
      <c r="E25790" s="6">
        <v>1032.548</v>
      </c>
    </row>
    <row r="25791" spans="4:5" x14ac:dyDescent="0.25">
      <c r="D25791" s="6">
        <v>726.70699999999999</v>
      </c>
      <c r="E25791" s="6">
        <v>530.50379999999996</v>
      </c>
    </row>
    <row r="25792" spans="4:5" x14ac:dyDescent="0.25">
      <c r="D25792" s="6">
        <v>2604.5219999999999</v>
      </c>
      <c r="E25792" s="6">
        <v>1517.133</v>
      </c>
    </row>
    <row r="25793" spans="4:5" x14ac:dyDescent="0.25">
      <c r="D25793" s="6">
        <v>571.79390000000001</v>
      </c>
      <c r="E25793" s="6">
        <v>1341.0540000000001</v>
      </c>
    </row>
    <row r="25794" spans="4:5" x14ac:dyDescent="0.25">
      <c r="D25794" s="6">
        <v>483.20490000000001</v>
      </c>
      <c r="E25794" s="6">
        <v>640.26940000000002</v>
      </c>
    </row>
    <row r="25795" spans="4:5" x14ac:dyDescent="0.25">
      <c r="D25795" s="6">
        <v>2840.1390000000001</v>
      </c>
      <c r="E25795" s="6">
        <v>498.67450000000002</v>
      </c>
    </row>
    <row r="25796" spans="4:5" x14ac:dyDescent="0.25">
      <c r="D25796" s="6">
        <v>2257.4569999999999</v>
      </c>
      <c r="E25796" s="6">
        <v>1444.41</v>
      </c>
    </row>
    <row r="25797" spans="4:5" x14ac:dyDescent="0.25">
      <c r="D25797" s="6">
        <v>475.78339999999997</v>
      </c>
      <c r="E25797" s="6">
        <v>1396.326</v>
      </c>
    </row>
    <row r="25798" spans="4:5" x14ac:dyDescent="0.25">
      <c r="D25798" s="6">
        <v>3379.4459999999999</v>
      </c>
      <c r="E25798" s="6">
        <v>1346.75</v>
      </c>
    </row>
    <row r="25799" spans="4:5" x14ac:dyDescent="0.25">
      <c r="D25799" s="6">
        <v>4835.9949999999999</v>
      </c>
      <c r="E25799" s="6">
        <v>554.87630000000001</v>
      </c>
    </row>
    <row r="25800" spans="4:5" x14ac:dyDescent="0.25">
      <c r="D25800" s="6">
        <v>877.76919999999996</v>
      </c>
      <c r="E25800" s="6">
        <v>1070.3050000000001</v>
      </c>
    </row>
    <row r="25801" spans="4:5" x14ac:dyDescent="0.25">
      <c r="D25801" s="6">
        <v>743.67229999999995</v>
      </c>
      <c r="E25801" s="6">
        <v>5571.7</v>
      </c>
    </row>
    <row r="25802" spans="4:5" x14ac:dyDescent="0.25">
      <c r="D25802" s="6">
        <v>4883.9399999999996</v>
      </c>
      <c r="E25802" s="6">
        <v>1209.3209999999999</v>
      </c>
    </row>
    <row r="25803" spans="4:5" x14ac:dyDescent="0.25">
      <c r="D25803" s="6">
        <v>4497.8270000000002</v>
      </c>
      <c r="E25803" s="6">
        <v>1898.4459999999999</v>
      </c>
    </row>
    <row r="25804" spans="4:5" x14ac:dyDescent="0.25">
      <c r="D25804" s="6">
        <v>3044.9209999999998</v>
      </c>
      <c r="E25804" s="6">
        <v>986.20500000000004</v>
      </c>
    </row>
    <row r="25805" spans="4:5" x14ac:dyDescent="0.25">
      <c r="D25805" s="6">
        <v>595.71360000000004</v>
      </c>
      <c r="E25805" s="6">
        <v>502.16329999999999</v>
      </c>
    </row>
    <row r="25806" spans="4:5" x14ac:dyDescent="0.25">
      <c r="D25806" s="6">
        <v>2608.1210000000001</v>
      </c>
      <c r="E25806" s="6">
        <v>649.09130000000005</v>
      </c>
    </row>
    <row r="25807" spans="4:5" x14ac:dyDescent="0.25">
      <c r="D25807" s="6">
        <v>632.37379999999996</v>
      </c>
      <c r="E25807" s="6">
        <v>2255.1550000000002</v>
      </c>
    </row>
    <row r="25808" spans="4:5" x14ac:dyDescent="0.25">
      <c r="D25808" s="6">
        <v>807.29790000000003</v>
      </c>
      <c r="E25808" s="6">
        <v>1482.5419999999999</v>
      </c>
    </row>
    <row r="25809" spans="4:5" x14ac:dyDescent="0.25">
      <c r="D25809" s="6">
        <v>5393.8239999999996</v>
      </c>
      <c r="E25809" s="6">
        <v>1630.106</v>
      </c>
    </row>
    <row r="25810" spans="4:5" x14ac:dyDescent="0.25">
      <c r="D25810" s="6">
        <v>2037.4359999999999</v>
      </c>
      <c r="E25810" s="6">
        <v>745.29089999999997</v>
      </c>
    </row>
    <row r="25811" spans="4:5" x14ac:dyDescent="0.25">
      <c r="D25811" s="6">
        <v>525.94290000000001</v>
      </c>
      <c r="E25811" s="6">
        <v>1002.121</v>
      </c>
    </row>
    <row r="25812" spans="4:5" x14ac:dyDescent="0.25">
      <c r="D25812" s="6">
        <v>1323.943</v>
      </c>
      <c r="E25812" s="6">
        <v>603.56079999999997</v>
      </c>
    </row>
    <row r="25813" spans="4:5" x14ac:dyDescent="0.25">
      <c r="D25813" s="6">
        <v>648.34079999999994</v>
      </c>
      <c r="E25813" s="6">
        <v>636.03779999999995</v>
      </c>
    </row>
    <row r="25814" spans="4:5" x14ac:dyDescent="0.25">
      <c r="D25814" s="6">
        <v>578.57979999999998</v>
      </c>
      <c r="E25814" s="6">
        <v>694.41129999999998</v>
      </c>
    </row>
    <row r="25815" spans="4:5" x14ac:dyDescent="0.25">
      <c r="D25815" s="6">
        <v>3475.5749999999998</v>
      </c>
      <c r="E25815" s="6">
        <v>1223.3820000000001</v>
      </c>
    </row>
    <row r="25816" spans="4:5" x14ac:dyDescent="0.25">
      <c r="D25816" s="6">
        <v>2329.3159999999998</v>
      </c>
      <c r="E25816" s="6">
        <v>4973.134</v>
      </c>
    </row>
    <row r="25817" spans="4:5" x14ac:dyDescent="0.25">
      <c r="D25817" s="6">
        <v>4069.9189999999999</v>
      </c>
      <c r="E25817" s="6">
        <v>686.89329999999995</v>
      </c>
    </row>
    <row r="25818" spans="4:5" x14ac:dyDescent="0.25">
      <c r="D25818" s="6">
        <v>595.4597</v>
      </c>
      <c r="E25818" s="6">
        <v>4109.2969999999996</v>
      </c>
    </row>
    <row r="25819" spans="4:5" x14ac:dyDescent="0.25">
      <c r="D25819" s="6">
        <v>502.46839999999997</v>
      </c>
      <c r="E25819" s="6">
        <v>672.19650000000001</v>
      </c>
    </row>
    <row r="25820" spans="4:5" x14ac:dyDescent="0.25">
      <c r="D25820" s="6">
        <v>576.69880000000001</v>
      </c>
      <c r="E25820" s="6">
        <v>750.31359999999995</v>
      </c>
    </row>
    <row r="25821" spans="4:5" x14ac:dyDescent="0.25">
      <c r="D25821" s="6">
        <v>4051.134</v>
      </c>
      <c r="E25821" s="6">
        <v>668.68579999999997</v>
      </c>
    </row>
    <row r="25822" spans="4:5" x14ac:dyDescent="0.25">
      <c r="D25822" s="6">
        <v>1325.6420000000001</v>
      </c>
      <c r="E25822" s="6">
        <v>1251.2660000000001</v>
      </c>
    </row>
    <row r="25823" spans="4:5" x14ac:dyDescent="0.25">
      <c r="D25823" s="6">
        <v>334.09089999999998</v>
      </c>
      <c r="E25823" s="6">
        <v>2477.944</v>
      </c>
    </row>
    <row r="25824" spans="4:5" x14ac:dyDescent="0.25">
      <c r="D25824" s="6">
        <v>4622.3980000000001</v>
      </c>
      <c r="E25824" s="6">
        <v>997.78790000000004</v>
      </c>
    </row>
    <row r="25825" spans="4:5" x14ac:dyDescent="0.25">
      <c r="D25825" s="6">
        <v>633.19219999999996</v>
      </c>
      <c r="E25825" s="6">
        <v>1060.241</v>
      </c>
    </row>
    <row r="25826" spans="4:5" x14ac:dyDescent="0.25">
      <c r="D25826" s="6">
        <v>442.75790000000001</v>
      </c>
      <c r="E25826" s="6">
        <v>1262.3969999999999</v>
      </c>
    </row>
    <row r="25827" spans="4:5" x14ac:dyDescent="0.25">
      <c r="D25827" s="6">
        <v>1098.9860000000001</v>
      </c>
      <c r="E25827" s="6">
        <v>5872.82</v>
      </c>
    </row>
    <row r="25828" spans="4:5" x14ac:dyDescent="0.25">
      <c r="D25828" s="6">
        <v>660.55899999999997</v>
      </c>
      <c r="E25828" s="6">
        <v>1055.8109999999999</v>
      </c>
    </row>
    <row r="25829" spans="4:5" x14ac:dyDescent="0.25">
      <c r="D25829" s="6">
        <v>2194.2150000000001</v>
      </c>
      <c r="E25829" s="6">
        <v>2964.0219999999999</v>
      </c>
    </row>
    <row r="25830" spans="4:5" x14ac:dyDescent="0.25">
      <c r="D25830" s="6">
        <v>558.20510000000002</v>
      </c>
      <c r="E25830" s="6">
        <v>569.58759999999995</v>
      </c>
    </row>
    <row r="25831" spans="4:5" x14ac:dyDescent="0.25">
      <c r="D25831" s="6">
        <v>1797</v>
      </c>
      <c r="E25831" s="6">
        <v>527.31150000000002</v>
      </c>
    </row>
    <row r="25832" spans="4:5" x14ac:dyDescent="0.25">
      <c r="D25832" s="6">
        <v>439.5478</v>
      </c>
      <c r="E25832" s="6">
        <v>971.95500000000004</v>
      </c>
    </row>
    <row r="25833" spans="4:5" x14ac:dyDescent="0.25">
      <c r="D25833" s="6">
        <v>547.75459999999998</v>
      </c>
      <c r="E25833" s="6">
        <v>510.56630000000001</v>
      </c>
    </row>
    <row r="25834" spans="4:5" x14ac:dyDescent="0.25">
      <c r="D25834" s="6">
        <v>556.20889999999997</v>
      </c>
      <c r="E25834" s="6">
        <v>603.01250000000005</v>
      </c>
    </row>
    <row r="25835" spans="4:5" x14ac:dyDescent="0.25">
      <c r="D25835" s="6">
        <v>1124.829</v>
      </c>
      <c r="E25835" s="6">
        <v>479.5102</v>
      </c>
    </row>
    <row r="25836" spans="4:5" x14ac:dyDescent="0.25">
      <c r="D25836" s="6">
        <v>515.08010000000002</v>
      </c>
      <c r="E25836" s="6">
        <v>725.17139999999995</v>
      </c>
    </row>
    <row r="25837" spans="4:5" x14ac:dyDescent="0.25">
      <c r="D25837" s="6">
        <v>647.35310000000004</v>
      </c>
      <c r="E25837" s="6">
        <v>919.08709999999996</v>
      </c>
    </row>
    <row r="25838" spans="4:5" x14ac:dyDescent="0.25">
      <c r="D25838" s="6">
        <v>522.26229999999998</v>
      </c>
      <c r="E25838" s="6">
        <v>517.25</v>
      </c>
    </row>
    <row r="25839" spans="4:5" x14ac:dyDescent="0.25">
      <c r="D25839" s="6">
        <v>3949.3910000000001</v>
      </c>
      <c r="E25839" s="6">
        <v>1655.0909999999999</v>
      </c>
    </row>
    <row r="25840" spans="4:5" x14ac:dyDescent="0.25">
      <c r="D25840" s="6">
        <v>5374.4319999999998</v>
      </c>
      <c r="E25840" s="6">
        <v>461.6927</v>
      </c>
    </row>
    <row r="25841" spans="4:5" x14ac:dyDescent="0.25">
      <c r="D25841" s="6">
        <v>836.42470000000003</v>
      </c>
      <c r="E25841" s="6">
        <v>592.76649999999995</v>
      </c>
    </row>
    <row r="25842" spans="4:5" x14ac:dyDescent="0.25">
      <c r="D25842" s="6">
        <v>6024.4309999999996</v>
      </c>
      <c r="E25842" s="6">
        <v>571.18619999999999</v>
      </c>
    </row>
    <row r="25843" spans="4:5" x14ac:dyDescent="0.25">
      <c r="D25843" s="6">
        <v>1177.511</v>
      </c>
      <c r="E25843" s="6">
        <v>493</v>
      </c>
    </row>
    <row r="25844" spans="4:5" x14ac:dyDescent="0.25">
      <c r="D25844" s="6">
        <v>1238.6420000000001</v>
      </c>
      <c r="E25844" s="6">
        <v>882.33979999999997</v>
      </c>
    </row>
    <row r="25845" spans="4:5" x14ac:dyDescent="0.25">
      <c r="D25845" s="6">
        <v>643.47789999999998</v>
      </c>
      <c r="E25845" s="6">
        <v>516.80700000000002</v>
      </c>
    </row>
    <row r="25846" spans="4:5" x14ac:dyDescent="0.25">
      <c r="D25846" s="6">
        <v>554.87919999999997</v>
      </c>
      <c r="E25846" s="6">
        <v>4353.0820000000003</v>
      </c>
    </row>
    <row r="25847" spans="4:5" x14ac:dyDescent="0.25">
      <c r="D25847" s="6">
        <v>3657.2809999999999</v>
      </c>
      <c r="E25847" s="6">
        <v>799.45510000000002</v>
      </c>
    </row>
    <row r="25848" spans="4:5" x14ac:dyDescent="0.25">
      <c r="D25848" s="6">
        <v>5354.1660000000002</v>
      </c>
      <c r="E25848" s="6">
        <v>1387.252</v>
      </c>
    </row>
    <row r="25849" spans="4:5" x14ac:dyDescent="0.25">
      <c r="D25849" s="6">
        <v>588.05409999999995</v>
      </c>
      <c r="E25849" s="6">
        <v>710.54319999999996</v>
      </c>
    </row>
    <row r="25850" spans="4:5" x14ac:dyDescent="0.25">
      <c r="D25850" s="6">
        <v>986.62369999999999</v>
      </c>
      <c r="E25850" s="6">
        <v>650.08799999999997</v>
      </c>
    </row>
    <row r="25851" spans="4:5" x14ac:dyDescent="0.25">
      <c r="D25851" s="6">
        <v>574.36670000000004</v>
      </c>
      <c r="E25851" s="6">
        <v>1520.703</v>
      </c>
    </row>
    <row r="25852" spans="4:5" x14ac:dyDescent="0.25">
      <c r="D25852" s="6">
        <v>709.73410000000001</v>
      </c>
      <c r="E25852" s="6">
        <v>696.53380000000004</v>
      </c>
    </row>
    <row r="25853" spans="4:5" x14ac:dyDescent="0.25">
      <c r="D25853" s="6">
        <v>900.99980000000005</v>
      </c>
      <c r="E25853" s="6">
        <v>564.36389999999994</v>
      </c>
    </row>
    <row r="25854" spans="4:5" x14ac:dyDescent="0.25">
      <c r="D25854" s="6">
        <v>1099.761</v>
      </c>
      <c r="E25854" s="6">
        <v>2325.9659999999999</v>
      </c>
    </row>
    <row r="25855" spans="4:5" x14ac:dyDescent="0.25">
      <c r="D25855" s="6">
        <v>590.90650000000005</v>
      </c>
      <c r="E25855" s="6">
        <v>688.38639999999998</v>
      </c>
    </row>
    <row r="25856" spans="4:5" x14ac:dyDescent="0.25">
      <c r="D25856" s="6">
        <v>798.79639999999995</v>
      </c>
      <c r="E25856" s="6">
        <v>524.83349999999996</v>
      </c>
    </row>
    <row r="25857" spans="4:5" x14ac:dyDescent="0.25">
      <c r="D25857" s="6">
        <v>2971.2049999999999</v>
      </c>
      <c r="E25857" s="6">
        <v>1537.2539999999999</v>
      </c>
    </row>
    <row r="25858" spans="4:5" x14ac:dyDescent="0.25">
      <c r="D25858" s="6">
        <v>525.86599999999999</v>
      </c>
      <c r="E25858" s="6">
        <v>843.02560000000005</v>
      </c>
    </row>
    <row r="25859" spans="4:5" x14ac:dyDescent="0.25">
      <c r="D25859" s="6">
        <v>615.78139999999996</v>
      </c>
      <c r="E25859" s="6">
        <v>849.83849999999995</v>
      </c>
    </row>
    <row r="25860" spans="4:5" x14ac:dyDescent="0.25">
      <c r="D25860" s="6">
        <v>528.5652</v>
      </c>
      <c r="E25860" s="6">
        <v>968.3578</v>
      </c>
    </row>
    <row r="25861" spans="4:5" x14ac:dyDescent="0.25">
      <c r="D25861" s="6">
        <v>3119.7249999999999</v>
      </c>
      <c r="E25861" s="6">
        <v>5784.4</v>
      </c>
    </row>
    <row r="25862" spans="4:5" x14ac:dyDescent="0.25">
      <c r="D25862" s="6">
        <v>543.19330000000002</v>
      </c>
      <c r="E25862" s="6">
        <v>590.76070000000004</v>
      </c>
    </row>
    <row r="25863" spans="4:5" x14ac:dyDescent="0.25">
      <c r="D25863" s="6">
        <v>4619.1220000000003</v>
      </c>
      <c r="E25863" s="6">
        <v>608.70209999999997</v>
      </c>
    </row>
    <row r="25864" spans="4:5" x14ac:dyDescent="0.25">
      <c r="D25864" s="6">
        <v>600.60379999999998</v>
      </c>
      <c r="E25864" s="6">
        <v>1456.2470000000001</v>
      </c>
    </row>
    <row r="25865" spans="4:5" x14ac:dyDescent="0.25">
      <c r="D25865" s="6">
        <v>615.28420000000006</v>
      </c>
      <c r="E25865" s="6">
        <v>1270.4849999999999</v>
      </c>
    </row>
    <row r="25866" spans="4:5" x14ac:dyDescent="0.25">
      <c r="D25866" s="6">
        <v>541.49030000000005</v>
      </c>
      <c r="E25866" s="6">
        <v>1673.5530000000001</v>
      </c>
    </row>
    <row r="25867" spans="4:5" x14ac:dyDescent="0.25">
      <c r="D25867" s="6">
        <v>734.1277</v>
      </c>
      <c r="E25867" s="6">
        <v>1335.4359999999999</v>
      </c>
    </row>
    <row r="25868" spans="4:5" x14ac:dyDescent="0.25">
      <c r="D25868" s="6">
        <v>520.37419999999997</v>
      </c>
      <c r="E25868" s="6">
        <v>947.55309999999997</v>
      </c>
    </row>
    <row r="25869" spans="4:5" x14ac:dyDescent="0.25">
      <c r="D25869" s="6">
        <v>1050.8599999999999</v>
      </c>
      <c r="E25869" s="6">
        <v>1012.596</v>
      </c>
    </row>
    <row r="25870" spans="4:5" x14ac:dyDescent="0.25">
      <c r="D25870" s="6">
        <v>5008.1719999999996</v>
      </c>
      <c r="E25870" s="6">
        <v>3322.2</v>
      </c>
    </row>
    <row r="25871" spans="4:5" x14ac:dyDescent="0.25">
      <c r="D25871" s="6">
        <v>3296.6669999999999</v>
      </c>
      <c r="E25871" s="6">
        <v>720.89300000000003</v>
      </c>
    </row>
    <row r="25872" spans="4:5" x14ac:dyDescent="0.25">
      <c r="D25872" s="6">
        <v>579.79480000000001</v>
      </c>
      <c r="E25872" s="6">
        <v>2371.3620000000001</v>
      </c>
    </row>
    <row r="25873" spans="4:5" x14ac:dyDescent="0.25">
      <c r="D25873" s="6">
        <v>1361.21</v>
      </c>
      <c r="E25873" s="6">
        <v>1110.1010000000001</v>
      </c>
    </row>
    <row r="25874" spans="4:5" x14ac:dyDescent="0.25">
      <c r="D25874" s="6">
        <v>4678.1620000000003</v>
      </c>
      <c r="E25874" s="6">
        <v>2204.9299999999998</v>
      </c>
    </row>
    <row r="25875" spans="4:5" x14ac:dyDescent="0.25">
      <c r="D25875" s="6">
        <v>5034.9269999999997</v>
      </c>
      <c r="E25875" s="6">
        <v>520.53539999999998</v>
      </c>
    </row>
    <row r="25876" spans="4:5" x14ac:dyDescent="0.25">
      <c r="D25876" s="6">
        <v>1501.6310000000001</v>
      </c>
      <c r="E25876" s="6">
        <v>1037.7059999999999</v>
      </c>
    </row>
    <row r="25877" spans="4:5" x14ac:dyDescent="0.25">
      <c r="D25877" s="6">
        <v>608.53790000000004</v>
      </c>
      <c r="E25877" s="6">
        <v>1509.4939999999999</v>
      </c>
    </row>
    <row r="25878" spans="4:5" x14ac:dyDescent="0.25">
      <c r="D25878" s="6">
        <v>653.07429999999999</v>
      </c>
      <c r="E25878" s="6">
        <v>3679.328</v>
      </c>
    </row>
    <row r="25879" spans="4:5" x14ac:dyDescent="0.25">
      <c r="D25879" s="6">
        <v>4205.1670000000004</v>
      </c>
      <c r="E25879" s="6">
        <v>546.32510000000002</v>
      </c>
    </row>
    <row r="25880" spans="4:5" x14ac:dyDescent="0.25">
      <c r="D25880" s="6">
        <v>4682.0450000000001</v>
      </c>
      <c r="E25880" s="6">
        <v>5622.7129999999997</v>
      </c>
    </row>
    <row r="25881" spans="4:5" x14ac:dyDescent="0.25">
      <c r="D25881" s="6">
        <v>1096.4010000000001</v>
      </c>
      <c r="E25881" s="6">
        <v>4079.7280000000001</v>
      </c>
    </row>
    <row r="25882" spans="4:5" x14ac:dyDescent="0.25">
      <c r="D25882" s="6">
        <v>6341.1390000000001</v>
      </c>
      <c r="E25882" s="6">
        <v>3197.4</v>
      </c>
    </row>
    <row r="25883" spans="4:5" x14ac:dyDescent="0.25">
      <c r="D25883" s="6">
        <v>790</v>
      </c>
      <c r="E25883" s="6">
        <v>781.83489999999995</v>
      </c>
    </row>
    <row r="25884" spans="4:5" x14ac:dyDescent="0.25">
      <c r="D25884" s="6">
        <v>602.68219999999997</v>
      </c>
      <c r="E25884" s="6">
        <v>1502.597</v>
      </c>
    </row>
    <row r="25885" spans="4:5" x14ac:dyDescent="0.25">
      <c r="D25885" s="6">
        <v>592.40380000000005</v>
      </c>
      <c r="E25885" s="6">
        <v>752.02629999999999</v>
      </c>
    </row>
    <row r="25886" spans="4:5" x14ac:dyDescent="0.25">
      <c r="D25886" s="6">
        <v>791.62030000000004</v>
      </c>
      <c r="E25886" s="6">
        <v>148.0575</v>
      </c>
    </row>
    <row r="25887" spans="4:5" x14ac:dyDescent="0.25">
      <c r="D25887" s="6">
        <v>509.46379999999999</v>
      </c>
      <c r="E25887" s="6">
        <v>577.25</v>
      </c>
    </row>
    <row r="25888" spans="4:5" x14ac:dyDescent="0.25">
      <c r="D25888" s="6">
        <v>4398.0940000000001</v>
      </c>
      <c r="E25888" s="6">
        <v>3370.1329999999998</v>
      </c>
    </row>
    <row r="25889" spans="4:5" x14ac:dyDescent="0.25">
      <c r="D25889" s="6">
        <v>567.27319999999997</v>
      </c>
      <c r="E25889" s="6">
        <v>622.55470000000003</v>
      </c>
    </row>
    <row r="25890" spans="4:5" x14ac:dyDescent="0.25">
      <c r="D25890" s="6">
        <v>3423.3980000000001</v>
      </c>
      <c r="E25890" s="6">
        <v>1161.4290000000001</v>
      </c>
    </row>
    <row r="25891" spans="4:5" x14ac:dyDescent="0.25">
      <c r="D25891" s="6">
        <v>612.18309999999997</v>
      </c>
      <c r="E25891" s="6">
        <v>1172.6610000000001</v>
      </c>
    </row>
    <row r="25892" spans="4:5" x14ac:dyDescent="0.25">
      <c r="D25892" s="6">
        <v>552.18340000000001</v>
      </c>
      <c r="E25892" s="6">
        <v>2392.37</v>
      </c>
    </row>
    <row r="25893" spans="4:5" x14ac:dyDescent="0.25">
      <c r="D25893" s="6">
        <v>2699.25</v>
      </c>
      <c r="E25893" s="6">
        <v>1174.924</v>
      </c>
    </row>
    <row r="25894" spans="4:5" x14ac:dyDescent="0.25">
      <c r="D25894" s="6">
        <v>517.84059999999999</v>
      </c>
      <c r="E25894" s="6">
        <v>674.58609999999999</v>
      </c>
    </row>
    <row r="25895" spans="4:5" x14ac:dyDescent="0.25">
      <c r="D25895" s="6">
        <v>908.20830000000001</v>
      </c>
      <c r="E25895" s="6">
        <v>4068.6010000000001</v>
      </c>
    </row>
    <row r="25896" spans="4:5" x14ac:dyDescent="0.25">
      <c r="D25896" s="6">
        <v>721.43179999999995</v>
      </c>
      <c r="E25896" s="6">
        <v>1078.252</v>
      </c>
    </row>
    <row r="25897" spans="4:5" x14ac:dyDescent="0.25">
      <c r="D25897" s="6">
        <v>1286.807</v>
      </c>
      <c r="E25897" s="6">
        <v>1035.5</v>
      </c>
    </row>
    <row r="25898" spans="4:5" x14ac:dyDescent="0.25">
      <c r="D25898" s="6">
        <v>581.04319999999996</v>
      </c>
      <c r="E25898" s="6">
        <v>1378.4110000000001</v>
      </c>
    </row>
    <row r="25899" spans="4:5" x14ac:dyDescent="0.25">
      <c r="D25899" s="6">
        <v>4967.4210000000003</v>
      </c>
      <c r="E25899" s="6">
        <v>1588.2550000000001</v>
      </c>
    </row>
    <row r="25900" spans="4:5" x14ac:dyDescent="0.25">
      <c r="D25900" s="6">
        <v>2228.6439999999998</v>
      </c>
      <c r="E25900" s="6">
        <v>884.76819999999998</v>
      </c>
    </row>
    <row r="25901" spans="4:5" x14ac:dyDescent="0.25">
      <c r="D25901" s="6">
        <v>502.84500000000003</v>
      </c>
      <c r="E25901" s="6">
        <v>1558.6079999999999</v>
      </c>
    </row>
    <row r="25902" spans="4:5" x14ac:dyDescent="0.25">
      <c r="D25902" s="6">
        <v>1890.3879999999999</v>
      </c>
      <c r="E25902" s="6">
        <v>1651.114</v>
      </c>
    </row>
    <row r="25903" spans="4:5" x14ac:dyDescent="0.25">
      <c r="D25903" s="6">
        <v>1784.057</v>
      </c>
      <c r="E25903" s="6">
        <v>2129.2289999999998</v>
      </c>
    </row>
    <row r="25904" spans="4:5" x14ac:dyDescent="0.25">
      <c r="D25904" s="6">
        <v>715.0675</v>
      </c>
      <c r="E25904" s="6">
        <v>561.25810000000001</v>
      </c>
    </row>
    <row r="25905" spans="4:5" x14ac:dyDescent="0.25">
      <c r="D25905" s="6">
        <v>1124.1600000000001</v>
      </c>
      <c r="E25905" s="6">
        <v>603.97119999999995</v>
      </c>
    </row>
    <row r="25906" spans="4:5" x14ac:dyDescent="0.25">
      <c r="D25906" s="6">
        <v>514.39200000000005</v>
      </c>
      <c r="E25906" s="6">
        <v>4665.4250000000002</v>
      </c>
    </row>
    <row r="25907" spans="4:5" x14ac:dyDescent="0.25">
      <c r="D25907" s="6">
        <v>1164.992</v>
      </c>
      <c r="E25907" s="6">
        <v>1376.6110000000001</v>
      </c>
    </row>
    <row r="25908" spans="4:5" x14ac:dyDescent="0.25">
      <c r="D25908" s="6">
        <v>5851.4780000000001</v>
      </c>
      <c r="E25908" s="6">
        <v>1436.5</v>
      </c>
    </row>
    <row r="25909" spans="4:5" x14ac:dyDescent="0.25">
      <c r="D25909" s="6">
        <v>577.45849999999996</v>
      </c>
      <c r="E25909" s="6">
        <v>436.61320000000001</v>
      </c>
    </row>
    <row r="25910" spans="4:5" x14ac:dyDescent="0.25">
      <c r="D25910" s="6">
        <v>4412.4949999999999</v>
      </c>
      <c r="E25910" s="6">
        <v>3913.1779999999999</v>
      </c>
    </row>
    <row r="25911" spans="4:5" x14ac:dyDescent="0.25">
      <c r="D25911" s="6">
        <v>6086.3109999999997</v>
      </c>
      <c r="E25911" s="6">
        <v>1674.9169999999999</v>
      </c>
    </row>
    <row r="25912" spans="4:5" x14ac:dyDescent="0.25">
      <c r="D25912" s="6">
        <v>1606.33</v>
      </c>
      <c r="E25912" s="6">
        <v>626.22910000000002</v>
      </c>
    </row>
    <row r="25913" spans="4:5" x14ac:dyDescent="0.25">
      <c r="D25913" s="6">
        <v>2296.1309999999999</v>
      </c>
      <c r="E25913" s="6">
        <v>458.8381</v>
      </c>
    </row>
    <row r="25914" spans="4:5" x14ac:dyDescent="0.25">
      <c r="D25914" s="6">
        <v>917.94410000000005</v>
      </c>
      <c r="E25914" s="6">
        <v>905.70069999999998</v>
      </c>
    </row>
    <row r="25915" spans="4:5" x14ac:dyDescent="0.25">
      <c r="D25915" s="6">
        <v>3967.7170000000001</v>
      </c>
      <c r="E25915" s="6">
        <v>631.91890000000001</v>
      </c>
    </row>
    <row r="25916" spans="4:5" x14ac:dyDescent="0.25">
      <c r="D25916" s="6">
        <v>1239.1869999999999</v>
      </c>
      <c r="E25916" s="6">
        <v>2838.4659999999999</v>
      </c>
    </row>
    <row r="25917" spans="4:5" x14ac:dyDescent="0.25">
      <c r="D25917" s="6">
        <v>4115.2430000000004</v>
      </c>
      <c r="E25917" s="6">
        <v>559.73850000000004</v>
      </c>
    </row>
    <row r="25918" spans="4:5" x14ac:dyDescent="0.25">
      <c r="D25918" s="6">
        <v>451.32690000000002</v>
      </c>
      <c r="E25918" s="6">
        <v>1527.567</v>
      </c>
    </row>
    <row r="25919" spans="4:5" x14ac:dyDescent="0.25">
      <c r="D25919" s="6">
        <v>650.25469999999996</v>
      </c>
      <c r="E25919" s="6">
        <v>568.95830000000001</v>
      </c>
    </row>
    <row r="25920" spans="4:5" x14ac:dyDescent="0.25">
      <c r="D25920" s="6">
        <v>1116.306</v>
      </c>
      <c r="E25920" s="6">
        <v>975.00360000000001</v>
      </c>
    </row>
    <row r="25921" spans="4:5" x14ac:dyDescent="0.25">
      <c r="D25921" s="6">
        <v>588.13319999999999</v>
      </c>
      <c r="E25921" s="6">
        <v>584.07770000000005</v>
      </c>
    </row>
    <row r="25922" spans="4:5" x14ac:dyDescent="0.25">
      <c r="D25922" s="6">
        <v>1980.4559999999999</v>
      </c>
      <c r="E25922" s="6">
        <v>2798.4589999999998</v>
      </c>
    </row>
    <row r="25923" spans="4:5" x14ac:dyDescent="0.25">
      <c r="D25923" s="6">
        <v>556.17349999999999</v>
      </c>
      <c r="E25923" s="6">
        <v>1176.1120000000001</v>
      </c>
    </row>
    <row r="25924" spans="4:5" x14ac:dyDescent="0.25">
      <c r="D25924" s="6">
        <v>573.86869999999999</v>
      </c>
      <c r="E25924" s="6">
        <v>826.30449999999996</v>
      </c>
    </row>
    <row r="25925" spans="4:5" x14ac:dyDescent="0.25">
      <c r="D25925" s="6">
        <v>559.17110000000002</v>
      </c>
      <c r="E25925" s="6">
        <v>668.86800000000005</v>
      </c>
    </row>
    <row r="25926" spans="4:5" x14ac:dyDescent="0.25">
      <c r="D25926" s="6">
        <v>4413.7730000000001</v>
      </c>
      <c r="E25926" s="6">
        <v>1198.8879999999999</v>
      </c>
    </row>
    <row r="25927" spans="4:5" x14ac:dyDescent="0.25">
      <c r="D25927" s="6">
        <v>4790.0630000000001</v>
      </c>
      <c r="E25927" s="6">
        <v>996.84799999999996</v>
      </c>
    </row>
    <row r="25928" spans="4:5" x14ac:dyDescent="0.25">
      <c r="D25928" s="6">
        <v>1293.521</v>
      </c>
      <c r="E25928" s="6">
        <v>622.4683</v>
      </c>
    </row>
    <row r="25929" spans="4:5" x14ac:dyDescent="0.25">
      <c r="D25929" s="6">
        <v>3833.029</v>
      </c>
      <c r="E25929" s="6">
        <v>601.91869999999994</v>
      </c>
    </row>
    <row r="25930" spans="4:5" x14ac:dyDescent="0.25">
      <c r="D25930" s="6">
        <v>2944.018</v>
      </c>
      <c r="E25930" s="6">
        <v>894.44060000000002</v>
      </c>
    </row>
    <row r="25931" spans="4:5" x14ac:dyDescent="0.25">
      <c r="D25931" s="6">
        <v>553.38279999999997</v>
      </c>
      <c r="E25931" s="6">
        <v>2659.7620000000002</v>
      </c>
    </row>
    <row r="25932" spans="4:5" x14ac:dyDescent="0.25">
      <c r="D25932" s="6">
        <v>7806.4210000000003</v>
      </c>
      <c r="E25932" s="6">
        <v>576.47770000000003</v>
      </c>
    </row>
    <row r="25933" spans="4:5" x14ac:dyDescent="0.25">
      <c r="D25933" s="6">
        <v>6154.8239999999996</v>
      </c>
      <c r="E25933" s="6">
        <v>4487.05</v>
      </c>
    </row>
    <row r="25934" spans="4:5" x14ac:dyDescent="0.25">
      <c r="D25934" s="6">
        <v>1039.7860000000001</v>
      </c>
      <c r="E25934" s="6">
        <v>1079.2860000000001</v>
      </c>
    </row>
    <row r="25935" spans="4:5" x14ac:dyDescent="0.25">
      <c r="D25935" s="6">
        <v>1193.7159999999999</v>
      </c>
      <c r="E25935" s="6">
        <v>949.09270000000004</v>
      </c>
    </row>
    <row r="25936" spans="4:5" x14ac:dyDescent="0.25">
      <c r="D25936" s="6">
        <v>4104.5649999999996</v>
      </c>
      <c r="E25936" s="6">
        <v>4121.4960000000001</v>
      </c>
    </row>
    <row r="25937" spans="4:5" x14ac:dyDescent="0.25">
      <c r="D25937" s="6">
        <v>4360.0309999999999</v>
      </c>
      <c r="E25937" s="6">
        <v>595.97040000000004</v>
      </c>
    </row>
    <row r="25938" spans="4:5" x14ac:dyDescent="0.25">
      <c r="D25938" s="6">
        <v>4615.4790000000003</v>
      </c>
      <c r="E25938" s="6">
        <v>888.14400000000001</v>
      </c>
    </row>
    <row r="25939" spans="4:5" x14ac:dyDescent="0.25">
      <c r="D25939" s="6">
        <v>665.41759999999999</v>
      </c>
      <c r="E25939" s="6">
        <v>779.42949999999996</v>
      </c>
    </row>
    <row r="25940" spans="4:5" x14ac:dyDescent="0.25">
      <c r="D25940" s="6">
        <v>3828.8780000000002</v>
      </c>
      <c r="E25940" s="6">
        <v>607.5</v>
      </c>
    </row>
    <row r="25941" spans="4:5" x14ac:dyDescent="0.25">
      <c r="D25941" s="6">
        <v>377.33960000000002</v>
      </c>
      <c r="E25941" s="6">
        <v>516.5172</v>
      </c>
    </row>
    <row r="25942" spans="4:5" x14ac:dyDescent="0.25">
      <c r="D25942" s="6">
        <v>2248.346</v>
      </c>
      <c r="E25942" s="6">
        <v>774.90899999999999</v>
      </c>
    </row>
    <row r="25943" spans="4:5" x14ac:dyDescent="0.25">
      <c r="D25943" s="6">
        <v>5128.7830000000004</v>
      </c>
      <c r="E25943" s="6">
        <v>4278.7380000000003</v>
      </c>
    </row>
    <row r="25944" spans="4:5" x14ac:dyDescent="0.25">
      <c r="D25944" s="6">
        <v>6162.8410000000003</v>
      </c>
      <c r="E25944" s="6">
        <v>1179.8689999999999</v>
      </c>
    </row>
    <row r="25945" spans="4:5" x14ac:dyDescent="0.25">
      <c r="D25945" s="6">
        <v>2395.5439999999999</v>
      </c>
      <c r="E25945" s="6">
        <v>5113.2479999999996</v>
      </c>
    </row>
    <row r="25946" spans="4:5" x14ac:dyDescent="0.25">
      <c r="D25946" s="6">
        <v>3535.4209999999998</v>
      </c>
      <c r="E25946" s="6">
        <v>1093.549</v>
      </c>
    </row>
    <row r="25947" spans="4:5" x14ac:dyDescent="0.25">
      <c r="D25947" s="6">
        <v>828.08450000000005</v>
      </c>
      <c r="E25947" s="6">
        <v>4222.7650000000003</v>
      </c>
    </row>
    <row r="25948" spans="4:5" x14ac:dyDescent="0.25">
      <c r="D25948" s="6">
        <v>2862.145</v>
      </c>
      <c r="E25948" s="6">
        <v>745.24170000000004</v>
      </c>
    </row>
    <row r="25949" spans="4:5" x14ac:dyDescent="0.25">
      <c r="D25949" s="6">
        <v>550.49620000000004</v>
      </c>
      <c r="E25949" s="6">
        <v>934.5249</v>
      </c>
    </row>
    <row r="25950" spans="4:5" x14ac:dyDescent="0.25">
      <c r="D25950" s="6">
        <v>497.45670000000001</v>
      </c>
      <c r="E25950" s="6">
        <v>2091.933</v>
      </c>
    </row>
    <row r="25951" spans="4:5" x14ac:dyDescent="0.25">
      <c r="D25951" s="6">
        <v>581.81979999999999</v>
      </c>
      <c r="E25951" s="6">
        <v>630.25049999999999</v>
      </c>
    </row>
    <row r="25952" spans="4:5" x14ac:dyDescent="0.25">
      <c r="D25952" s="6">
        <v>5662.518</v>
      </c>
      <c r="E25952" s="6">
        <v>1122.732</v>
      </c>
    </row>
    <row r="25953" spans="4:5" x14ac:dyDescent="0.25">
      <c r="D25953" s="6">
        <v>4395.0910000000003</v>
      </c>
      <c r="E25953" s="6">
        <v>766.4873</v>
      </c>
    </row>
    <row r="25954" spans="4:5" x14ac:dyDescent="0.25">
      <c r="D25954" s="6">
        <v>413.7568</v>
      </c>
      <c r="E25954" s="6">
        <v>1745.806</v>
      </c>
    </row>
    <row r="25955" spans="4:5" x14ac:dyDescent="0.25">
      <c r="D25955" s="6">
        <v>3871.9380000000001</v>
      </c>
      <c r="E25955" s="6">
        <v>564.06439999999998</v>
      </c>
    </row>
    <row r="25956" spans="4:5" x14ac:dyDescent="0.25">
      <c r="D25956" s="6">
        <v>672.86270000000002</v>
      </c>
      <c r="E25956" s="6">
        <v>635.40419999999995</v>
      </c>
    </row>
    <row r="25957" spans="4:5" x14ac:dyDescent="0.25">
      <c r="D25957" s="6">
        <v>575.69749999999999</v>
      </c>
      <c r="E25957" s="6">
        <v>12348.96</v>
      </c>
    </row>
    <row r="25958" spans="4:5" x14ac:dyDescent="0.25">
      <c r="D25958" s="6">
        <v>3979.0349999999999</v>
      </c>
      <c r="E25958" s="6">
        <v>521.20259999999996</v>
      </c>
    </row>
    <row r="25959" spans="4:5" x14ac:dyDescent="0.25">
      <c r="D25959" s="6">
        <v>2541.451</v>
      </c>
      <c r="E25959" s="6">
        <v>562.54790000000003</v>
      </c>
    </row>
    <row r="25960" spans="4:5" x14ac:dyDescent="0.25">
      <c r="D25960" s="6">
        <v>1137</v>
      </c>
      <c r="E25960" s="6">
        <v>747.52700000000004</v>
      </c>
    </row>
    <row r="25961" spans="4:5" x14ac:dyDescent="0.25">
      <c r="D25961" s="6">
        <v>3759.83</v>
      </c>
      <c r="E25961" s="6">
        <v>2437.0630000000001</v>
      </c>
    </row>
    <row r="25962" spans="4:5" x14ac:dyDescent="0.25">
      <c r="D25962" s="6">
        <v>2262.8249999999998</v>
      </c>
      <c r="E25962" s="6">
        <v>1105.826</v>
      </c>
    </row>
    <row r="25963" spans="4:5" x14ac:dyDescent="0.25">
      <c r="D25963" s="6">
        <v>453.45949999999999</v>
      </c>
      <c r="E25963" s="6">
        <v>515.42729999999995</v>
      </c>
    </row>
    <row r="25964" spans="4:5" x14ac:dyDescent="0.25">
      <c r="D25964" s="6">
        <v>528.3501</v>
      </c>
      <c r="E25964" s="6">
        <v>1023.559</v>
      </c>
    </row>
    <row r="25965" spans="4:5" x14ac:dyDescent="0.25">
      <c r="D25965" s="6">
        <v>6572.0810000000001</v>
      </c>
      <c r="E25965" s="6">
        <v>3742.8020000000001</v>
      </c>
    </row>
    <row r="25966" spans="4:5" x14ac:dyDescent="0.25">
      <c r="D25966" s="6">
        <v>4668.1329999999998</v>
      </c>
      <c r="E25966" s="6">
        <v>599.60090000000002</v>
      </c>
    </row>
    <row r="25967" spans="4:5" x14ac:dyDescent="0.25">
      <c r="D25967" s="6">
        <v>5287.29</v>
      </c>
      <c r="E25967" s="6">
        <v>547.66079999999999</v>
      </c>
    </row>
    <row r="25968" spans="4:5" x14ac:dyDescent="0.25">
      <c r="D25968" s="6">
        <v>587.73649999999998</v>
      </c>
      <c r="E25968" s="6">
        <v>1240.3620000000001</v>
      </c>
    </row>
    <row r="25969" spans="4:5" x14ac:dyDescent="0.25">
      <c r="D25969" s="6">
        <v>671.93330000000003</v>
      </c>
      <c r="E25969" s="6">
        <v>574.63599999999997</v>
      </c>
    </row>
    <row r="25970" spans="4:5" x14ac:dyDescent="0.25">
      <c r="D25970" s="6">
        <v>2114.2429999999999</v>
      </c>
      <c r="E25970" s="6">
        <v>1014.067</v>
      </c>
    </row>
    <row r="25971" spans="4:5" x14ac:dyDescent="0.25">
      <c r="D25971" s="6">
        <v>640.10090000000002</v>
      </c>
      <c r="E25971" s="6">
        <v>3189.64</v>
      </c>
    </row>
    <row r="25972" spans="4:5" x14ac:dyDescent="0.25">
      <c r="D25972" s="6">
        <v>545.96569999999997</v>
      </c>
      <c r="E25972" s="6">
        <v>587.47569999999996</v>
      </c>
    </row>
    <row r="25973" spans="4:5" x14ac:dyDescent="0.25">
      <c r="D25973" s="6">
        <v>752.94320000000005</v>
      </c>
      <c r="E25973" s="6">
        <v>593.9502</v>
      </c>
    </row>
    <row r="25974" spans="4:5" x14ac:dyDescent="0.25">
      <c r="D25974" s="6">
        <v>690.23199999999997</v>
      </c>
      <c r="E25974" s="6">
        <v>620.58040000000005</v>
      </c>
    </row>
    <row r="25975" spans="4:5" x14ac:dyDescent="0.25">
      <c r="D25975" s="6">
        <v>6904.2150000000001</v>
      </c>
      <c r="E25975" s="6">
        <v>590.50710000000004</v>
      </c>
    </row>
    <row r="25976" spans="4:5" x14ac:dyDescent="0.25">
      <c r="D25976" s="6">
        <v>2436.3530000000001</v>
      </c>
      <c r="E25976" s="6">
        <v>1504.635</v>
      </c>
    </row>
    <row r="25977" spans="4:5" x14ac:dyDescent="0.25">
      <c r="D25977" s="6">
        <v>3874.1979999999999</v>
      </c>
      <c r="E25977" s="6">
        <v>2770.6179999999999</v>
      </c>
    </row>
    <row r="25978" spans="4:5" x14ac:dyDescent="0.25">
      <c r="D25978" s="6">
        <v>1046.961</v>
      </c>
      <c r="E25978" s="6">
        <v>945.79790000000003</v>
      </c>
    </row>
    <row r="25979" spans="4:5" x14ac:dyDescent="0.25">
      <c r="D25979" s="6">
        <v>606.18110000000001</v>
      </c>
      <c r="E25979" s="6">
        <v>1799.377</v>
      </c>
    </row>
    <row r="25980" spans="4:5" x14ac:dyDescent="0.25">
      <c r="D25980" s="6">
        <v>1431.5170000000001</v>
      </c>
      <c r="E25980" s="6">
        <v>569.20299999999997</v>
      </c>
    </row>
    <row r="25981" spans="4:5" x14ac:dyDescent="0.25">
      <c r="D25981" s="6">
        <v>2283.645</v>
      </c>
      <c r="E25981" s="6">
        <v>4328.7889999999998</v>
      </c>
    </row>
    <row r="25982" spans="4:5" x14ac:dyDescent="0.25">
      <c r="D25982" s="6">
        <v>986.62199999999996</v>
      </c>
      <c r="E25982" s="6">
        <v>1285.1610000000001</v>
      </c>
    </row>
    <row r="25983" spans="4:5" x14ac:dyDescent="0.25">
      <c r="D25983" s="6">
        <v>680.75419999999997</v>
      </c>
      <c r="E25983" s="6">
        <v>1035.633</v>
      </c>
    </row>
    <row r="25984" spans="4:5" x14ac:dyDescent="0.25">
      <c r="D25984" s="6">
        <v>579.40319999999997</v>
      </c>
      <c r="E25984" s="6">
        <v>1102.01</v>
      </c>
    </row>
    <row r="25985" spans="4:5" x14ac:dyDescent="0.25">
      <c r="D25985" s="6">
        <v>958.76790000000005</v>
      </c>
      <c r="E25985" s="6">
        <v>601.38980000000004</v>
      </c>
    </row>
    <row r="25986" spans="4:5" x14ac:dyDescent="0.25">
      <c r="D25986" s="6">
        <v>4740.3680000000004</v>
      </c>
      <c r="E25986" s="6">
        <v>532.54240000000004</v>
      </c>
    </row>
    <row r="25987" spans="4:5" x14ac:dyDescent="0.25">
      <c r="D25987" s="6">
        <v>741.58960000000002</v>
      </c>
      <c r="E25987" s="6">
        <v>473.56279999999998</v>
      </c>
    </row>
    <row r="25988" spans="4:5" x14ac:dyDescent="0.25">
      <c r="D25988" s="6">
        <v>532.10919999999999</v>
      </c>
      <c r="E25988" s="6">
        <v>553.83630000000005</v>
      </c>
    </row>
    <row r="25989" spans="4:5" x14ac:dyDescent="0.25">
      <c r="D25989" s="6">
        <v>4676.1769999999997</v>
      </c>
      <c r="E25989" s="6">
        <v>2574.1729999999998</v>
      </c>
    </row>
    <row r="25990" spans="4:5" x14ac:dyDescent="0.25">
      <c r="D25990" s="6">
        <v>525.64229999999998</v>
      </c>
      <c r="E25990" s="6">
        <v>542.06320000000005</v>
      </c>
    </row>
    <row r="25991" spans="4:5" x14ac:dyDescent="0.25">
      <c r="D25991" s="6">
        <v>864.47220000000004</v>
      </c>
      <c r="E25991" s="6">
        <v>620.20060000000001</v>
      </c>
    </row>
    <row r="25992" spans="4:5" x14ac:dyDescent="0.25">
      <c r="D25992" s="6">
        <v>4752.9970000000003</v>
      </c>
      <c r="E25992" s="6">
        <v>1657.605</v>
      </c>
    </row>
    <row r="25993" spans="4:5" x14ac:dyDescent="0.25">
      <c r="D25993" s="6">
        <v>604.58349999999996</v>
      </c>
      <c r="E25993" s="6">
        <v>901.84429999999998</v>
      </c>
    </row>
    <row r="25994" spans="4:5" x14ac:dyDescent="0.25">
      <c r="D25994" s="6">
        <v>738.56029999999998</v>
      </c>
      <c r="E25994" s="6">
        <v>1501.78</v>
      </c>
    </row>
    <row r="25995" spans="4:5" x14ac:dyDescent="0.25">
      <c r="D25995" s="6">
        <v>2853.9679999999998</v>
      </c>
      <c r="E25995" s="6">
        <v>3359.4340000000002</v>
      </c>
    </row>
    <row r="25996" spans="4:5" x14ac:dyDescent="0.25">
      <c r="D25996" s="6">
        <v>3887.4169999999999</v>
      </c>
      <c r="E25996" s="6">
        <v>626.17150000000004</v>
      </c>
    </row>
    <row r="25997" spans="4:5" x14ac:dyDescent="0.25">
      <c r="D25997" s="6">
        <v>1018.833</v>
      </c>
      <c r="E25997" s="6">
        <v>726.38900000000001</v>
      </c>
    </row>
    <row r="25998" spans="4:5" x14ac:dyDescent="0.25">
      <c r="D25998" s="6">
        <v>491.75639999999999</v>
      </c>
      <c r="E25998" s="6">
        <v>623.31560000000002</v>
      </c>
    </row>
    <row r="25999" spans="4:5" x14ac:dyDescent="0.25">
      <c r="D25999" s="6">
        <v>4897.1030000000001</v>
      </c>
      <c r="E25999" s="6">
        <v>501.81490000000002</v>
      </c>
    </row>
    <row r="26000" spans="4:5" x14ac:dyDescent="0.25">
      <c r="D26000" s="6">
        <v>1161.7380000000001</v>
      </c>
      <c r="E26000" s="6">
        <v>1511.8710000000001</v>
      </c>
    </row>
    <row r="26001" spans="4:5" x14ac:dyDescent="0.25">
      <c r="D26001" s="6">
        <v>550.85709999999995</v>
      </c>
      <c r="E26001" s="6">
        <v>1828.508</v>
      </c>
    </row>
    <row r="26002" spans="4:5" x14ac:dyDescent="0.25">
      <c r="D26002" s="6">
        <v>547.94899999999996</v>
      </c>
      <c r="E26002" s="6">
        <v>1627.298</v>
      </c>
    </row>
    <row r="26003" spans="4:5" x14ac:dyDescent="0.25">
      <c r="D26003" s="6">
        <v>2233.5340000000001</v>
      </c>
      <c r="E26003" s="6">
        <v>1781.64</v>
      </c>
    </row>
    <row r="26004" spans="4:5" x14ac:dyDescent="0.25">
      <c r="D26004" s="6">
        <v>11433.24</v>
      </c>
      <c r="E26004" s="6">
        <v>1552.961</v>
      </c>
    </row>
    <row r="26005" spans="4:5" x14ac:dyDescent="0.25">
      <c r="D26005" s="6">
        <v>4821.8410000000003</v>
      </c>
      <c r="E26005" s="6">
        <v>1294.2090000000001</v>
      </c>
    </row>
    <row r="26006" spans="4:5" x14ac:dyDescent="0.25">
      <c r="D26006" s="6">
        <v>1067.4670000000001</v>
      </c>
      <c r="E26006" s="6">
        <v>1299.588</v>
      </c>
    </row>
    <row r="26007" spans="4:5" x14ac:dyDescent="0.25">
      <c r="D26007" s="6">
        <v>1081.54</v>
      </c>
      <c r="E26007" s="6">
        <v>558.30539999999996</v>
      </c>
    </row>
    <row r="26008" spans="4:5" x14ac:dyDescent="0.25">
      <c r="D26008" s="6">
        <v>4429.116</v>
      </c>
      <c r="E26008" s="6">
        <v>939.63549999999998</v>
      </c>
    </row>
    <row r="26009" spans="4:5" x14ac:dyDescent="0.25">
      <c r="D26009" s="6">
        <v>536.01589999999999</v>
      </c>
      <c r="E26009" s="6">
        <v>674.09789999999998</v>
      </c>
    </row>
    <row r="26010" spans="4:5" x14ac:dyDescent="0.25">
      <c r="D26010" s="6">
        <v>4381.4049999999997</v>
      </c>
      <c r="E26010" s="6">
        <v>4073.0859999999998</v>
      </c>
    </row>
    <row r="26011" spans="4:5" x14ac:dyDescent="0.25">
      <c r="D26011" s="6">
        <v>647.64149999999995</v>
      </c>
      <c r="E26011" s="6">
        <v>1211.856</v>
      </c>
    </row>
    <row r="26012" spans="4:5" x14ac:dyDescent="0.25">
      <c r="D26012" s="6">
        <v>5956.4390000000003</v>
      </c>
      <c r="E26012" s="6">
        <v>621.19820000000004</v>
      </c>
    </row>
    <row r="26013" spans="4:5" x14ac:dyDescent="0.25">
      <c r="D26013" s="6">
        <v>2812.4850000000001</v>
      </c>
      <c r="E26013" s="6">
        <v>3317.0990000000002</v>
      </c>
    </row>
    <row r="26014" spans="4:5" x14ac:dyDescent="0.25">
      <c r="D26014" s="6">
        <v>578.52020000000005</v>
      </c>
      <c r="E26014" s="6">
        <v>547.73580000000004</v>
      </c>
    </row>
    <row r="26015" spans="4:5" x14ac:dyDescent="0.25">
      <c r="D26015" s="6">
        <v>4312.3959999999997</v>
      </c>
      <c r="E26015" s="6">
        <v>376.43169999999998</v>
      </c>
    </row>
    <row r="26016" spans="4:5" x14ac:dyDescent="0.25">
      <c r="D26016" s="6">
        <v>602.92319999999995</v>
      </c>
      <c r="E26016" s="6">
        <v>4030.471</v>
      </c>
    </row>
    <row r="26017" spans="4:5" x14ac:dyDescent="0.25">
      <c r="D26017" s="6">
        <v>5239.0709999999999</v>
      </c>
      <c r="E26017" s="6">
        <v>1130.107</v>
      </c>
    </row>
    <row r="26018" spans="4:5" x14ac:dyDescent="0.25">
      <c r="D26018" s="6">
        <v>550.54809999999998</v>
      </c>
      <c r="E26018" s="6">
        <v>8799.9629999999997</v>
      </c>
    </row>
    <row r="26019" spans="4:5" x14ac:dyDescent="0.25">
      <c r="D26019" s="6">
        <v>4552.1459999999997</v>
      </c>
      <c r="E26019" s="6">
        <v>630.5</v>
      </c>
    </row>
    <row r="26020" spans="4:5" x14ac:dyDescent="0.25">
      <c r="D26020" s="6">
        <v>671.90099999999995</v>
      </c>
      <c r="E26020" s="6">
        <v>3114.2</v>
      </c>
    </row>
    <row r="26021" spans="4:5" x14ac:dyDescent="0.25">
      <c r="D26021" s="6">
        <v>501.36939999999998</v>
      </c>
      <c r="E26021" s="6">
        <v>643.11829999999998</v>
      </c>
    </row>
    <row r="26022" spans="4:5" x14ac:dyDescent="0.25">
      <c r="D26022" s="6">
        <v>1386.0170000000001</v>
      </c>
      <c r="E26022" s="6">
        <v>1809.288</v>
      </c>
    </row>
    <row r="26023" spans="4:5" x14ac:dyDescent="0.25">
      <c r="D26023" s="6">
        <v>1344.7619999999999</v>
      </c>
      <c r="E26023" s="6">
        <v>543.71270000000004</v>
      </c>
    </row>
    <row r="26024" spans="4:5" x14ac:dyDescent="0.25">
      <c r="D26024" s="6">
        <v>3531.107</v>
      </c>
      <c r="E26024" s="6">
        <v>644.71749999999997</v>
      </c>
    </row>
    <row r="26025" spans="4:5" x14ac:dyDescent="0.25">
      <c r="D26025" s="6">
        <v>3580.7</v>
      </c>
      <c r="E26025" s="6">
        <v>1686.509</v>
      </c>
    </row>
    <row r="26026" spans="4:5" x14ac:dyDescent="0.25">
      <c r="D26026" s="6">
        <v>509.06799999999998</v>
      </c>
      <c r="E26026" s="6">
        <v>1648.6849999999999</v>
      </c>
    </row>
    <row r="26027" spans="4:5" x14ac:dyDescent="0.25">
      <c r="D26027" s="6">
        <v>816.24490000000003</v>
      </c>
      <c r="E26027" s="6">
        <v>497.33210000000003</v>
      </c>
    </row>
    <row r="26028" spans="4:5" x14ac:dyDescent="0.25">
      <c r="D26028" s="6">
        <v>4467.6279999999997</v>
      </c>
      <c r="E26028" s="6">
        <v>1355.261</v>
      </c>
    </row>
    <row r="26029" spans="4:5" x14ac:dyDescent="0.25">
      <c r="D26029" s="6">
        <v>592.75289999999995</v>
      </c>
      <c r="E26029" s="6">
        <v>4874.8549999999996</v>
      </c>
    </row>
    <row r="26030" spans="4:5" x14ac:dyDescent="0.25">
      <c r="D26030" s="6">
        <v>479.5616</v>
      </c>
      <c r="E26030" s="6">
        <v>540.49850000000004</v>
      </c>
    </row>
    <row r="26031" spans="4:5" x14ac:dyDescent="0.25">
      <c r="D26031" s="6">
        <v>2015.5509999999999</v>
      </c>
      <c r="E26031" s="6">
        <v>972.46130000000005</v>
      </c>
    </row>
    <row r="26032" spans="4:5" x14ac:dyDescent="0.25">
      <c r="D26032" s="6">
        <v>5285.8329999999996</v>
      </c>
      <c r="E26032" s="6">
        <v>913.13189999999997</v>
      </c>
    </row>
    <row r="26033" spans="4:5" x14ac:dyDescent="0.25">
      <c r="D26033" s="6">
        <v>1450.8530000000001</v>
      </c>
      <c r="E26033" s="6">
        <v>545.3021</v>
      </c>
    </row>
    <row r="26034" spans="4:5" x14ac:dyDescent="0.25">
      <c r="D26034" s="6">
        <v>492.0213</v>
      </c>
      <c r="E26034" s="6">
        <v>1139.829</v>
      </c>
    </row>
    <row r="26035" spans="4:5" x14ac:dyDescent="0.25">
      <c r="D26035" s="6">
        <v>1377.5709999999999</v>
      </c>
      <c r="E26035" s="6">
        <v>1291.1120000000001</v>
      </c>
    </row>
    <row r="26036" spans="4:5" x14ac:dyDescent="0.25">
      <c r="D26036" s="6">
        <v>5503.0069999999996</v>
      </c>
      <c r="E26036" s="6">
        <v>1368.789</v>
      </c>
    </row>
    <row r="26037" spans="4:5" x14ac:dyDescent="0.25">
      <c r="D26037" s="6">
        <v>4750.0789999999997</v>
      </c>
      <c r="E26037" s="6">
        <v>4938.076</v>
      </c>
    </row>
    <row r="26038" spans="4:5" x14ac:dyDescent="0.25">
      <c r="D26038" s="6">
        <v>1185.9280000000001</v>
      </c>
      <c r="E26038" s="6">
        <v>1019.744</v>
      </c>
    </row>
    <row r="26039" spans="4:5" x14ac:dyDescent="0.25">
      <c r="D26039" s="6">
        <v>563.68219999999997</v>
      </c>
      <c r="E26039" s="6">
        <v>551.6825</v>
      </c>
    </row>
    <row r="26040" spans="4:5" x14ac:dyDescent="0.25">
      <c r="D26040" s="6">
        <v>1407.3710000000001</v>
      </c>
      <c r="E26040" s="6">
        <v>1009.817</v>
      </c>
    </row>
    <row r="26041" spans="4:5" x14ac:dyDescent="0.25">
      <c r="D26041" s="6">
        <v>3484.3670000000002</v>
      </c>
      <c r="E26041" s="6">
        <v>4128.5029999999997</v>
      </c>
    </row>
    <row r="26042" spans="4:5" x14ac:dyDescent="0.25">
      <c r="D26042" s="6">
        <v>2663.3670000000002</v>
      </c>
      <c r="E26042" s="6">
        <v>621.87779999999998</v>
      </c>
    </row>
    <row r="26043" spans="4:5" x14ac:dyDescent="0.25">
      <c r="D26043" s="6">
        <v>661.01850000000002</v>
      </c>
      <c r="E26043" s="6">
        <v>585.85350000000005</v>
      </c>
    </row>
    <row r="26044" spans="4:5" x14ac:dyDescent="0.25">
      <c r="D26044" s="6">
        <v>1807.134</v>
      </c>
      <c r="E26044" s="6">
        <v>1022.672</v>
      </c>
    </row>
    <row r="26045" spans="4:5" x14ac:dyDescent="0.25">
      <c r="D26045" s="6">
        <v>3559.8429999999998</v>
      </c>
      <c r="E26045" s="6">
        <v>2822.0050000000001</v>
      </c>
    </row>
    <row r="26046" spans="4:5" x14ac:dyDescent="0.25">
      <c r="D26046" s="6">
        <v>1245.0899999999999</v>
      </c>
      <c r="E26046" s="6">
        <v>569.54859999999996</v>
      </c>
    </row>
    <row r="26047" spans="4:5" x14ac:dyDescent="0.25">
      <c r="D26047" s="6">
        <v>635.10249999999996</v>
      </c>
      <c r="E26047" s="6">
        <v>2902.346</v>
      </c>
    </row>
    <row r="26048" spans="4:5" x14ac:dyDescent="0.25">
      <c r="D26048" s="6">
        <v>551.84640000000002</v>
      </c>
      <c r="E26048" s="6">
        <v>4746.7470000000003</v>
      </c>
    </row>
    <row r="26049" spans="4:5" x14ac:dyDescent="0.25">
      <c r="D26049" s="6">
        <v>562.97389999999996</v>
      </c>
      <c r="E26049" s="6">
        <v>4853.5029999999997</v>
      </c>
    </row>
    <row r="26050" spans="4:5" x14ac:dyDescent="0.25">
      <c r="D26050" s="6">
        <v>2269.2779999999998</v>
      </c>
      <c r="E26050" s="6">
        <v>885.6318</v>
      </c>
    </row>
    <row r="26051" spans="4:5" x14ac:dyDescent="0.25">
      <c r="D26051" s="6">
        <v>5739.0649999999996</v>
      </c>
      <c r="E26051" s="6">
        <v>1316.53</v>
      </c>
    </row>
    <row r="26052" spans="4:5" x14ac:dyDescent="0.25">
      <c r="D26052" s="6">
        <v>4193.5529999999999</v>
      </c>
      <c r="E26052" s="6">
        <v>553.23770000000002</v>
      </c>
    </row>
    <row r="26053" spans="4:5" x14ac:dyDescent="0.25">
      <c r="D26053" s="6">
        <v>860.45150000000001</v>
      </c>
      <c r="E26053" s="6">
        <v>806.09659999999997</v>
      </c>
    </row>
    <row r="26054" spans="4:5" x14ac:dyDescent="0.25">
      <c r="D26054" s="6">
        <v>6786</v>
      </c>
      <c r="E26054" s="6">
        <v>530.0951</v>
      </c>
    </row>
    <row r="26055" spans="4:5" x14ac:dyDescent="0.25">
      <c r="D26055" s="6">
        <v>758.72159999999997</v>
      </c>
      <c r="E26055" s="6">
        <v>1024.2080000000001</v>
      </c>
    </row>
    <row r="26056" spans="4:5" x14ac:dyDescent="0.25">
      <c r="D26056" s="6">
        <v>4578.3190000000004</v>
      </c>
      <c r="E26056" s="6">
        <v>1689.2260000000001</v>
      </c>
    </row>
    <row r="26057" spans="4:5" x14ac:dyDescent="0.25">
      <c r="D26057" s="6">
        <v>4609.7139999999999</v>
      </c>
      <c r="E26057" s="6">
        <v>4124.1909999999998</v>
      </c>
    </row>
    <row r="26058" spans="4:5" x14ac:dyDescent="0.25">
      <c r="D26058" s="6">
        <v>515.40499999999997</v>
      </c>
      <c r="E26058" s="6">
        <v>774.73850000000004</v>
      </c>
    </row>
    <row r="26059" spans="4:5" x14ac:dyDescent="0.25">
      <c r="D26059" s="6">
        <v>1085.5719999999999</v>
      </c>
      <c r="E26059" s="6">
        <v>4352.7139999999999</v>
      </c>
    </row>
    <row r="26060" spans="4:5" x14ac:dyDescent="0.25">
      <c r="D26060" s="6">
        <v>5604.5550000000003</v>
      </c>
      <c r="E26060" s="6">
        <v>1056.354</v>
      </c>
    </row>
    <row r="26061" spans="4:5" x14ac:dyDescent="0.25">
      <c r="D26061" s="6">
        <v>1768.7670000000001</v>
      </c>
      <c r="E26061" s="6">
        <v>567.28319999999997</v>
      </c>
    </row>
    <row r="26062" spans="4:5" x14ac:dyDescent="0.25">
      <c r="D26062" s="6">
        <v>2729.6990000000001</v>
      </c>
      <c r="E26062" s="6">
        <v>4826.1670000000004</v>
      </c>
    </row>
    <row r="26063" spans="4:5" x14ac:dyDescent="0.25">
      <c r="D26063" s="6">
        <v>669.58230000000003</v>
      </c>
      <c r="E26063" s="6">
        <v>609.29639999999995</v>
      </c>
    </row>
    <row r="26064" spans="4:5" x14ac:dyDescent="0.25">
      <c r="D26064" s="6">
        <v>1276.4749999999999</v>
      </c>
      <c r="E26064" s="6">
        <v>843.81640000000004</v>
      </c>
    </row>
    <row r="26065" spans="4:5" x14ac:dyDescent="0.25">
      <c r="D26065" s="6">
        <v>3678.1080000000002</v>
      </c>
      <c r="E26065" s="6">
        <v>441</v>
      </c>
    </row>
    <row r="26066" spans="4:5" x14ac:dyDescent="0.25">
      <c r="D26066" s="6">
        <v>5087.5889999999999</v>
      </c>
      <c r="E26066" s="6">
        <v>517.17359999999996</v>
      </c>
    </row>
    <row r="26067" spans="4:5" x14ac:dyDescent="0.25">
      <c r="D26067" s="6">
        <v>1414.3019999999999</v>
      </c>
      <c r="E26067" s="6">
        <v>4399.4030000000002</v>
      </c>
    </row>
    <row r="26068" spans="4:5" x14ac:dyDescent="0.25">
      <c r="D26068" s="6">
        <v>1069.454</v>
      </c>
      <c r="E26068" s="6">
        <v>441.26690000000002</v>
      </c>
    </row>
    <row r="26069" spans="4:5" x14ac:dyDescent="0.25">
      <c r="D26069" s="6">
        <v>919.42060000000004</v>
      </c>
      <c r="E26069" s="6">
        <v>591.7278</v>
      </c>
    </row>
    <row r="26070" spans="4:5" x14ac:dyDescent="0.25">
      <c r="D26070" s="6">
        <v>1962.5</v>
      </c>
      <c r="E26070" s="6">
        <v>4225.51</v>
      </c>
    </row>
    <row r="26071" spans="4:5" x14ac:dyDescent="0.25">
      <c r="D26071" s="6">
        <v>1925.961</v>
      </c>
      <c r="E26071" s="6">
        <v>2012.912</v>
      </c>
    </row>
    <row r="26072" spans="4:5" x14ac:dyDescent="0.25">
      <c r="D26072" s="6">
        <v>4504.3469999999998</v>
      </c>
      <c r="E26072" s="6">
        <v>4111.5839999999998</v>
      </c>
    </row>
    <row r="26073" spans="4:5" x14ac:dyDescent="0.25">
      <c r="D26073" s="6">
        <v>4524.7650000000003</v>
      </c>
      <c r="E26073" s="6">
        <v>1146.413</v>
      </c>
    </row>
    <row r="26074" spans="4:5" x14ac:dyDescent="0.25">
      <c r="D26074" s="6">
        <v>546.44500000000005</v>
      </c>
      <c r="E26074" s="6">
        <v>574.63589999999999</v>
      </c>
    </row>
    <row r="26075" spans="4:5" x14ac:dyDescent="0.25">
      <c r="D26075" s="6">
        <v>1267.893</v>
      </c>
      <c r="E26075" s="6">
        <v>676.77250000000004</v>
      </c>
    </row>
    <row r="26076" spans="4:5" x14ac:dyDescent="0.25">
      <c r="D26076" s="6">
        <v>521.0634</v>
      </c>
      <c r="E26076" s="6">
        <v>560.51030000000003</v>
      </c>
    </row>
    <row r="26077" spans="4:5" x14ac:dyDescent="0.25">
      <c r="D26077" s="6">
        <v>3399.01</v>
      </c>
      <c r="E26077" s="6">
        <v>4235.9840000000004</v>
      </c>
    </row>
    <row r="26078" spans="4:5" x14ac:dyDescent="0.25">
      <c r="D26078" s="6">
        <v>478.88279999999997</v>
      </c>
      <c r="E26078" s="6">
        <v>517.63739999999996</v>
      </c>
    </row>
    <row r="26079" spans="4:5" x14ac:dyDescent="0.25">
      <c r="D26079" s="6">
        <v>4523.0870000000004</v>
      </c>
      <c r="E26079" s="6">
        <v>1719.152</v>
      </c>
    </row>
    <row r="26080" spans="4:5" x14ac:dyDescent="0.25">
      <c r="D26080" s="6">
        <v>1548.326</v>
      </c>
      <c r="E26080" s="6">
        <v>465.43700000000001</v>
      </c>
    </row>
    <row r="26081" spans="4:5" x14ac:dyDescent="0.25">
      <c r="D26081" s="6">
        <v>688.22709999999995</v>
      </c>
      <c r="E26081" s="6">
        <v>573.83950000000004</v>
      </c>
    </row>
    <row r="26082" spans="4:5" x14ac:dyDescent="0.25">
      <c r="D26082" s="6">
        <v>4789.0739999999996</v>
      </c>
      <c r="E26082" s="6">
        <v>605.80309999999997</v>
      </c>
    </row>
    <row r="26083" spans="4:5" x14ac:dyDescent="0.25">
      <c r="D26083" s="6">
        <v>3300.0610000000001</v>
      </c>
      <c r="E26083" s="6">
        <v>2817.5390000000002</v>
      </c>
    </row>
    <row r="26084" spans="4:5" x14ac:dyDescent="0.25">
      <c r="D26084" s="6">
        <v>842</v>
      </c>
      <c r="E26084" s="6">
        <v>336</v>
      </c>
    </row>
    <row r="26085" spans="4:5" x14ac:dyDescent="0.25">
      <c r="D26085" s="6">
        <v>3806.5309999999999</v>
      </c>
      <c r="E26085" s="6">
        <v>3294.58</v>
      </c>
    </row>
    <row r="26086" spans="4:5" x14ac:dyDescent="0.25">
      <c r="D26086" s="6">
        <v>756.52919999999995</v>
      </c>
      <c r="E26086" s="6">
        <v>530.04660000000001</v>
      </c>
    </row>
    <row r="26087" spans="4:5" x14ac:dyDescent="0.25">
      <c r="D26087" s="6">
        <v>3494.38</v>
      </c>
      <c r="E26087" s="6">
        <v>933.08209999999997</v>
      </c>
    </row>
    <row r="26088" spans="4:5" x14ac:dyDescent="0.25">
      <c r="D26088" s="6">
        <v>4782.1360000000004</v>
      </c>
      <c r="E26088" s="6">
        <v>1548.4490000000001</v>
      </c>
    </row>
    <row r="26089" spans="4:5" x14ac:dyDescent="0.25">
      <c r="D26089" s="6">
        <v>2951.7849999999999</v>
      </c>
      <c r="E26089" s="6">
        <v>618.70489999999995</v>
      </c>
    </row>
    <row r="26090" spans="4:5" x14ac:dyDescent="0.25">
      <c r="D26090" s="6">
        <v>3410.81</v>
      </c>
      <c r="E26090" s="6">
        <v>1669.961</v>
      </c>
    </row>
    <row r="26091" spans="4:5" x14ac:dyDescent="0.25">
      <c r="D26091" s="6">
        <v>585.60929999999996</v>
      </c>
      <c r="E26091" s="6">
        <v>777.81640000000004</v>
      </c>
    </row>
    <row r="26092" spans="4:5" x14ac:dyDescent="0.25">
      <c r="D26092" s="6">
        <v>615.00189999999998</v>
      </c>
      <c r="E26092" s="6">
        <v>1619.645</v>
      </c>
    </row>
    <row r="26093" spans="4:5" x14ac:dyDescent="0.25">
      <c r="D26093" s="6">
        <v>825.47149999999999</v>
      </c>
      <c r="E26093" s="6">
        <v>2821.6880000000001</v>
      </c>
    </row>
    <row r="26094" spans="4:5" x14ac:dyDescent="0.25">
      <c r="D26094" s="6">
        <v>1183.451</v>
      </c>
      <c r="E26094" s="6">
        <v>961.88109999999995</v>
      </c>
    </row>
    <row r="26095" spans="4:5" x14ac:dyDescent="0.25">
      <c r="D26095" s="6">
        <v>616.01769999999999</v>
      </c>
      <c r="E26095" s="6">
        <v>1524.36</v>
      </c>
    </row>
    <row r="26096" spans="4:5" x14ac:dyDescent="0.25">
      <c r="D26096" s="6">
        <v>4446.7790000000005</v>
      </c>
      <c r="E26096" s="6">
        <v>881.6155</v>
      </c>
    </row>
    <row r="26097" spans="4:5" x14ac:dyDescent="0.25">
      <c r="D26097" s="6">
        <v>1627.63</v>
      </c>
      <c r="E26097" s="6">
        <v>571.625</v>
      </c>
    </row>
    <row r="26098" spans="4:5" x14ac:dyDescent="0.25">
      <c r="D26098" s="6">
        <v>542.01679999999999</v>
      </c>
      <c r="E26098" s="6">
        <v>741.17579999999998</v>
      </c>
    </row>
    <row r="26099" spans="4:5" x14ac:dyDescent="0.25">
      <c r="D26099" s="6">
        <v>3837.4340000000002</v>
      </c>
      <c r="E26099" s="6">
        <v>3341</v>
      </c>
    </row>
    <row r="26100" spans="4:5" x14ac:dyDescent="0.25">
      <c r="D26100" s="6">
        <v>5752.4430000000002</v>
      </c>
      <c r="E26100" s="6">
        <v>928.06219999999996</v>
      </c>
    </row>
    <row r="26101" spans="4:5" x14ac:dyDescent="0.25">
      <c r="D26101" s="6">
        <v>3726.4430000000002</v>
      </c>
      <c r="E26101" s="6">
        <v>4748.3360000000002</v>
      </c>
    </row>
    <row r="26102" spans="4:5" x14ac:dyDescent="0.25">
      <c r="D26102" s="6">
        <v>868.44259999999997</v>
      </c>
      <c r="E26102" s="6">
        <v>474.94459999999998</v>
      </c>
    </row>
    <row r="26103" spans="4:5" x14ac:dyDescent="0.25">
      <c r="D26103" s="6">
        <v>2249.877</v>
      </c>
      <c r="E26103" s="6">
        <v>480.3571</v>
      </c>
    </row>
    <row r="26104" spans="4:5" x14ac:dyDescent="0.25">
      <c r="D26104" s="6">
        <v>4187.3779999999997</v>
      </c>
      <c r="E26104" s="6">
        <v>4044.422</v>
      </c>
    </row>
    <row r="26105" spans="4:5" x14ac:dyDescent="0.25">
      <c r="D26105" s="6">
        <v>4194.973</v>
      </c>
      <c r="E26105" s="6">
        <v>927.04179999999997</v>
      </c>
    </row>
    <row r="26106" spans="4:5" x14ac:dyDescent="0.25">
      <c r="D26106" s="6">
        <v>4055.25</v>
      </c>
      <c r="E26106" s="6">
        <v>1018.1420000000001</v>
      </c>
    </row>
    <row r="26107" spans="4:5" x14ac:dyDescent="0.25">
      <c r="D26107" s="6">
        <v>631.0548</v>
      </c>
      <c r="E26107" s="6">
        <v>1029.5160000000001</v>
      </c>
    </row>
    <row r="26108" spans="4:5" x14ac:dyDescent="0.25">
      <c r="D26108" s="6">
        <v>974.5</v>
      </c>
      <c r="E26108" s="6">
        <v>2622.12</v>
      </c>
    </row>
    <row r="26109" spans="4:5" x14ac:dyDescent="0.25">
      <c r="D26109" s="6">
        <v>591.54930000000002</v>
      </c>
      <c r="E26109" s="6">
        <v>3098.0010000000002</v>
      </c>
    </row>
    <row r="26110" spans="4:5" x14ac:dyDescent="0.25">
      <c r="D26110" s="6">
        <v>5476.5630000000001</v>
      </c>
      <c r="E26110" s="6">
        <v>817.58699999999999</v>
      </c>
    </row>
    <row r="26111" spans="4:5" x14ac:dyDescent="0.25">
      <c r="D26111" s="6">
        <v>4318.6260000000002</v>
      </c>
      <c r="E26111" s="6">
        <v>1035.3789999999999</v>
      </c>
    </row>
    <row r="26112" spans="4:5" x14ac:dyDescent="0.25">
      <c r="D26112" s="6">
        <v>1743.681</v>
      </c>
      <c r="E26112" s="6">
        <v>766.23630000000003</v>
      </c>
    </row>
    <row r="26113" spans="4:5" x14ac:dyDescent="0.25">
      <c r="D26113" s="6">
        <v>4511.7520000000004</v>
      </c>
      <c r="E26113" s="6">
        <v>558.20830000000001</v>
      </c>
    </row>
    <row r="26114" spans="4:5" x14ac:dyDescent="0.25">
      <c r="D26114" s="6">
        <v>3837.9140000000002</v>
      </c>
      <c r="E26114" s="6">
        <v>1477.2829999999999</v>
      </c>
    </row>
    <row r="26115" spans="4:5" x14ac:dyDescent="0.25">
      <c r="D26115" s="6">
        <v>647.80200000000002</v>
      </c>
      <c r="E26115" s="6">
        <v>3088.7829999999999</v>
      </c>
    </row>
    <row r="26116" spans="4:5" x14ac:dyDescent="0.25">
      <c r="D26116" s="6">
        <v>4267.4129999999996</v>
      </c>
      <c r="E26116" s="6">
        <v>525.76329999999996</v>
      </c>
    </row>
    <row r="26117" spans="4:5" x14ac:dyDescent="0.25">
      <c r="D26117" s="6">
        <v>563.76919999999996</v>
      </c>
      <c r="E26117" s="6">
        <v>1786.8789999999999</v>
      </c>
    </row>
    <row r="26118" spans="4:5" x14ac:dyDescent="0.25">
      <c r="D26118" s="6">
        <v>644.62890000000004</v>
      </c>
      <c r="E26118" s="6">
        <v>1367.4680000000001</v>
      </c>
    </row>
    <row r="26119" spans="4:5" x14ac:dyDescent="0.25">
      <c r="D26119" s="6">
        <v>2158.33</v>
      </c>
      <c r="E26119" s="6">
        <v>1390.9369999999999</v>
      </c>
    </row>
    <row r="26120" spans="4:5" x14ac:dyDescent="0.25">
      <c r="D26120" s="6">
        <v>2273.11</v>
      </c>
      <c r="E26120" s="6">
        <v>582.96630000000005</v>
      </c>
    </row>
    <row r="26121" spans="4:5" x14ac:dyDescent="0.25">
      <c r="D26121" s="6">
        <v>589.94719999999995</v>
      </c>
      <c r="E26121" s="6">
        <v>535.04690000000005</v>
      </c>
    </row>
    <row r="26122" spans="4:5" x14ac:dyDescent="0.25">
      <c r="D26122" s="6">
        <v>4380.4880000000003</v>
      </c>
      <c r="E26122" s="6">
        <v>2504.4470000000001</v>
      </c>
    </row>
    <row r="26123" spans="4:5" x14ac:dyDescent="0.25">
      <c r="D26123" s="6">
        <v>752.30219999999997</v>
      </c>
      <c r="E26123" s="6">
        <v>1050.7619999999999</v>
      </c>
    </row>
    <row r="26124" spans="4:5" x14ac:dyDescent="0.25">
      <c r="D26124" s="6">
        <v>536.94320000000005</v>
      </c>
      <c r="E26124" s="6">
        <v>4398.982</v>
      </c>
    </row>
    <row r="26125" spans="4:5" x14ac:dyDescent="0.25">
      <c r="D26125" s="6">
        <v>640.00340000000006</v>
      </c>
      <c r="E26125" s="6">
        <v>3559.56</v>
      </c>
    </row>
    <row r="26126" spans="4:5" x14ac:dyDescent="0.25">
      <c r="D26126" s="6">
        <v>790.15279999999996</v>
      </c>
      <c r="E26126" s="6">
        <v>595.2527</v>
      </c>
    </row>
    <row r="26127" spans="4:5" x14ac:dyDescent="0.25">
      <c r="D26127" s="6">
        <v>552.00419999999997</v>
      </c>
      <c r="E26127" s="6">
        <v>2368.44</v>
      </c>
    </row>
    <row r="26128" spans="4:5" x14ac:dyDescent="0.25">
      <c r="D26128" s="6">
        <v>3215.5880000000002</v>
      </c>
      <c r="E26128" s="6">
        <v>4780.3580000000002</v>
      </c>
    </row>
    <row r="26129" spans="4:5" x14ac:dyDescent="0.25">
      <c r="D26129" s="6">
        <v>3538.0419999999999</v>
      </c>
      <c r="E26129" s="6">
        <v>873.54650000000004</v>
      </c>
    </row>
    <row r="26130" spans="4:5" x14ac:dyDescent="0.25">
      <c r="D26130" s="6">
        <v>1346.2760000000001</v>
      </c>
      <c r="E26130" s="6">
        <v>742.15350000000001</v>
      </c>
    </row>
    <row r="26131" spans="4:5" x14ac:dyDescent="0.25">
      <c r="D26131" s="6">
        <v>6057.93</v>
      </c>
      <c r="E26131" s="6">
        <v>590.23209999999995</v>
      </c>
    </row>
    <row r="26132" spans="4:5" x14ac:dyDescent="0.25">
      <c r="D26132" s="6">
        <v>4720.5450000000001</v>
      </c>
      <c r="E26132" s="6">
        <v>758.23180000000002</v>
      </c>
    </row>
    <row r="26133" spans="4:5" x14ac:dyDescent="0.25">
      <c r="D26133" s="6">
        <v>4853.692</v>
      </c>
      <c r="E26133" s="6">
        <v>3795.79</v>
      </c>
    </row>
    <row r="26134" spans="4:5" x14ac:dyDescent="0.25">
      <c r="D26134" s="6">
        <v>1204.902</v>
      </c>
      <c r="E26134" s="6">
        <v>4447.4589999999998</v>
      </c>
    </row>
    <row r="26135" spans="4:5" x14ac:dyDescent="0.25">
      <c r="D26135" s="6">
        <v>730.15700000000004</v>
      </c>
      <c r="E26135" s="6">
        <v>1134.7529999999999</v>
      </c>
    </row>
    <row r="26136" spans="4:5" x14ac:dyDescent="0.25">
      <c r="D26136" s="6">
        <v>433.95170000000002</v>
      </c>
      <c r="E26136" s="6">
        <v>6532.6360000000004</v>
      </c>
    </row>
    <row r="26137" spans="4:5" x14ac:dyDescent="0.25">
      <c r="D26137" s="6">
        <v>5706.3010000000004</v>
      </c>
      <c r="E26137" s="6">
        <v>553.06560000000002</v>
      </c>
    </row>
    <row r="26138" spans="4:5" x14ac:dyDescent="0.25">
      <c r="D26138" s="6">
        <v>577.06079999999997</v>
      </c>
      <c r="E26138" s="6">
        <v>4670.1869999999999</v>
      </c>
    </row>
    <row r="26139" spans="4:5" x14ac:dyDescent="0.25">
      <c r="D26139" s="6">
        <v>3589.0680000000002</v>
      </c>
      <c r="E26139" s="6">
        <v>649.56169999999997</v>
      </c>
    </row>
    <row r="26140" spans="4:5" x14ac:dyDescent="0.25">
      <c r="D26140" s="6">
        <v>561.57339999999999</v>
      </c>
      <c r="E26140" s="6">
        <v>981.57119999999998</v>
      </c>
    </row>
    <row r="26141" spans="4:5" x14ac:dyDescent="0.25">
      <c r="D26141" s="6">
        <v>4366.1549999999997</v>
      </c>
      <c r="E26141" s="6">
        <v>1144.799</v>
      </c>
    </row>
    <row r="26142" spans="4:5" x14ac:dyDescent="0.25">
      <c r="D26142" s="6">
        <v>586.64739999999995</v>
      </c>
      <c r="E26142" s="6">
        <v>3770.95</v>
      </c>
    </row>
    <row r="26143" spans="4:5" x14ac:dyDescent="0.25">
      <c r="D26143" s="6">
        <v>3574.7730000000001</v>
      </c>
      <c r="E26143" s="6">
        <v>2179.797</v>
      </c>
    </row>
    <row r="26144" spans="4:5" x14ac:dyDescent="0.25">
      <c r="D26144" s="6">
        <v>4233.7529999999997</v>
      </c>
      <c r="E26144" s="6">
        <v>921.12950000000001</v>
      </c>
    </row>
    <row r="26145" spans="4:5" x14ac:dyDescent="0.25">
      <c r="D26145" s="6">
        <v>2044.67</v>
      </c>
      <c r="E26145" s="6">
        <v>3649.0680000000002</v>
      </c>
    </row>
    <row r="26146" spans="4:5" x14ac:dyDescent="0.25">
      <c r="D26146" s="6">
        <v>600.21019999999999</v>
      </c>
      <c r="E26146" s="6">
        <v>635.56079999999997</v>
      </c>
    </row>
    <row r="26147" spans="4:5" x14ac:dyDescent="0.25">
      <c r="D26147" s="6">
        <v>1707.2149999999999</v>
      </c>
      <c r="E26147" s="6">
        <v>1069.596</v>
      </c>
    </row>
    <row r="26148" spans="4:5" x14ac:dyDescent="0.25">
      <c r="D26148" s="6">
        <v>3488.049</v>
      </c>
      <c r="E26148" s="6">
        <v>889.86980000000005</v>
      </c>
    </row>
    <row r="26149" spans="4:5" x14ac:dyDescent="0.25">
      <c r="D26149" s="6">
        <v>803.8877</v>
      </c>
      <c r="E26149" s="6">
        <v>1194.8620000000001</v>
      </c>
    </row>
    <row r="26150" spans="4:5" x14ac:dyDescent="0.25">
      <c r="D26150" s="6">
        <v>9308.5</v>
      </c>
      <c r="E26150" s="6">
        <v>750.80250000000001</v>
      </c>
    </row>
    <row r="26151" spans="4:5" x14ac:dyDescent="0.25">
      <c r="D26151" s="6">
        <v>3714.1840000000002</v>
      </c>
      <c r="E26151" s="6">
        <v>592.40790000000004</v>
      </c>
    </row>
    <row r="26152" spans="4:5" x14ac:dyDescent="0.25">
      <c r="D26152" s="6">
        <v>3641.0329999999999</v>
      </c>
      <c r="E26152" s="6">
        <v>1458.3440000000001</v>
      </c>
    </row>
    <row r="26153" spans="4:5" x14ac:dyDescent="0.25">
      <c r="D26153" s="6">
        <v>604.19280000000003</v>
      </c>
      <c r="E26153" s="6">
        <v>586.274</v>
      </c>
    </row>
    <row r="26154" spans="4:5" x14ac:dyDescent="0.25">
      <c r="D26154" s="6">
        <v>711.18550000000005</v>
      </c>
      <c r="E26154" s="6">
        <v>1302.373</v>
      </c>
    </row>
    <row r="26155" spans="4:5" x14ac:dyDescent="0.25">
      <c r="D26155" s="6">
        <v>586.25869999999998</v>
      </c>
      <c r="E26155" s="6">
        <v>1755.8050000000001</v>
      </c>
    </row>
    <row r="26156" spans="4:5" x14ac:dyDescent="0.25">
      <c r="D26156" s="6">
        <v>3517.422</v>
      </c>
      <c r="E26156" s="6">
        <v>613.28890000000001</v>
      </c>
    </row>
    <row r="26157" spans="4:5" x14ac:dyDescent="0.25">
      <c r="D26157" s="6">
        <v>4138.6909999999998</v>
      </c>
      <c r="E26157" s="6">
        <v>774.55179999999996</v>
      </c>
    </row>
    <row r="26158" spans="4:5" x14ac:dyDescent="0.25">
      <c r="D26158" s="6">
        <v>893.49699999999996</v>
      </c>
      <c r="E26158" s="6">
        <v>3755.4720000000002</v>
      </c>
    </row>
    <row r="26159" spans="4:5" x14ac:dyDescent="0.25">
      <c r="D26159" s="6">
        <v>842.13990000000001</v>
      </c>
      <c r="E26159" s="6">
        <v>3922.2249999999999</v>
      </c>
    </row>
    <row r="26160" spans="4:5" x14ac:dyDescent="0.25">
      <c r="D26160" s="6">
        <v>4634.3720000000003</v>
      </c>
      <c r="E26160" s="6">
        <v>945.65920000000006</v>
      </c>
    </row>
    <row r="26161" spans="4:5" x14ac:dyDescent="0.25">
      <c r="D26161" s="6">
        <v>3823.0619999999999</v>
      </c>
      <c r="E26161" s="6">
        <v>586.33199999999999</v>
      </c>
    </row>
    <row r="26162" spans="4:5" x14ac:dyDescent="0.25">
      <c r="D26162" s="6">
        <v>5162.24</v>
      </c>
      <c r="E26162" s="6">
        <v>1218.751</v>
      </c>
    </row>
    <row r="26163" spans="4:5" x14ac:dyDescent="0.25">
      <c r="D26163" s="6">
        <v>553.38080000000002</v>
      </c>
      <c r="E26163" s="6">
        <v>607.89710000000002</v>
      </c>
    </row>
    <row r="26164" spans="4:5" x14ac:dyDescent="0.25">
      <c r="D26164" s="6">
        <v>1158.2670000000001</v>
      </c>
      <c r="E26164" s="6">
        <v>2088.0659999999998</v>
      </c>
    </row>
    <row r="26165" spans="4:5" x14ac:dyDescent="0.25">
      <c r="D26165" s="6">
        <v>4221.4340000000002</v>
      </c>
      <c r="E26165" s="6">
        <v>449.92340000000002</v>
      </c>
    </row>
    <row r="26166" spans="4:5" x14ac:dyDescent="0.25">
      <c r="D26166" s="6">
        <v>609.53859999999997</v>
      </c>
      <c r="E26166" s="6">
        <v>1051.4449999999999</v>
      </c>
    </row>
    <row r="26167" spans="4:5" x14ac:dyDescent="0.25">
      <c r="D26167" s="6">
        <v>553.66430000000003</v>
      </c>
      <c r="E26167" s="6">
        <v>4492.5339999999997</v>
      </c>
    </row>
    <row r="26168" spans="4:5" x14ac:dyDescent="0.25">
      <c r="D26168" s="6">
        <v>2279.8490000000002</v>
      </c>
      <c r="E26168" s="6">
        <v>928.57169999999996</v>
      </c>
    </row>
    <row r="26169" spans="4:5" x14ac:dyDescent="0.25">
      <c r="D26169" s="6">
        <v>1402.548</v>
      </c>
      <c r="E26169" s="6">
        <v>3393.1750000000002</v>
      </c>
    </row>
    <row r="26170" spans="4:5" x14ac:dyDescent="0.25">
      <c r="D26170" s="6">
        <v>1167.5709999999999</v>
      </c>
      <c r="E26170" s="6">
        <v>1384.3030000000001</v>
      </c>
    </row>
    <row r="26171" spans="4:5" x14ac:dyDescent="0.25">
      <c r="D26171" s="6">
        <v>567.70799999999997</v>
      </c>
      <c r="E26171" s="6">
        <v>834.25739999999996</v>
      </c>
    </row>
    <row r="26172" spans="4:5" x14ac:dyDescent="0.25">
      <c r="D26172" s="6">
        <v>587.18979999999999</v>
      </c>
      <c r="E26172" s="6">
        <v>3989.0880000000002</v>
      </c>
    </row>
    <row r="26173" spans="4:5" x14ac:dyDescent="0.25">
      <c r="D26173" s="6">
        <v>722.68320000000006</v>
      </c>
      <c r="E26173" s="6">
        <v>514.83330000000001</v>
      </c>
    </row>
    <row r="26174" spans="4:5" x14ac:dyDescent="0.25">
      <c r="D26174" s="6">
        <v>3517.9810000000002</v>
      </c>
      <c r="E26174" s="6">
        <v>657.52459999999996</v>
      </c>
    </row>
    <row r="26175" spans="4:5" x14ac:dyDescent="0.25">
      <c r="D26175" s="6">
        <v>1739.23</v>
      </c>
      <c r="E26175" s="6">
        <v>1569.713</v>
      </c>
    </row>
    <row r="26176" spans="4:5" x14ac:dyDescent="0.25">
      <c r="D26176" s="6">
        <v>561.85</v>
      </c>
      <c r="E26176" s="6">
        <v>3414.9569999999999</v>
      </c>
    </row>
    <row r="26177" spans="4:5" x14ac:dyDescent="0.25">
      <c r="D26177" s="6">
        <v>506.6311</v>
      </c>
      <c r="E26177" s="6">
        <v>4650.9799999999996</v>
      </c>
    </row>
    <row r="26178" spans="4:5" x14ac:dyDescent="0.25">
      <c r="D26178" s="6">
        <v>712.53279999999995</v>
      </c>
      <c r="E26178" s="6">
        <v>515.27160000000003</v>
      </c>
    </row>
    <row r="26179" spans="4:5" x14ac:dyDescent="0.25">
      <c r="D26179" s="6">
        <v>1228.76</v>
      </c>
      <c r="E26179" s="6">
        <v>2017.1389999999999</v>
      </c>
    </row>
    <row r="26180" spans="4:5" x14ac:dyDescent="0.25">
      <c r="D26180" s="6">
        <v>614.72119999999995</v>
      </c>
      <c r="E26180" s="6">
        <v>1289.6199999999999</v>
      </c>
    </row>
    <row r="26181" spans="4:5" x14ac:dyDescent="0.25">
      <c r="D26181" s="6">
        <v>535.90229999999997</v>
      </c>
      <c r="E26181" s="6">
        <v>984.23249999999996</v>
      </c>
    </row>
    <row r="26182" spans="4:5" x14ac:dyDescent="0.25">
      <c r="D26182" s="6">
        <v>570.33119999999997</v>
      </c>
      <c r="E26182" s="6">
        <v>1114.5319999999999</v>
      </c>
    </row>
    <row r="26183" spans="4:5" x14ac:dyDescent="0.25">
      <c r="D26183" s="6">
        <v>1184.5899999999999</v>
      </c>
      <c r="E26183" s="6">
        <v>503.85140000000001</v>
      </c>
    </row>
    <row r="26184" spans="4:5" x14ac:dyDescent="0.25">
      <c r="D26184" s="6">
        <v>526.90419999999995</v>
      </c>
      <c r="E26184" s="6">
        <v>1127.703</v>
      </c>
    </row>
    <row r="26185" spans="4:5" x14ac:dyDescent="0.25">
      <c r="D26185" s="6">
        <v>955.7</v>
      </c>
      <c r="E26185" s="6">
        <v>1331.7139999999999</v>
      </c>
    </row>
    <row r="26186" spans="4:5" x14ac:dyDescent="0.25">
      <c r="D26186" s="6">
        <v>1434.6759999999999</v>
      </c>
      <c r="E26186" s="6">
        <v>2319.6320000000001</v>
      </c>
    </row>
    <row r="26187" spans="4:5" x14ac:dyDescent="0.25">
      <c r="D26187" s="6">
        <v>1018.309</v>
      </c>
      <c r="E26187" s="6">
        <v>1148.4079999999999</v>
      </c>
    </row>
    <row r="26188" spans="4:5" x14ac:dyDescent="0.25">
      <c r="D26188" s="6">
        <v>3124.8310000000001</v>
      </c>
      <c r="E26188" s="6">
        <v>1965.9280000000001</v>
      </c>
    </row>
    <row r="26189" spans="4:5" x14ac:dyDescent="0.25">
      <c r="D26189" s="6">
        <v>1680.7360000000001</v>
      </c>
      <c r="E26189" s="6">
        <v>1156.9929999999999</v>
      </c>
    </row>
    <row r="26190" spans="4:5" x14ac:dyDescent="0.25">
      <c r="D26190" s="6">
        <v>1282.4000000000001</v>
      </c>
      <c r="E26190" s="6">
        <v>922.06349999999998</v>
      </c>
    </row>
    <row r="26191" spans="4:5" x14ac:dyDescent="0.25">
      <c r="D26191" s="6">
        <v>598.60670000000005</v>
      </c>
      <c r="E26191" s="6">
        <v>2240.62</v>
      </c>
    </row>
    <row r="26192" spans="4:5" x14ac:dyDescent="0.25">
      <c r="D26192" s="6">
        <v>4317.2650000000003</v>
      </c>
      <c r="E26192" s="6">
        <v>499.69049999999999</v>
      </c>
    </row>
    <row r="26193" spans="4:5" x14ac:dyDescent="0.25">
      <c r="D26193" s="6">
        <v>4951.6040000000003</v>
      </c>
      <c r="E26193" s="6">
        <v>1164.2750000000001</v>
      </c>
    </row>
    <row r="26194" spans="4:5" x14ac:dyDescent="0.25">
      <c r="D26194" s="6">
        <v>6866.6369999999997</v>
      </c>
      <c r="E26194" s="6">
        <v>509.13220000000001</v>
      </c>
    </row>
    <row r="26195" spans="4:5" x14ac:dyDescent="0.25">
      <c r="D26195" s="6">
        <v>725.03779999999995</v>
      </c>
      <c r="E26195" s="6">
        <v>2579.8449999999998</v>
      </c>
    </row>
    <row r="26196" spans="4:5" x14ac:dyDescent="0.25">
      <c r="D26196" s="6">
        <v>529.96749999999997</v>
      </c>
      <c r="E26196" s="6">
        <v>1081.075</v>
      </c>
    </row>
    <row r="26197" spans="4:5" x14ac:dyDescent="0.25">
      <c r="D26197" s="6">
        <v>578.60270000000003</v>
      </c>
      <c r="E26197" s="6">
        <v>2793.2130000000002</v>
      </c>
    </row>
    <row r="26198" spans="4:5" x14ac:dyDescent="0.25">
      <c r="D26198" s="6">
        <v>1262.163</v>
      </c>
      <c r="E26198" s="6">
        <v>926.84839999999997</v>
      </c>
    </row>
    <row r="26199" spans="4:5" x14ac:dyDescent="0.25">
      <c r="D26199" s="6">
        <v>3090.3240000000001</v>
      </c>
      <c r="E26199" s="6">
        <v>1658.2650000000001</v>
      </c>
    </row>
    <row r="26200" spans="4:5" x14ac:dyDescent="0.25">
      <c r="D26200" s="6">
        <v>669.54259999999999</v>
      </c>
      <c r="E26200" s="6">
        <v>1147.53</v>
      </c>
    </row>
    <row r="26201" spans="4:5" x14ac:dyDescent="0.25">
      <c r="D26201" s="6">
        <v>3925.5889999999999</v>
      </c>
      <c r="E26201" s="6">
        <v>3039.5830000000001</v>
      </c>
    </row>
    <row r="26202" spans="4:5" x14ac:dyDescent="0.25">
      <c r="D26202" s="6">
        <v>543.41120000000001</v>
      </c>
      <c r="E26202" s="6">
        <v>668.60220000000004</v>
      </c>
    </row>
    <row r="26203" spans="4:5" x14ac:dyDescent="0.25">
      <c r="D26203" s="6">
        <v>899.33950000000004</v>
      </c>
      <c r="E26203" s="6">
        <v>4412.2749999999996</v>
      </c>
    </row>
    <row r="26204" spans="4:5" x14ac:dyDescent="0.25">
      <c r="D26204" s="6">
        <v>479.94229999999999</v>
      </c>
      <c r="E26204" s="6">
        <v>5601.9620000000004</v>
      </c>
    </row>
    <row r="26205" spans="4:5" x14ac:dyDescent="0.25">
      <c r="D26205" s="6">
        <v>3858.4749999999999</v>
      </c>
      <c r="E26205" s="6">
        <v>574.19650000000001</v>
      </c>
    </row>
    <row r="26206" spans="4:5" x14ac:dyDescent="0.25">
      <c r="D26206" s="6">
        <v>743.86670000000004</v>
      </c>
      <c r="E26206" s="6">
        <v>1296.5340000000001</v>
      </c>
    </row>
    <row r="26207" spans="4:5" x14ac:dyDescent="0.25">
      <c r="D26207" s="6">
        <v>1957.2950000000001</v>
      </c>
      <c r="E26207" s="6">
        <v>616.19560000000001</v>
      </c>
    </row>
    <row r="26208" spans="4:5" x14ac:dyDescent="0.25">
      <c r="D26208" s="6">
        <v>2030.663</v>
      </c>
      <c r="E26208" s="6">
        <v>1011.942</v>
      </c>
    </row>
    <row r="26209" spans="4:5" x14ac:dyDescent="0.25">
      <c r="D26209" s="6">
        <v>549.85519999999997</v>
      </c>
      <c r="E26209" s="6">
        <v>694.14049999999997</v>
      </c>
    </row>
    <row r="26210" spans="4:5" x14ac:dyDescent="0.25">
      <c r="D26210" s="6">
        <v>913.83330000000001</v>
      </c>
      <c r="E26210" s="6">
        <v>493.80360000000002</v>
      </c>
    </row>
    <row r="26211" spans="4:5" x14ac:dyDescent="0.25">
      <c r="D26211" s="6">
        <v>228.77250000000001</v>
      </c>
      <c r="E26211" s="6">
        <v>654.80709999999999</v>
      </c>
    </row>
    <row r="26212" spans="4:5" x14ac:dyDescent="0.25">
      <c r="D26212" s="6">
        <v>573.60860000000002</v>
      </c>
      <c r="E26212" s="6">
        <v>533.72749999999996</v>
      </c>
    </row>
    <row r="26213" spans="4:5" x14ac:dyDescent="0.25">
      <c r="D26213" s="6">
        <v>464.97469999999998</v>
      </c>
      <c r="E26213" s="6">
        <v>732.69280000000003</v>
      </c>
    </row>
    <row r="26214" spans="4:5" x14ac:dyDescent="0.25">
      <c r="D26214" s="6">
        <v>457.69740000000002</v>
      </c>
      <c r="E26214" s="6">
        <v>1910.5060000000001</v>
      </c>
    </row>
    <row r="26215" spans="4:5" x14ac:dyDescent="0.25">
      <c r="D26215" s="6">
        <v>648.11620000000005</v>
      </c>
      <c r="E26215" s="6">
        <v>923.06650000000002</v>
      </c>
    </row>
    <row r="26216" spans="4:5" x14ac:dyDescent="0.25">
      <c r="D26216" s="6">
        <v>4908.22</v>
      </c>
      <c r="E26216" s="6">
        <v>2590.5149999999999</v>
      </c>
    </row>
    <row r="26217" spans="4:5" x14ac:dyDescent="0.25">
      <c r="D26217" s="6">
        <v>500.66829999999999</v>
      </c>
      <c r="E26217" s="6">
        <v>1523.787</v>
      </c>
    </row>
    <row r="26218" spans="4:5" x14ac:dyDescent="0.25">
      <c r="D26218" s="6">
        <v>1776.768</v>
      </c>
      <c r="E26218" s="6">
        <v>5093.2950000000001</v>
      </c>
    </row>
    <row r="26219" spans="4:5" x14ac:dyDescent="0.25">
      <c r="D26219" s="6">
        <v>658.10090000000002</v>
      </c>
      <c r="E26219" s="6">
        <v>1226.2940000000001</v>
      </c>
    </row>
    <row r="26220" spans="4:5" x14ac:dyDescent="0.25">
      <c r="D26220" s="6">
        <v>3454.7620000000002</v>
      </c>
      <c r="E26220" s="6">
        <v>3915.2759999999998</v>
      </c>
    </row>
    <row r="26221" spans="4:5" x14ac:dyDescent="0.25">
      <c r="D26221" s="6">
        <v>4639.799</v>
      </c>
      <c r="E26221" s="6">
        <v>1623.5360000000001</v>
      </c>
    </row>
    <row r="26222" spans="4:5" x14ac:dyDescent="0.25">
      <c r="D26222" s="6">
        <v>2106.63</v>
      </c>
      <c r="E26222" s="6">
        <v>1004.577</v>
      </c>
    </row>
    <row r="26223" spans="4:5" x14ac:dyDescent="0.25">
      <c r="D26223" s="6">
        <v>576.02539999999999</v>
      </c>
      <c r="E26223" s="6">
        <v>496.62979999999999</v>
      </c>
    </row>
    <row r="26224" spans="4:5" x14ac:dyDescent="0.25">
      <c r="D26224" s="6">
        <v>1372.779</v>
      </c>
      <c r="E26224" s="6">
        <v>860.40930000000003</v>
      </c>
    </row>
    <row r="26225" spans="4:5" x14ac:dyDescent="0.25">
      <c r="D26225" s="6">
        <v>544.56140000000005</v>
      </c>
      <c r="E26225" s="6">
        <v>1421.0509999999999</v>
      </c>
    </row>
    <row r="26226" spans="4:5" x14ac:dyDescent="0.25">
      <c r="D26226" s="6">
        <v>521.61919999999998</v>
      </c>
      <c r="E26226" s="6">
        <v>1054.951</v>
      </c>
    </row>
    <row r="26227" spans="4:5" x14ac:dyDescent="0.25">
      <c r="D26227" s="6">
        <v>1935.598</v>
      </c>
      <c r="E26227" s="6">
        <v>2123.1990000000001</v>
      </c>
    </row>
    <row r="26228" spans="4:5" x14ac:dyDescent="0.25">
      <c r="D26228" s="6">
        <v>727.54520000000002</v>
      </c>
      <c r="E26228" s="6">
        <v>627.54070000000002</v>
      </c>
    </row>
    <row r="26229" spans="4:5" x14ac:dyDescent="0.25">
      <c r="D26229" s="6">
        <v>4796.7349999999997</v>
      </c>
      <c r="E26229" s="6">
        <v>656.34749999999997</v>
      </c>
    </row>
    <row r="26230" spans="4:5" x14ac:dyDescent="0.25">
      <c r="D26230" s="6">
        <v>1272.8599999999999</v>
      </c>
      <c r="E26230" s="6">
        <v>5105.2650000000003</v>
      </c>
    </row>
    <row r="26231" spans="4:5" x14ac:dyDescent="0.25">
      <c r="D26231" s="6">
        <v>727.0498</v>
      </c>
      <c r="E26231" s="6">
        <v>600.45590000000004</v>
      </c>
    </row>
    <row r="26232" spans="4:5" x14ac:dyDescent="0.25">
      <c r="D26232" s="6">
        <v>1048.627</v>
      </c>
      <c r="E26232" s="6">
        <v>985.77419999999995</v>
      </c>
    </row>
    <row r="26233" spans="4:5" x14ac:dyDescent="0.25">
      <c r="D26233" s="6">
        <v>4211.0050000000001</v>
      </c>
      <c r="E26233" s="6">
        <v>1015.103</v>
      </c>
    </row>
    <row r="26234" spans="4:5" x14ac:dyDescent="0.25">
      <c r="D26234" s="6">
        <v>569.31600000000003</v>
      </c>
      <c r="E26234" s="6">
        <v>635.94159999999999</v>
      </c>
    </row>
    <row r="26235" spans="4:5" x14ac:dyDescent="0.25">
      <c r="D26235" s="6">
        <v>663.88390000000004</v>
      </c>
      <c r="E26235" s="6">
        <v>607.58619999999996</v>
      </c>
    </row>
    <row r="26236" spans="4:5" x14ac:dyDescent="0.25">
      <c r="D26236" s="6">
        <v>3058.9850000000001</v>
      </c>
      <c r="E26236" s="6">
        <v>1270.7080000000001</v>
      </c>
    </row>
    <row r="26237" spans="4:5" x14ac:dyDescent="0.25">
      <c r="D26237" s="6">
        <v>539.63689999999997</v>
      </c>
      <c r="E26237" s="6">
        <v>650.51340000000005</v>
      </c>
    </row>
    <row r="26238" spans="4:5" x14ac:dyDescent="0.25">
      <c r="D26238" s="6">
        <v>1568.5329999999999</v>
      </c>
      <c r="E26238" s="6">
        <v>1741.7460000000001</v>
      </c>
    </row>
    <row r="26239" spans="4:5" x14ac:dyDescent="0.25">
      <c r="D26239" s="6">
        <v>4076.2080000000001</v>
      </c>
      <c r="E26239" s="6">
        <v>1888.6079999999999</v>
      </c>
    </row>
    <row r="26240" spans="4:5" x14ac:dyDescent="0.25">
      <c r="D26240" s="6">
        <v>1870.027</v>
      </c>
      <c r="E26240" s="6">
        <v>1399.1669999999999</v>
      </c>
    </row>
    <row r="26241" spans="4:5" x14ac:dyDescent="0.25">
      <c r="D26241" s="6">
        <v>570.77739999999994</v>
      </c>
      <c r="E26241" s="6">
        <v>907.125</v>
      </c>
    </row>
    <row r="26242" spans="4:5" x14ac:dyDescent="0.25">
      <c r="D26242" s="6">
        <v>661.24680000000001</v>
      </c>
      <c r="E26242" s="6">
        <v>1423.3150000000001</v>
      </c>
    </row>
    <row r="26243" spans="4:5" x14ac:dyDescent="0.25">
      <c r="D26243" s="6">
        <v>1302.5940000000001</v>
      </c>
      <c r="E26243" s="6">
        <v>524.03340000000003</v>
      </c>
    </row>
    <row r="26244" spans="4:5" x14ac:dyDescent="0.25">
      <c r="D26244" s="6">
        <v>1168.921</v>
      </c>
      <c r="E26244" s="6">
        <v>4013.82</v>
      </c>
    </row>
    <row r="26245" spans="4:5" x14ac:dyDescent="0.25">
      <c r="D26245" s="6">
        <v>1043.9970000000001</v>
      </c>
      <c r="E26245" s="6">
        <v>622.15800000000002</v>
      </c>
    </row>
    <row r="26246" spans="4:5" x14ac:dyDescent="0.25">
      <c r="D26246" s="6">
        <v>719.39890000000003</v>
      </c>
      <c r="E26246" s="6">
        <v>514.21140000000003</v>
      </c>
    </row>
    <row r="26247" spans="4:5" x14ac:dyDescent="0.25">
      <c r="D26247" s="6">
        <v>1834.499</v>
      </c>
      <c r="E26247" s="6">
        <v>1126.8219999999999</v>
      </c>
    </row>
    <row r="26248" spans="4:5" x14ac:dyDescent="0.25">
      <c r="D26248" s="6">
        <v>4809.1170000000002</v>
      </c>
      <c r="E26248" s="6">
        <v>512.41920000000005</v>
      </c>
    </row>
    <row r="26249" spans="4:5" x14ac:dyDescent="0.25">
      <c r="D26249" s="6">
        <v>3710.5439999999999</v>
      </c>
      <c r="E26249" s="6">
        <v>2701.857</v>
      </c>
    </row>
    <row r="26250" spans="4:5" x14ac:dyDescent="0.25">
      <c r="D26250" s="6">
        <v>3605.6669999999999</v>
      </c>
      <c r="E26250" s="6">
        <v>540.38679999999999</v>
      </c>
    </row>
    <row r="26251" spans="4:5" x14ac:dyDescent="0.25">
      <c r="D26251" s="6">
        <v>2585.3530000000001</v>
      </c>
      <c r="E26251" s="6">
        <v>724.18370000000004</v>
      </c>
    </row>
    <row r="26252" spans="4:5" x14ac:dyDescent="0.25">
      <c r="D26252" s="6">
        <v>3649.2779999999998</v>
      </c>
      <c r="E26252" s="6">
        <v>2855.3539999999998</v>
      </c>
    </row>
    <row r="26253" spans="4:5" x14ac:dyDescent="0.25">
      <c r="D26253" s="6">
        <v>6013.91</v>
      </c>
      <c r="E26253" s="6">
        <v>1015.48</v>
      </c>
    </row>
    <row r="26254" spans="4:5" x14ac:dyDescent="0.25">
      <c r="D26254" s="6">
        <v>1139.981</v>
      </c>
      <c r="E26254" s="6">
        <v>473.24610000000001</v>
      </c>
    </row>
    <row r="26255" spans="4:5" x14ac:dyDescent="0.25">
      <c r="D26255" s="6">
        <v>688.84280000000001</v>
      </c>
      <c r="E26255" s="6">
        <v>2255.761</v>
      </c>
    </row>
    <row r="26256" spans="4:5" x14ac:dyDescent="0.25">
      <c r="D26256" s="6">
        <v>558.82270000000005</v>
      </c>
      <c r="E26256" s="6">
        <v>534.12549999999999</v>
      </c>
    </row>
    <row r="26257" spans="4:5" x14ac:dyDescent="0.25">
      <c r="D26257" s="6">
        <v>2825.97</v>
      </c>
      <c r="E26257" s="6">
        <v>1760.7639999999999</v>
      </c>
    </row>
    <row r="26258" spans="4:5" x14ac:dyDescent="0.25">
      <c r="D26258" s="6">
        <v>1610.921</v>
      </c>
      <c r="E26258" s="6">
        <v>693.55219999999997</v>
      </c>
    </row>
    <row r="26259" spans="4:5" x14ac:dyDescent="0.25">
      <c r="D26259" s="6">
        <v>543.39300000000003</v>
      </c>
      <c r="E26259" s="6">
        <v>1123.876</v>
      </c>
    </row>
    <row r="26260" spans="4:5" x14ac:dyDescent="0.25">
      <c r="D26260" s="6">
        <v>2448.2330000000002</v>
      </c>
      <c r="E26260" s="6">
        <v>2571.5329999999999</v>
      </c>
    </row>
    <row r="26261" spans="4:5" x14ac:dyDescent="0.25">
      <c r="D26261" s="6">
        <v>3806.4349999999999</v>
      </c>
      <c r="E26261" s="6">
        <v>1032.7370000000001</v>
      </c>
    </row>
    <row r="26262" spans="4:5" x14ac:dyDescent="0.25">
      <c r="D26262" s="6">
        <v>2579.8679999999999</v>
      </c>
      <c r="E26262" s="6">
        <v>996.47940000000006</v>
      </c>
    </row>
    <row r="26263" spans="4:5" x14ac:dyDescent="0.25">
      <c r="D26263" s="6">
        <v>808.59119999999996</v>
      </c>
      <c r="E26263" s="6">
        <v>906.94219999999996</v>
      </c>
    </row>
    <row r="26264" spans="4:5" x14ac:dyDescent="0.25">
      <c r="D26264" s="6">
        <v>994.45330000000001</v>
      </c>
      <c r="E26264" s="6">
        <v>4771.509</v>
      </c>
    </row>
    <row r="26265" spans="4:5" x14ac:dyDescent="0.25">
      <c r="D26265" s="6">
        <v>1600.893</v>
      </c>
      <c r="E26265" s="6">
        <v>580.71310000000005</v>
      </c>
    </row>
    <row r="26266" spans="4:5" x14ac:dyDescent="0.25">
      <c r="D26266" s="6">
        <v>1591.7619999999999</v>
      </c>
      <c r="E26266" s="6">
        <v>1162.6669999999999</v>
      </c>
    </row>
    <row r="26267" spans="4:5" x14ac:dyDescent="0.25">
      <c r="D26267" s="6">
        <v>3765.8739999999998</v>
      </c>
      <c r="E26267" s="6">
        <v>691.86239999999998</v>
      </c>
    </row>
    <row r="26268" spans="4:5" x14ac:dyDescent="0.25">
      <c r="D26268" s="6">
        <v>3722.056</v>
      </c>
      <c r="E26268" s="6">
        <v>1007.143</v>
      </c>
    </row>
    <row r="26269" spans="4:5" x14ac:dyDescent="0.25">
      <c r="D26269" s="6">
        <v>487.25</v>
      </c>
      <c r="E26269" s="6">
        <v>1281.3130000000001</v>
      </c>
    </row>
    <row r="26270" spans="4:5" x14ac:dyDescent="0.25">
      <c r="D26270" s="6">
        <v>590</v>
      </c>
      <c r="E26270" s="6">
        <v>925.65480000000002</v>
      </c>
    </row>
    <row r="26271" spans="4:5" x14ac:dyDescent="0.25">
      <c r="D26271" s="6">
        <v>661.30380000000002</v>
      </c>
      <c r="E26271" s="6">
        <v>1654.8789999999999</v>
      </c>
    </row>
    <row r="26272" spans="4:5" x14ac:dyDescent="0.25">
      <c r="D26272" s="6">
        <v>3952.8980000000001</v>
      </c>
      <c r="E26272" s="6">
        <v>505.6891</v>
      </c>
    </row>
    <row r="26273" spans="4:5" x14ac:dyDescent="0.25">
      <c r="D26273" s="6">
        <v>4381.9719999999998</v>
      </c>
      <c r="E26273" s="6">
        <v>2648.5430000000001</v>
      </c>
    </row>
    <row r="26274" spans="4:5" x14ac:dyDescent="0.25">
      <c r="D26274" s="6">
        <v>611.64649999999995</v>
      </c>
      <c r="E26274" s="6">
        <v>628.82140000000004</v>
      </c>
    </row>
    <row r="26275" spans="4:5" x14ac:dyDescent="0.25">
      <c r="D26275" s="6">
        <v>4857.2790000000005</v>
      </c>
      <c r="E26275" s="6">
        <v>2078.636</v>
      </c>
    </row>
    <row r="26276" spans="4:5" x14ac:dyDescent="0.25">
      <c r="D26276" s="6">
        <v>665.75</v>
      </c>
      <c r="E26276" s="6">
        <v>1973.3789999999999</v>
      </c>
    </row>
    <row r="26277" spans="4:5" x14ac:dyDescent="0.25">
      <c r="D26277" s="6">
        <v>5105.5860000000002</v>
      </c>
      <c r="E26277" s="6">
        <v>994.42259999999999</v>
      </c>
    </row>
    <row r="26278" spans="4:5" x14ac:dyDescent="0.25">
      <c r="D26278" s="6">
        <v>1039.777</v>
      </c>
      <c r="E26278" s="6">
        <v>1027.42</v>
      </c>
    </row>
    <row r="26279" spans="4:5" x14ac:dyDescent="0.25">
      <c r="D26279" s="6">
        <v>483.05619999999999</v>
      </c>
      <c r="E26279" s="6">
        <v>1315.8910000000001</v>
      </c>
    </row>
    <row r="26280" spans="4:5" x14ac:dyDescent="0.25">
      <c r="D26280" s="6">
        <v>578.36509999999998</v>
      </c>
      <c r="E26280" s="6">
        <v>490.84620000000001</v>
      </c>
    </row>
    <row r="26281" spans="4:5" x14ac:dyDescent="0.25">
      <c r="D26281" s="6">
        <v>4356.232</v>
      </c>
      <c r="E26281" s="6">
        <v>642.26959999999997</v>
      </c>
    </row>
    <row r="26282" spans="4:5" x14ac:dyDescent="0.25">
      <c r="D26282" s="6">
        <v>868.71979999999996</v>
      </c>
      <c r="E26282" s="6">
        <v>1911.0229999999999</v>
      </c>
    </row>
    <row r="26283" spans="4:5" x14ac:dyDescent="0.25">
      <c r="D26283" s="6">
        <v>1494.289</v>
      </c>
      <c r="E26283" s="6">
        <v>1279.2809999999999</v>
      </c>
    </row>
    <row r="26284" spans="4:5" x14ac:dyDescent="0.25">
      <c r="D26284" s="6">
        <v>3453.355</v>
      </c>
      <c r="E26284" s="6">
        <v>458.8</v>
      </c>
    </row>
    <row r="26285" spans="4:5" x14ac:dyDescent="0.25">
      <c r="D26285" s="6">
        <v>866.52530000000002</v>
      </c>
      <c r="E26285" s="6">
        <v>3712.2069999999999</v>
      </c>
    </row>
    <row r="26286" spans="4:5" x14ac:dyDescent="0.25">
      <c r="D26286" s="6">
        <v>605.46720000000005</v>
      </c>
      <c r="E26286" s="6">
        <v>700.28530000000001</v>
      </c>
    </row>
    <row r="26287" spans="4:5" x14ac:dyDescent="0.25">
      <c r="D26287" s="6">
        <v>1324.643</v>
      </c>
      <c r="E26287" s="6">
        <v>581.09019999999998</v>
      </c>
    </row>
    <row r="26288" spans="4:5" x14ac:dyDescent="0.25">
      <c r="D26288" s="6">
        <v>6108.5029999999997</v>
      </c>
      <c r="E26288" s="6">
        <v>686.22969999999998</v>
      </c>
    </row>
    <row r="26289" spans="4:5" x14ac:dyDescent="0.25">
      <c r="D26289" s="6">
        <v>450.2199</v>
      </c>
      <c r="E26289" s="6">
        <v>1168.9680000000001</v>
      </c>
    </row>
    <row r="26290" spans="4:5" x14ac:dyDescent="0.25">
      <c r="D26290" s="6">
        <v>543.66669999999999</v>
      </c>
      <c r="E26290" s="6">
        <v>630.97220000000004</v>
      </c>
    </row>
    <row r="26291" spans="4:5" x14ac:dyDescent="0.25">
      <c r="D26291" s="6">
        <v>3306.4</v>
      </c>
      <c r="E26291" s="6">
        <v>499.54410000000001</v>
      </c>
    </row>
    <row r="26292" spans="4:5" x14ac:dyDescent="0.25">
      <c r="D26292" s="6">
        <v>2855.23</v>
      </c>
      <c r="E26292" s="6">
        <v>5030.0410000000002</v>
      </c>
    </row>
    <row r="26293" spans="4:5" x14ac:dyDescent="0.25">
      <c r="D26293" s="6">
        <v>2946.9780000000001</v>
      </c>
      <c r="E26293" s="6">
        <v>1594.569</v>
      </c>
    </row>
    <row r="26294" spans="4:5" x14ac:dyDescent="0.25">
      <c r="D26294" s="6">
        <v>556.87310000000002</v>
      </c>
      <c r="E26294" s="6">
        <v>3776.556</v>
      </c>
    </row>
    <row r="26295" spans="4:5" x14ac:dyDescent="0.25">
      <c r="D26295" s="6">
        <v>531.59900000000005</v>
      </c>
      <c r="E26295" s="6">
        <v>1028.4010000000001</v>
      </c>
    </row>
    <row r="26296" spans="4:5" x14ac:dyDescent="0.25">
      <c r="D26296" s="6">
        <v>234.9205</v>
      </c>
      <c r="E26296" s="6">
        <v>994.35479999999995</v>
      </c>
    </row>
    <row r="26297" spans="4:5" x14ac:dyDescent="0.25">
      <c r="D26297" s="6">
        <v>935.61959999999999</v>
      </c>
      <c r="E26297" s="6">
        <v>479.459</v>
      </c>
    </row>
    <row r="26298" spans="4:5" x14ac:dyDescent="0.25">
      <c r="D26298" s="6">
        <v>1028.193</v>
      </c>
      <c r="E26298" s="6">
        <v>415.05709999999999</v>
      </c>
    </row>
    <row r="26299" spans="4:5" x14ac:dyDescent="0.25">
      <c r="D26299" s="6">
        <v>4757.317</v>
      </c>
      <c r="E26299" s="6">
        <v>667.74570000000006</v>
      </c>
    </row>
    <row r="26300" spans="4:5" x14ac:dyDescent="0.25">
      <c r="D26300" s="6">
        <v>3618.884</v>
      </c>
      <c r="E26300" s="6">
        <v>564.72119999999995</v>
      </c>
    </row>
    <row r="26301" spans="4:5" x14ac:dyDescent="0.25">
      <c r="D26301" s="6">
        <v>451.33049999999997</v>
      </c>
      <c r="E26301" s="6">
        <v>405.98880000000003</v>
      </c>
    </row>
    <row r="26302" spans="4:5" x14ac:dyDescent="0.25">
      <c r="D26302" s="6">
        <v>693.25930000000005</v>
      </c>
      <c r="E26302" s="6">
        <v>1505.33</v>
      </c>
    </row>
    <row r="26303" spans="4:5" x14ac:dyDescent="0.25">
      <c r="D26303" s="6">
        <v>2217.9490000000001</v>
      </c>
      <c r="E26303" s="6">
        <v>542.98440000000005</v>
      </c>
    </row>
    <row r="26304" spans="4:5" x14ac:dyDescent="0.25">
      <c r="D26304" s="6">
        <v>542.5489</v>
      </c>
      <c r="E26304" s="6">
        <v>556.18269999999995</v>
      </c>
    </row>
    <row r="26305" spans="4:5" x14ac:dyDescent="0.25">
      <c r="D26305" s="6">
        <v>630.81679999999994</v>
      </c>
      <c r="E26305" s="6">
        <v>676.79989999999998</v>
      </c>
    </row>
    <row r="26306" spans="4:5" x14ac:dyDescent="0.25">
      <c r="D26306" s="6">
        <v>4341.9229999999998</v>
      </c>
      <c r="E26306" s="6">
        <v>1221.0899999999999</v>
      </c>
    </row>
    <row r="26307" spans="4:5" x14ac:dyDescent="0.25">
      <c r="D26307" s="6">
        <v>559.80909999999994</v>
      </c>
      <c r="E26307" s="6">
        <v>3675.5070000000001</v>
      </c>
    </row>
    <row r="26308" spans="4:5" x14ac:dyDescent="0.25">
      <c r="D26308" s="6">
        <v>3194.7260000000001</v>
      </c>
      <c r="E26308" s="6">
        <v>737.83439999999996</v>
      </c>
    </row>
    <row r="26309" spans="4:5" x14ac:dyDescent="0.25">
      <c r="D26309" s="6">
        <v>486.83960000000002</v>
      </c>
      <c r="E26309" s="6">
        <v>1870.0070000000001</v>
      </c>
    </row>
    <row r="26310" spans="4:5" x14ac:dyDescent="0.25">
      <c r="D26310" s="6">
        <v>313.67869999999999</v>
      </c>
      <c r="E26310" s="6">
        <v>3994.1840000000002</v>
      </c>
    </row>
    <row r="26311" spans="4:5" x14ac:dyDescent="0.25">
      <c r="D26311" s="6">
        <v>548.16520000000003</v>
      </c>
      <c r="E26311" s="6">
        <v>567.25009999999997</v>
      </c>
    </row>
    <row r="26312" spans="4:5" x14ac:dyDescent="0.25">
      <c r="D26312" s="6">
        <v>5560.5379999999996</v>
      </c>
      <c r="E26312" s="6">
        <v>716.38210000000004</v>
      </c>
    </row>
    <row r="26313" spans="4:5" x14ac:dyDescent="0.25">
      <c r="D26313" s="6">
        <v>509.73630000000003</v>
      </c>
      <c r="E26313" s="6">
        <v>634.31169999999997</v>
      </c>
    </row>
    <row r="26314" spans="4:5" x14ac:dyDescent="0.25">
      <c r="D26314" s="6">
        <v>3968.4290000000001</v>
      </c>
      <c r="E26314" s="6">
        <v>1086.4780000000001</v>
      </c>
    </row>
    <row r="26315" spans="4:5" x14ac:dyDescent="0.25">
      <c r="D26315" s="6">
        <v>4692.7849999999999</v>
      </c>
      <c r="E26315" s="6">
        <v>1323.3440000000001</v>
      </c>
    </row>
    <row r="26316" spans="4:5" x14ac:dyDescent="0.25">
      <c r="D26316" s="6">
        <v>1411.095</v>
      </c>
      <c r="E26316" s="6">
        <v>822.50750000000005</v>
      </c>
    </row>
    <row r="26317" spans="4:5" x14ac:dyDescent="0.25">
      <c r="D26317" s="6">
        <v>4169.5619999999999</v>
      </c>
      <c r="E26317" s="6">
        <v>3601.636</v>
      </c>
    </row>
    <row r="26318" spans="4:5" x14ac:dyDescent="0.25">
      <c r="D26318" s="6">
        <v>1571.771</v>
      </c>
      <c r="E26318" s="6">
        <v>553.95299999999997</v>
      </c>
    </row>
    <row r="26319" spans="4:5" x14ac:dyDescent="0.25">
      <c r="D26319" s="6">
        <v>2280.8119999999999</v>
      </c>
      <c r="E26319" s="6">
        <v>675.70849999999996</v>
      </c>
    </row>
    <row r="26320" spans="4:5" x14ac:dyDescent="0.25">
      <c r="D26320" s="6">
        <v>3831.5940000000001</v>
      </c>
      <c r="E26320" s="6">
        <v>874.57489999999996</v>
      </c>
    </row>
    <row r="26321" spans="4:5" x14ac:dyDescent="0.25">
      <c r="D26321" s="6">
        <v>539.24360000000001</v>
      </c>
      <c r="E26321" s="6">
        <v>1113.3869999999999</v>
      </c>
    </row>
    <row r="26322" spans="4:5" x14ac:dyDescent="0.25">
      <c r="D26322" s="6">
        <v>449.43340000000001</v>
      </c>
      <c r="E26322" s="6">
        <v>2862.1239999999998</v>
      </c>
    </row>
    <row r="26323" spans="4:5" x14ac:dyDescent="0.25">
      <c r="D26323" s="6">
        <v>664.35509999999999</v>
      </c>
      <c r="E26323" s="6">
        <v>2067.0059999999999</v>
      </c>
    </row>
    <row r="26324" spans="4:5" x14ac:dyDescent="0.25">
      <c r="D26324" s="6">
        <v>470.88119999999998</v>
      </c>
      <c r="E26324" s="6">
        <v>610.19929999999999</v>
      </c>
    </row>
    <row r="26325" spans="4:5" x14ac:dyDescent="0.25">
      <c r="D26325" s="6">
        <v>1893.13</v>
      </c>
      <c r="E26325" s="6">
        <v>656.9905</v>
      </c>
    </row>
    <row r="26326" spans="4:5" x14ac:dyDescent="0.25">
      <c r="D26326" s="6">
        <v>1178.6769999999999</v>
      </c>
      <c r="E26326" s="6">
        <v>1034.0250000000001</v>
      </c>
    </row>
    <row r="26327" spans="4:5" x14ac:dyDescent="0.25">
      <c r="D26327" s="6">
        <v>546.61009999999999</v>
      </c>
      <c r="E26327" s="6">
        <v>1059.6780000000001</v>
      </c>
    </row>
    <row r="26328" spans="4:5" x14ac:dyDescent="0.25">
      <c r="D26328" s="6">
        <v>1834.4390000000001</v>
      </c>
      <c r="E26328" s="6">
        <v>594.64829999999995</v>
      </c>
    </row>
    <row r="26329" spans="4:5" x14ac:dyDescent="0.25">
      <c r="D26329" s="6">
        <v>735.51149999999996</v>
      </c>
      <c r="E26329" s="6">
        <v>1637.377</v>
      </c>
    </row>
    <row r="26330" spans="4:5" x14ac:dyDescent="0.25">
      <c r="D26330" s="6">
        <v>399.60469999999998</v>
      </c>
      <c r="E26330" s="6">
        <v>943.42920000000004</v>
      </c>
    </row>
    <row r="26331" spans="4:5" x14ac:dyDescent="0.25">
      <c r="D26331" s="6">
        <v>1809.5830000000001</v>
      </c>
      <c r="E26331" s="6">
        <v>594.72</v>
      </c>
    </row>
    <row r="26332" spans="4:5" x14ac:dyDescent="0.25">
      <c r="D26332" s="6">
        <v>4537.5190000000002</v>
      </c>
      <c r="E26332" s="6">
        <v>519.32309999999995</v>
      </c>
    </row>
    <row r="26333" spans="4:5" x14ac:dyDescent="0.25">
      <c r="D26333" s="6">
        <v>3303.0459999999998</v>
      </c>
      <c r="E26333" s="6">
        <v>5047.0959999999995</v>
      </c>
    </row>
    <row r="26334" spans="4:5" x14ac:dyDescent="0.25">
      <c r="D26334" s="6">
        <v>4668.1890000000003</v>
      </c>
      <c r="E26334" s="6">
        <v>1632.2840000000001</v>
      </c>
    </row>
    <row r="26335" spans="4:5" x14ac:dyDescent="0.25">
      <c r="D26335" s="6">
        <v>472.09769999999997</v>
      </c>
      <c r="E26335" s="6">
        <v>1256.3140000000001</v>
      </c>
    </row>
    <row r="26336" spans="4:5" x14ac:dyDescent="0.25">
      <c r="D26336" s="6">
        <v>401.8057</v>
      </c>
      <c r="E26336" s="6">
        <v>3937.47</v>
      </c>
    </row>
    <row r="26337" spans="4:5" x14ac:dyDescent="0.25">
      <c r="D26337" s="6">
        <v>434.34859999999998</v>
      </c>
      <c r="E26337" s="6">
        <v>4526.723</v>
      </c>
    </row>
    <row r="26338" spans="4:5" x14ac:dyDescent="0.25">
      <c r="D26338" s="6">
        <v>4042.4780000000001</v>
      </c>
      <c r="E26338" s="6">
        <v>510.26650000000001</v>
      </c>
    </row>
    <row r="26339" spans="4:5" x14ac:dyDescent="0.25">
      <c r="D26339" s="6">
        <v>5097.0659999999998</v>
      </c>
      <c r="E26339" s="6">
        <v>3308.6759999999999</v>
      </c>
    </row>
    <row r="26340" spans="4:5" x14ac:dyDescent="0.25">
      <c r="D26340" s="6">
        <v>6146.9660000000003</v>
      </c>
      <c r="E26340" s="6">
        <v>4668.7250000000004</v>
      </c>
    </row>
    <row r="26341" spans="4:5" x14ac:dyDescent="0.25">
      <c r="D26341" s="6">
        <v>1386.2529999999999</v>
      </c>
      <c r="E26341" s="6">
        <v>974.28049999999996</v>
      </c>
    </row>
    <row r="26342" spans="4:5" x14ac:dyDescent="0.25">
      <c r="D26342" s="6">
        <v>1001.357</v>
      </c>
      <c r="E26342" s="6">
        <v>1047.796</v>
      </c>
    </row>
    <row r="26343" spans="4:5" x14ac:dyDescent="0.25">
      <c r="D26343" s="6">
        <v>4067.3589999999999</v>
      </c>
      <c r="E26343" s="6">
        <v>5822.857</v>
      </c>
    </row>
    <row r="26344" spans="4:5" x14ac:dyDescent="0.25">
      <c r="D26344" s="6">
        <v>1933.011</v>
      </c>
      <c r="E26344" s="6">
        <v>865.77639999999997</v>
      </c>
    </row>
    <row r="26345" spans="4:5" x14ac:dyDescent="0.25">
      <c r="D26345" s="6">
        <v>710.74400000000003</v>
      </c>
      <c r="E26345" s="6">
        <v>1751.444</v>
      </c>
    </row>
    <row r="26346" spans="4:5" x14ac:dyDescent="0.25">
      <c r="D26346" s="6">
        <v>2534.1860000000001</v>
      </c>
      <c r="E26346" s="6">
        <v>511.74959999999999</v>
      </c>
    </row>
    <row r="26347" spans="4:5" x14ac:dyDescent="0.25">
      <c r="D26347" s="6">
        <v>490.58620000000002</v>
      </c>
      <c r="E26347" s="6">
        <v>1836.192</v>
      </c>
    </row>
    <row r="26348" spans="4:5" x14ac:dyDescent="0.25">
      <c r="D26348" s="6">
        <v>5104.7269999999999</v>
      </c>
      <c r="E26348" s="6">
        <v>763.6028</v>
      </c>
    </row>
    <row r="26349" spans="4:5" x14ac:dyDescent="0.25">
      <c r="D26349" s="6">
        <v>563.23559999999998</v>
      </c>
      <c r="E26349" s="6">
        <v>1210.7</v>
      </c>
    </row>
    <row r="26350" spans="4:5" x14ac:dyDescent="0.25">
      <c r="D26350" s="6">
        <v>2346.9969999999998</v>
      </c>
      <c r="E26350" s="6">
        <v>513.96839999999997</v>
      </c>
    </row>
    <row r="26351" spans="4:5" x14ac:dyDescent="0.25">
      <c r="D26351" s="6">
        <v>2613.471</v>
      </c>
      <c r="E26351" s="6">
        <v>527.52549999999997</v>
      </c>
    </row>
    <row r="26352" spans="4:5" x14ac:dyDescent="0.25">
      <c r="D26352" s="6">
        <v>3776.3969999999999</v>
      </c>
      <c r="E26352" s="6">
        <v>525.0326</v>
      </c>
    </row>
    <row r="26353" spans="4:5" x14ac:dyDescent="0.25">
      <c r="D26353" s="6">
        <v>5267.7449999999999</v>
      </c>
      <c r="E26353" s="6">
        <v>724.82749999999999</v>
      </c>
    </row>
    <row r="26354" spans="4:5" x14ac:dyDescent="0.25">
      <c r="D26354" s="6">
        <v>3066.8739999999998</v>
      </c>
      <c r="E26354" s="6">
        <v>574.6653</v>
      </c>
    </row>
    <row r="26355" spans="4:5" x14ac:dyDescent="0.25">
      <c r="D26355" s="6">
        <v>594.79089999999997</v>
      </c>
      <c r="E26355" s="6">
        <v>525.09289999999999</v>
      </c>
    </row>
    <row r="26356" spans="4:5" x14ac:dyDescent="0.25">
      <c r="D26356" s="6">
        <v>10295.42</v>
      </c>
      <c r="E26356" s="6">
        <v>840.55610000000001</v>
      </c>
    </row>
    <row r="26357" spans="4:5" x14ac:dyDescent="0.25">
      <c r="D26357" s="6">
        <v>5102.3890000000001</v>
      </c>
      <c r="E26357" s="6">
        <v>650.6884</v>
      </c>
    </row>
    <row r="26358" spans="4:5" x14ac:dyDescent="0.25">
      <c r="D26358" s="6">
        <v>511.36619999999999</v>
      </c>
      <c r="E26358" s="6">
        <v>1510.039</v>
      </c>
    </row>
    <row r="26359" spans="4:5" x14ac:dyDescent="0.25">
      <c r="D26359" s="6">
        <v>507.58420000000001</v>
      </c>
      <c r="E26359" s="6">
        <v>595.15570000000002</v>
      </c>
    </row>
    <row r="26360" spans="4:5" x14ac:dyDescent="0.25">
      <c r="D26360" s="6">
        <v>3159.375</v>
      </c>
      <c r="E26360" s="6">
        <v>4522.3609999999999</v>
      </c>
    </row>
    <row r="26361" spans="4:5" x14ac:dyDescent="0.25">
      <c r="D26361" s="6">
        <v>4879.009</v>
      </c>
      <c r="E26361" s="6">
        <v>884.13969999999995</v>
      </c>
    </row>
    <row r="26362" spans="4:5" x14ac:dyDescent="0.25">
      <c r="D26362" s="6">
        <v>560.97900000000004</v>
      </c>
      <c r="E26362" s="6">
        <v>467.08909999999997</v>
      </c>
    </row>
    <row r="26363" spans="4:5" x14ac:dyDescent="0.25">
      <c r="D26363" s="6">
        <v>1760.1120000000001</v>
      </c>
      <c r="E26363" s="6">
        <v>1102.712</v>
      </c>
    </row>
    <row r="26364" spans="4:5" x14ac:dyDescent="0.25">
      <c r="D26364" s="6">
        <v>572.58920000000001</v>
      </c>
      <c r="E26364" s="6">
        <v>1697.2139999999999</v>
      </c>
    </row>
    <row r="26365" spans="4:5" x14ac:dyDescent="0.25">
      <c r="D26365" s="6">
        <v>618.15689999999995</v>
      </c>
      <c r="E26365" s="6">
        <v>584.70780000000002</v>
      </c>
    </row>
    <row r="26366" spans="4:5" x14ac:dyDescent="0.25">
      <c r="D26366" s="6">
        <v>4315.6729999999998</v>
      </c>
      <c r="E26366" s="6">
        <v>924.66480000000001</v>
      </c>
    </row>
    <row r="26367" spans="4:5" x14ac:dyDescent="0.25">
      <c r="D26367" s="6">
        <v>1520.981</v>
      </c>
      <c r="E26367" s="6">
        <v>1277.9839999999999</v>
      </c>
    </row>
    <row r="26368" spans="4:5" x14ac:dyDescent="0.25">
      <c r="D26368" s="6">
        <v>577.61419999999998</v>
      </c>
      <c r="E26368" s="6">
        <v>1103.2670000000001</v>
      </c>
    </row>
    <row r="26369" spans="4:5" x14ac:dyDescent="0.25">
      <c r="D26369" s="6">
        <v>975.65030000000002</v>
      </c>
      <c r="E26369" s="6">
        <v>747.95460000000003</v>
      </c>
    </row>
    <row r="26370" spans="4:5" x14ac:dyDescent="0.25">
      <c r="D26370" s="6">
        <v>3920.922</v>
      </c>
      <c r="E26370" s="6">
        <v>1537.989</v>
      </c>
    </row>
    <row r="26371" spans="4:5" x14ac:dyDescent="0.25">
      <c r="D26371" s="6">
        <v>1547.354</v>
      </c>
      <c r="E26371" s="6">
        <v>2202.5949999999998</v>
      </c>
    </row>
    <row r="26372" spans="4:5" x14ac:dyDescent="0.25">
      <c r="D26372" s="6">
        <v>3424.86</v>
      </c>
      <c r="E26372" s="6">
        <v>1376.6769999999999</v>
      </c>
    </row>
    <row r="26373" spans="4:5" x14ac:dyDescent="0.25">
      <c r="D26373" s="6">
        <v>861.5575</v>
      </c>
      <c r="E26373" s="6">
        <v>4484.8239999999996</v>
      </c>
    </row>
    <row r="26374" spans="4:5" x14ac:dyDescent="0.25">
      <c r="D26374" s="6">
        <v>5874.2449999999999</v>
      </c>
      <c r="E26374" s="6">
        <v>552.12440000000004</v>
      </c>
    </row>
    <row r="26375" spans="4:5" x14ac:dyDescent="0.25">
      <c r="D26375" s="6">
        <v>631.85760000000005</v>
      </c>
      <c r="E26375" s="6">
        <v>942.1395</v>
      </c>
    </row>
    <row r="26376" spans="4:5" x14ac:dyDescent="0.25">
      <c r="D26376" s="6">
        <v>912.49440000000004</v>
      </c>
      <c r="E26376" s="6">
        <v>1426.991</v>
      </c>
    </row>
    <row r="26377" spans="4:5" x14ac:dyDescent="0.25">
      <c r="D26377" s="6">
        <v>576.49810000000002</v>
      </c>
      <c r="E26377" s="6">
        <v>1974.9960000000001</v>
      </c>
    </row>
    <row r="26378" spans="4:5" x14ac:dyDescent="0.25">
      <c r="D26378" s="6">
        <v>517.4384</v>
      </c>
      <c r="E26378" s="6">
        <v>1186.1010000000001</v>
      </c>
    </row>
    <row r="26379" spans="4:5" x14ac:dyDescent="0.25">
      <c r="D26379" s="6">
        <v>614.82410000000004</v>
      </c>
      <c r="E26379" s="6">
        <v>4462.5870000000004</v>
      </c>
    </row>
    <row r="26380" spans="4:5" x14ac:dyDescent="0.25">
      <c r="D26380" s="6">
        <v>1158.662</v>
      </c>
      <c r="E26380" s="6">
        <v>451.41309999999999</v>
      </c>
    </row>
    <row r="26381" spans="4:5" x14ac:dyDescent="0.25">
      <c r="D26381" s="6">
        <v>1483.42</v>
      </c>
      <c r="E26381" s="6">
        <v>1385.62</v>
      </c>
    </row>
    <row r="26382" spans="4:5" x14ac:dyDescent="0.25">
      <c r="D26382" s="6">
        <v>4703.7610000000004</v>
      </c>
      <c r="E26382" s="6">
        <v>517.39850000000001</v>
      </c>
    </row>
    <row r="26383" spans="4:5" x14ac:dyDescent="0.25">
      <c r="D26383" s="6">
        <v>1056.154</v>
      </c>
      <c r="E26383" s="6">
        <v>1678.7570000000001</v>
      </c>
    </row>
    <row r="26384" spans="4:5" x14ac:dyDescent="0.25">
      <c r="D26384" s="6">
        <v>3832.5039999999999</v>
      </c>
      <c r="E26384" s="6">
        <v>1052.173</v>
      </c>
    </row>
    <row r="26385" spans="4:5" x14ac:dyDescent="0.25">
      <c r="D26385" s="6">
        <v>547.31579999999997</v>
      </c>
      <c r="E26385" s="6">
        <v>1008.071</v>
      </c>
    </row>
    <row r="26386" spans="4:5" x14ac:dyDescent="0.25">
      <c r="D26386" s="6">
        <v>1858.6849999999999</v>
      </c>
      <c r="E26386" s="6">
        <v>507.95350000000002</v>
      </c>
    </row>
    <row r="26387" spans="4:5" x14ac:dyDescent="0.25">
      <c r="D26387" s="6">
        <v>1390.4780000000001</v>
      </c>
      <c r="E26387" s="6">
        <v>4400.2280000000001</v>
      </c>
    </row>
    <row r="26388" spans="4:5" x14ac:dyDescent="0.25">
      <c r="D26388" s="6">
        <v>536.55870000000004</v>
      </c>
      <c r="E26388" s="6">
        <v>4277.5519999999997</v>
      </c>
    </row>
    <row r="26389" spans="4:5" x14ac:dyDescent="0.25">
      <c r="D26389" s="6">
        <v>506.15219999999999</v>
      </c>
      <c r="E26389" s="6">
        <v>467.84679999999997</v>
      </c>
    </row>
    <row r="26390" spans="4:5" x14ac:dyDescent="0.25">
      <c r="D26390" s="6">
        <v>1450.163</v>
      </c>
      <c r="E26390" s="6">
        <v>1546.9259999999999</v>
      </c>
    </row>
    <row r="26391" spans="4:5" x14ac:dyDescent="0.25">
      <c r="D26391" s="6">
        <v>8490.0310000000009</v>
      </c>
      <c r="E26391" s="6">
        <v>1300.2360000000001</v>
      </c>
    </row>
    <row r="26392" spans="4:5" x14ac:dyDescent="0.25">
      <c r="D26392" s="6">
        <v>958</v>
      </c>
      <c r="E26392" s="6">
        <v>1186.365</v>
      </c>
    </row>
    <row r="26393" spans="4:5" x14ac:dyDescent="0.25">
      <c r="D26393" s="6">
        <v>1492.7750000000001</v>
      </c>
      <c r="E26393" s="6">
        <v>499.25409999999999</v>
      </c>
    </row>
    <row r="26394" spans="4:5" x14ac:dyDescent="0.25">
      <c r="D26394" s="6">
        <v>1739.277</v>
      </c>
      <c r="E26394" s="6">
        <v>1465.2750000000001</v>
      </c>
    </row>
    <row r="26395" spans="4:5" x14ac:dyDescent="0.25">
      <c r="D26395" s="6">
        <v>919.1241</v>
      </c>
      <c r="E26395" s="6">
        <v>1708.153</v>
      </c>
    </row>
    <row r="26396" spans="4:5" x14ac:dyDescent="0.25">
      <c r="D26396" s="6">
        <v>1795.0039999999999</v>
      </c>
      <c r="E26396" s="6">
        <v>2389.0050000000001</v>
      </c>
    </row>
    <row r="26397" spans="4:5" x14ac:dyDescent="0.25">
      <c r="D26397" s="6">
        <v>692.21730000000002</v>
      </c>
      <c r="E26397" s="6">
        <v>638.27459999999996</v>
      </c>
    </row>
    <row r="26398" spans="4:5" x14ac:dyDescent="0.25">
      <c r="D26398" s="6">
        <v>3360.14</v>
      </c>
      <c r="E26398" s="6">
        <v>784.60080000000005</v>
      </c>
    </row>
    <row r="26399" spans="4:5" x14ac:dyDescent="0.25">
      <c r="D26399" s="6">
        <v>621.05730000000005</v>
      </c>
      <c r="E26399" s="6">
        <v>908.16359999999997</v>
      </c>
    </row>
    <row r="26400" spans="4:5" x14ac:dyDescent="0.25">
      <c r="D26400" s="6">
        <v>5424.1369999999997</v>
      </c>
      <c r="E26400" s="6">
        <v>2056.0230000000001</v>
      </c>
    </row>
    <row r="26401" spans="4:5" x14ac:dyDescent="0.25">
      <c r="D26401" s="6">
        <v>3388.9259999999999</v>
      </c>
      <c r="E26401" s="6">
        <v>1591.971</v>
      </c>
    </row>
    <row r="26402" spans="4:5" x14ac:dyDescent="0.25">
      <c r="D26402" s="6">
        <v>728.92309999999998</v>
      </c>
      <c r="E26402" s="6">
        <v>831.72820000000002</v>
      </c>
    </row>
    <row r="26403" spans="4:5" x14ac:dyDescent="0.25">
      <c r="D26403" s="6">
        <v>1035.2560000000001</v>
      </c>
      <c r="E26403" s="6">
        <v>837.23080000000004</v>
      </c>
    </row>
    <row r="26404" spans="4:5" x14ac:dyDescent="0.25">
      <c r="D26404" s="6">
        <v>612.43460000000005</v>
      </c>
      <c r="E26404" s="6">
        <v>2878.3420000000001</v>
      </c>
    </row>
    <row r="26405" spans="4:5" x14ac:dyDescent="0.25">
      <c r="D26405" s="6">
        <v>601.50509999999997</v>
      </c>
      <c r="E26405" s="6">
        <v>546.58569999999997</v>
      </c>
    </row>
    <row r="26406" spans="4:5" x14ac:dyDescent="0.25">
      <c r="D26406" s="6">
        <v>3124.241</v>
      </c>
      <c r="E26406" s="6">
        <v>1141.5119999999999</v>
      </c>
    </row>
    <row r="26407" spans="4:5" x14ac:dyDescent="0.25">
      <c r="D26407" s="6">
        <v>736.66</v>
      </c>
      <c r="E26407" s="6">
        <v>1940.0340000000001</v>
      </c>
    </row>
    <row r="26408" spans="4:5" x14ac:dyDescent="0.25">
      <c r="D26408" s="6">
        <v>4765.2749999999996</v>
      </c>
      <c r="E26408" s="6">
        <v>669.89750000000004</v>
      </c>
    </row>
    <row r="26409" spans="4:5" x14ac:dyDescent="0.25">
      <c r="D26409" s="6">
        <v>2294.9720000000002</v>
      </c>
      <c r="E26409" s="6">
        <v>673.82270000000005</v>
      </c>
    </row>
    <row r="26410" spans="4:5" x14ac:dyDescent="0.25">
      <c r="D26410" s="6">
        <v>1710.9549999999999</v>
      </c>
      <c r="E26410" s="6">
        <v>2546.5830000000001</v>
      </c>
    </row>
    <row r="26411" spans="4:5" x14ac:dyDescent="0.25">
      <c r="D26411" s="6">
        <v>2634.21</v>
      </c>
      <c r="E26411" s="6">
        <v>1132.098</v>
      </c>
    </row>
    <row r="26412" spans="4:5" x14ac:dyDescent="0.25">
      <c r="D26412" s="6">
        <v>5602.5860000000002</v>
      </c>
      <c r="E26412" s="6">
        <v>1021.4109999999999</v>
      </c>
    </row>
    <row r="26413" spans="4:5" x14ac:dyDescent="0.25">
      <c r="D26413" s="6">
        <v>534.55730000000005</v>
      </c>
      <c r="E26413" s="6">
        <v>584.75239999999997</v>
      </c>
    </row>
    <row r="26414" spans="4:5" x14ac:dyDescent="0.25">
      <c r="D26414" s="6">
        <v>979.81830000000002</v>
      </c>
      <c r="E26414" s="6">
        <v>1103.53</v>
      </c>
    </row>
    <row r="26415" spans="4:5" x14ac:dyDescent="0.25">
      <c r="D26415" s="6">
        <v>5192.6729999999998</v>
      </c>
      <c r="E26415" s="6">
        <v>581.66340000000002</v>
      </c>
    </row>
    <row r="26416" spans="4:5" x14ac:dyDescent="0.25">
      <c r="D26416" s="6">
        <v>3431.788</v>
      </c>
      <c r="E26416" s="6">
        <v>935.12670000000003</v>
      </c>
    </row>
    <row r="26417" spans="4:5" x14ac:dyDescent="0.25">
      <c r="D26417" s="6">
        <v>721.34969999999998</v>
      </c>
      <c r="E26417" s="6">
        <v>967.14930000000004</v>
      </c>
    </row>
    <row r="26418" spans="4:5" x14ac:dyDescent="0.25">
      <c r="D26418" s="6">
        <v>4576.3670000000002</v>
      </c>
      <c r="E26418" s="6">
        <v>940.98879999999997</v>
      </c>
    </row>
    <row r="26419" spans="4:5" x14ac:dyDescent="0.25">
      <c r="D26419" s="6">
        <v>1136.163</v>
      </c>
      <c r="E26419" s="6">
        <v>620.32690000000002</v>
      </c>
    </row>
    <row r="26420" spans="4:5" x14ac:dyDescent="0.25">
      <c r="D26420" s="6">
        <v>1399.222</v>
      </c>
      <c r="E26420" s="6">
        <v>583.64909999999998</v>
      </c>
    </row>
    <row r="26421" spans="4:5" x14ac:dyDescent="0.25">
      <c r="D26421" s="6">
        <v>655.54930000000002</v>
      </c>
      <c r="E26421" s="6">
        <v>799.95479999999998</v>
      </c>
    </row>
    <row r="26422" spans="4:5" x14ac:dyDescent="0.25">
      <c r="D26422" s="6">
        <v>5561.1279999999997</v>
      </c>
      <c r="E26422" s="6">
        <v>549.1481</v>
      </c>
    </row>
    <row r="26423" spans="4:5" x14ac:dyDescent="0.25">
      <c r="D26423" s="6">
        <v>2887.636</v>
      </c>
      <c r="E26423" s="6">
        <v>1714.3679999999999</v>
      </c>
    </row>
    <row r="26424" spans="4:5" x14ac:dyDescent="0.25">
      <c r="D26424" s="6">
        <v>566.61890000000005</v>
      </c>
      <c r="E26424" s="6">
        <v>1105.203</v>
      </c>
    </row>
    <row r="26425" spans="4:5" x14ac:dyDescent="0.25">
      <c r="D26425" s="6">
        <v>854.95860000000005</v>
      </c>
      <c r="E26425" s="6">
        <v>2546.8229999999999</v>
      </c>
    </row>
    <row r="26426" spans="4:5" x14ac:dyDescent="0.25">
      <c r="D26426" s="6">
        <v>2373.8110000000001</v>
      </c>
      <c r="E26426" s="6">
        <v>689.64490000000001</v>
      </c>
    </row>
    <row r="26427" spans="4:5" x14ac:dyDescent="0.25">
      <c r="D26427" s="6">
        <v>3518.5720000000001</v>
      </c>
      <c r="E26427" s="6">
        <v>1544.6089999999999</v>
      </c>
    </row>
    <row r="26428" spans="4:5" x14ac:dyDescent="0.25">
      <c r="D26428" s="6">
        <v>584.35649999999998</v>
      </c>
      <c r="E26428" s="6">
        <v>1481.557</v>
      </c>
    </row>
    <row r="26429" spans="4:5" x14ac:dyDescent="0.25">
      <c r="D26429" s="6">
        <v>2700.97</v>
      </c>
      <c r="E26429" s="6">
        <v>2046.163</v>
      </c>
    </row>
    <row r="26430" spans="4:5" x14ac:dyDescent="0.25">
      <c r="D26430" s="6">
        <v>610.10299999999995</v>
      </c>
      <c r="E26430" s="6">
        <v>2654.85</v>
      </c>
    </row>
    <row r="26431" spans="4:5" x14ac:dyDescent="0.25">
      <c r="D26431" s="6">
        <v>2668</v>
      </c>
      <c r="E26431" s="6">
        <v>1043.2729999999999</v>
      </c>
    </row>
    <row r="26432" spans="4:5" x14ac:dyDescent="0.25">
      <c r="D26432" s="6">
        <v>568.40509999999995</v>
      </c>
      <c r="E26432" s="6">
        <v>1168</v>
      </c>
    </row>
    <row r="26433" spans="4:5" x14ac:dyDescent="0.25">
      <c r="D26433" s="6">
        <v>749.702</v>
      </c>
      <c r="E26433" s="6">
        <v>770.8365</v>
      </c>
    </row>
    <row r="26434" spans="4:5" x14ac:dyDescent="0.25">
      <c r="D26434" s="6">
        <v>866.10119999999995</v>
      </c>
      <c r="E26434" s="6">
        <v>3232.107</v>
      </c>
    </row>
    <row r="26435" spans="4:5" x14ac:dyDescent="0.25">
      <c r="D26435" s="6">
        <v>605.84739999999999</v>
      </c>
      <c r="E26435" s="6">
        <v>914.36130000000003</v>
      </c>
    </row>
    <row r="26436" spans="4:5" x14ac:dyDescent="0.25">
      <c r="D26436" s="6">
        <v>5016.0969999999998</v>
      </c>
      <c r="E26436" s="6">
        <v>972.55849999999998</v>
      </c>
    </row>
    <row r="26437" spans="4:5" x14ac:dyDescent="0.25">
      <c r="D26437" s="6">
        <v>3087.8159999999998</v>
      </c>
      <c r="E26437" s="6">
        <v>559.03570000000002</v>
      </c>
    </row>
    <row r="26438" spans="4:5" x14ac:dyDescent="0.25">
      <c r="D26438" s="6">
        <v>573.6</v>
      </c>
      <c r="E26438" s="6">
        <v>486.76249999999999</v>
      </c>
    </row>
    <row r="26439" spans="4:5" x14ac:dyDescent="0.25">
      <c r="D26439" s="6">
        <v>3885.498</v>
      </c>
      <c r="E26439" s="6">
        <v>1187.896</v>
      </c>
    </row>
    <row r="26440" spans="4:5" x14ac:dyDescent="0.25">
      <c r="D26440" s="6">
        <v>1040.2950000000001</v>
      </c>
      <c r="E26440" s="6">
        <v>1078.5139999999999</v>
      </c>
    </row>
    <row r="26441" spans="4:5" x14ac:dyDescent="0.25">
      <c r="D26441" s="6">
        <v>546.17010000000005</v>
      </c>
      <c r="E26441" s="6">
        <v>596.91849999999999</v>
      </c>
    </row>
    <row r="26442" spans="4:5" x14ac:dyDescent="0.25">
      <c r="D26442" s="6">
        <v>4810.6639999999998</v>
      </c>
      <c r="E26442" s="6">
        <v>1235.8219999999999</v>
      </c>
    </row>
    <row r="26443" spans="4:5" x14ac:dyDescent="0.25">
      <c r="D26443" s="6">
        <v>423.59010000000001</v>
      </c>
      <c r="E26443" s="6">
        <v>1569.221</v>
      </c>
    </row>
    <row r="26444" spans="4:5" x14ac:dyDescent="0.25">
      <c r="D26444" s="6">
        <v>2716.8249999999998</v>
      </c>
      <c r="E26444" s="6">
        <v>535.86620000000005</v>
      </c>
    </row>
    <row r="26445" spans="4:5" x14ac:dyDescent="0.25">
      <c r="D26445" s="6">
        <v>670.74199999999996</v>
      </c>
      <c r="E26445" s="6">
        <v>572.57169999999996</v>
      </c>
    </row>
    <row r="26446" spans="4:5" x14ac:dyDescent="0.25">
      <c r="D26446" s="6">
        <v>3852.9290000000001</v>
      </c>
      <c r="E26446" s="6">
        <v>1289.9449999999999</v>
      </c>
    </row>
    <row r="26447" spans="4:5" x14ac:dyDescent="0.25">
      <c r="D26447" s="6">
        <v>533.32590000000005</v>
      </c>
      <c r="E26447" s="6">
        <v>1550.8810000000001</v>
      </c>
    </row>
    <row r="26448" spans="4:5" x14ac:dyDescent="0.25">
      <c r="D26448" s="6">
        <v>1587.5319999999999</v>
      </c>
      <c r="E26448" s="6">
        <v>2495.8220000000001</v>
      </c>
    </row>
    <row r="26449" spans="4:5" x14ac:dyDescent="0.25">
      <c r="D26449" s="6">
        <v>4203.6760000000004</v>
      </c>
      <c r="E26449" s="6">
        <v>7393.884</v>
      </c>
    </row>
    <row r="26450" spans="4:5" x14ac:dyDescent="0.25">
      <c r="D26450" s="6">
        <v>1014.746</v>
      </c>
      <c r="E26450" s="6">
        <v>3940.3090000000002</v>
      </c>
    </row>
    <row r="26451" spans="4:5" x14ac:dyDescent="0.25">
      <c r="D26451" s="6">
        <v>2066.143</v>
      </c>
      <c r="E26451" s="6">
        <v>2465.319</v>
      </c>
    </row>
    <row r="26452" spans="4:5" x14ac:dyDescent="0.25">
      <c r="D26452" s="6">
        <v>4506.2389999999996</v>
      </c>
      <c r="E26452" s="6">
        <v>1921.9259999999999</v>
      </c>
    </row>
    <row r="26453" spans="4:5" x14ac:dyDescent="0.25">
      <c r="D26453" s="6">
        <v>2401.0529999999999</v>
      </c>
      <c r="E26453" s="6">
        <v>513.51220000000001</v>
      </c>
    </row>
    <row r="26454" spans="4:5" x14ac:dyDescent="0.25">
      <c r="D26454" s="6">
        <v>1914.38</v>
      </c>
      <c r="E26454" s="6">
        <v>1085.403</v>
      </c>
    </row>
    <row r="26455" spans="4:5" x14ac:dyDescent="0.25">
      <c r="D26455" s="6">
        <v>1103.3119999999999</v>
      </c>
      <c r="E26455" s="6">
        <v>471.55700000000002</v>
      </c>
    </row>
    <row r="26456" spans="4:5" x14ac:dyDescent="0.25">
      <c r="D26456" s="6">
        <v>1219.799</v>
      </c>
      <c r="E26456" s="6">
        <v>673.73479999999995</v>
      </c>
    </row>
    <row r="26457" spans="4:5" x14ac:dyDescent="0.25">
      <c r="D26457" s="6">
        <v>504.6936</v>
      </c>
      <c r="E26457" s="6">
        <v>483.0256</v>
      </c>
    </row>
    <row r="26458" spans="4:5" x14ac:dyDescent="0.25">
      <c r="D26458" s="6">
        <v>926.10519999999997</v>
      </c>
      <c r="E26458" s="6">
        <v>1196.673</v>
      </c>
    </row>
    <row r="26459" spans="4:5" x14ac:dyDescent="0.25">
      <c r="D26459" s="6">
        <v>768.471</v>
      </c>
      <c r="E26459" s="6">
        <v>579.77059999999994</v>
      </c>
    </row>
    <row r="26460" spans="4:5" x14ac:dyDescent="0.25">
      <c r="D26460" s="6">
        <v>1557.549</v>
      </c>
      <c r="E26460" s="6">
        <v>1004.682</v>
      </c>
    </row>
    <row r="26461" spans="4:5" x14ac:dyDescent="0.25">
      <c r="D26461" s="6">
        <v>2238.9270000000001</v>
      </c>
      <c r="E26461" s="6">
        <v>516.97500000000002</v>
      </c>
    </row>
    <row r="26462" spans="4:5" x14ac:dyDescent="0.25">
      <c r="D26462" s="6">
        <v>1086.2190000000001</v>
      </c>
      <c r="E26462" s="6">
        <v>2212.4</v>
      </c>
    </row>
    <row r="26463" spans="4:5" x14ac:dyDescent="0.25">
      <c r="D26463" s="6">
        <v>636.67150000000004</v>
      </c>
      <c r="E26463" s="6">
        <v>488.01519999999999</v>
      </c>
    </row>
    <row r="26464" spans="4:5" x14ac:dyDescent="0.25">
      <c r="D26464" s="6">
        <v>377.57850000000002</v>
      </c>
      <c r="E26464" s="6">
        <v>4403.2569999999996</v>
      </c>
    </row>
    <row r="26465" spans="4:5" x14ac:dyDescent="0.25">
      <c r="D26465" s="6">
        <v>5157.9340000000002</v>
      </c>
      <c r="E26465" s="6">
        <v>5499.5060000000003</v>
      </c>
    </row>
    <row r="26466" spans="4:5" x14ac:dyDescent="0.25">
      <c r="D26466" s="6">
        <v>1504.8620000000001</v>
      </c>
      <c r="E26466" s="6">
        <v>1890.1869999999999</v>
      </c>
    </row>
    <row r="26467" spans="4:5" x14ac:dyDescent="0.25">
      <c r="D26467" s="6">
        <v>1770.2629999999999</v>
      </c>
      <c r="E26467" s="6">
        <v>907.41759999999999</v>
      </c>
    </row>
    <row r="26468" spans="4:5" x14ac:dyDescent="0.25">
      <c r="D26468" s="6">
        <v>1255.78</v>
      </c>
      <c r="E26468" s="6">
        <v>879.04790000000003</v>
      </c>
    </row>
    <row r="26469" spans="4:5" x14ac:dyDescent="0.25">
      <c r="D26469" s="6">
        <v>650.97460000000001</v>
      </c>
      <c r="E26469" s="6">
        <v>1102.97</v>
      </c>
    </row>
    <row r="26470" spans="4:5" x14ac:dyDescent="0.25">
      <c r="D26470" s="6">
        <v>1348.3209999999999</v>
      </c>
      <c r="E26470" s="6">
        <v>1052.2840000000001</v>
      </c>
    </row>
    <row r="26471" spans="4:5" x14ac:dyDescent="0.25">
      <c r="D26471" s="6">
        <v>3785.7280000000001</v>
      </c>
      <c r="E26471" s="6">
        <v>571.43089999999995</v>
      </c>
    </row>
    <row r="26472" spans="4:5" x14ac:dyDescent="0.25">
      <c r="D26472" s="6">
        <v>568.92759999999998</v>
      </c>
      <c r="E26472" s="6">
        <v>1332.617</v>
      </c>
    </row>
    <row r="26473" spans="4:5" x14ac:dyDescent="0.25">
      <c r="D26473" s="6">
        <v>2414.8969999999999</v>
      </c>
      <c r="E26473" s="6">
        <v>552.16409999999996</v>
      </c>
    </row>
    <row r="26474" spans="4:5" x14ac:dyDescent="0.25">
      <c r="D26474" s="6">
        <v>3347.18</v>
      </c>
      <c r="E26474" s="6">
        <v>1037.3230000000001</v>
      </c>
    </row>
    <row r="26475" spans="4:5" x14ac:dyDescent="0.25">
      <c r="D26475" s="6">
        <v>1228.9839999999999</v>
      </c>
      <c r="E26475" s="6">
        <v>960.07219999999995</v>
      </c>
    </row>
    <row r="26476" spans="4:5" x14ac:dyDescent="0.25">
      <c r="D26476" s="6">
        <v>607.4873</v>
      </c>
      <c r="E26476" s="6">
        <v>4715.7870000000003</v>
      </c>
    </row>
    <row r="26477" spans="4:5" x14ac:dyDescent="0.25">
      <c r="D26477" s="6">
        <v>3981.5169999999998</v>
      </c>
      <c r="E26477" s="6">
        <v>461.64890000000003</v>
      </c>
    </row>
    <row r="26478" spans="4:5" x14ac:dyDescent="0.25">
      <c r="D26478" s="6">
        <v>690.25959999999998</v>
      </c>
      <c r="E26478" s="6">
        <v>1050.788</v>
      </c>
    </row>
    <row r="26479" spans="4:5" x14ac:dyDescent="0.25">
      <c r="D26479" s="6">
        <v>554.60559999999998</v>
      </c>
      <c r="E26479" s="6">
        <v>628.63059999999996</v>
      </c>
    </row>
    <row r="26480" spans="4:5" x14ac:dyDescent="0.25">
      <c r="D26480" s="6">
        <v>2487.16</v>
      </c>
      <c r="E26480" s="6">
        <v>606.61969999999997</v>
      </c>
    </row>
    <row r="26481" spans="4:5" x14ac:dyDescent="0.25">
      <c r="D26481" s="6">
        <v>1771.5419999999999</v>
      </c>
      <c r="E26481" s="6">
        <v>576.48820000000001</v>
      </c>
    </row>
    <row r="26482" spans="4:5" x14ac:dyDescent="0.25">
      <c r="D26482" s="6">
        <v>951.30449999999996</v>
      </c>
      <c r="E26482" s="6">
        <v>2893.279</v>
      </c>
    </row>
    <row r="26483" spans="4:5" x14ac:dyDescent="0.25">
      <c r="D26483" s="6">
        <v>1541.0719999999999</v>
      </c>
      <c r="E26483" s="6">
        <v>460.14269999999999</v>
      </c>
    </row>
    <row r="26484" spans="4:5" x14ac:dyDescent="0.25">
      <c r="D26484" s="6">
        <v>691.27070000000003</v>
      </c>
      <c r="E26484" s="6">
        <v>621.74749999999995</v>
      </c>
    </row>
    <row r="26485" spans="4:5" x14ac:dyDescent="0.25">
      <c r="D26485" s="6">
        <v>6123.7520000000004</v>
      </c>
      <c r="E26485" s="6">
        <v>1381.3979999999999</v>
      </c>
    </row>
    <row r="26486" spans="4:5" x14ac:dyDescent="0.25">
      <c r="D26486" s="6">
        <v>567.72580000000005</v>
      </c>
      <c r="E26486" s="6">
        <v>1389.867</v>
      </c>
    </row>
    <row r="26487" spans="4:5" x14ac:dyDescent="0.25">
      <c r="D26487" s="6">
        <v>3158.3850000000002</v>
      </c>
      <c r="E26487" s="6">
        <v>1239.165</v>
      </c>
    </row>
    <row r="26488" spans="4:5" x14ac:dyDescent="0.25">
      <c r="D26488" s="6">
        <v>3715</v>
      </c>
      <c r="E26488" s="6">
        <v>3577.5650000000001</v>
      </c>
    </row>
    <row r="26489" spans="4:5" x14ac:dyDescent="0.25">
      <c r="D26489" s="6">
        <v>718.56389999999999</v>
      </c>
      <c r="E26489" s="6">
        <v>554.67550000000006</v>
      </c>
    </row>
    <row r="26490" spans="4:5" x14ac:dyDescent="0.25">
      <c r="D26490" s="6">
        <v>1151.4739999999999</v>
      </c>
      <c r="E26490" s="6">
        <v>1254.771</v>
      </c>
    </row>
    <row r="26491" spans="4:5" x14ac:dyDescent="0.25">
      <c r="D26491" s="6">
        <v>4703.4629999999997</v>
      </c>
      <c r="E26491" s="6">
        <v>560.18340000000001</v>
      </c>
    </row>
    <row r="26492" spans="4:5" x14ac:dyDescent="0.25">
      <c r="D26492" s="6">
        <v>5155.5929999999998</v>
      </c>
      <c r="E26492" s="6">
        <v>4514.0320000000002</v>
      </c>
    </row>
    <row r="26493" spans="4:5" x14ac:dyDescent="0.25">
      <c r="D26493" s="6">
        <v>3575.9760000000001</v>
      </c>
      <c r="E26493" s="6">
        <v>516.93550000000005</v>
      </c>
    </row>
    <row r="26494" spans="4:5" x14ac:dyDescent="0.25">
      <c r="D26494" s="6">
        <v>3451.1669999999999</v>
      </c>
      <c r="E26494" s="6">
        <v>3537.6320000000001</v>
      </c>
    </row>
    <row r="26495" spans="4:5" x14ac:dyDescent="0.25">
      <c r="D26495" s="6">
        <v>560.0951</v>
      </c>
      <c r="E26495" s="6">
        <v>1028.308</v>
      </c>
    </row>
    <row r="26496" spans="4:5" x14ac:dyDescent="0.25">
      <c r="D26496" s="6">
        <v>569.22559999999999</v>
      </c>
      <c r="E26496" s="6">
        <v>4402.7910000000002</v>
      </c>
    </row>
    <row r="26497" spans="4:5" x14ac:dyDescent="0.25">
      <c r="D26497" s="6">
        <v>966.85900000000004</v>
      </c>
      <c r="E26497" s="6">
        <v>4049.8429999999998</v>
      </c>
    </row>
    <row r="26498" spans="4:5" x14ac:dyDescent="0.25">
      <c r="D26498" s="6">
        <v>1541.3969999999999</v>
      </c>
      <c r="E26498" s="6">
        <v>582.85889999999995</v>
      </c>
    </row>
    <row r="26499" spans="4:5" x14ac:dyDescent="0.25">
      <c r="D26499" s="6">
        <v>2566.7759999999998</v>
      </c>
      <c r="E26499" s="6">
        <v>3246.3670000000002</v>
      </c>
    </row>
    <row r="26500" spans="4:5" x14ac:dyDescent="0.25">
      <c r="D26500" s="6">
        <v>3925.502</v>
      </c>
      <c r="E26500" s="6">
        <v>538.46119999999996</v>
      </c>
    </row>
    <row r="26501" spans="4:5" x14ac:dyDescent="0.25">
      <c r="D26501" s="6">
        <v>785.84619999999995</v>
      </c>
      <c r="E26501" s="6">
        <v>1286.4059999999999</v>
      </c>
    </row>
    <row r="26502" spans="4:5" x14ac:dyDescent="0.25">
      <c r="D26502" s="6">
        <v>5763.2169999999996</v>
      </c>
      <c r="E26502" s="6">
        <v>538.66920000000005</v>
      </c>
    </row>
    <row r="26503" spans="4:5" x14ac:dyDescent="0.25">
      <c r="D26503" s="6">
        <v>4842.7489999999998</v>
      </c>
      <c r="E26503" s="6">
        <v>898.46720000000005</v>
      </c>
    </row>
    <row r="26504" spans="4:5" x14ac:dyDescent="0.25">
      <c r="D26504" s="6">
        <v>562.51530000000002</v>
      </c>
      <c r="E26504" s="6">
        <v>542.09889999999996</v>
      </c>
    </row>
    <row r="26505" spans="4:5" x14ac:dyDescent="0.25">
      <c r="D26505" s="6">
        <v>580.66740000000004</v>
      </c>
      <c r="E26505" s="6">
        <v>1399.5889999999999</v>
      </c>
    </row>
    <row r="26506" spans="4:5" x14ac:dyDescent="0.25">
      <c r="D26506" s="6">
        <v>3745.6089999999999</v>
      </c>
      <c r="E26506" s="6">
        <v>661.50509999999997</v>
      </c>
    </row>
    <row r="26507" spans="4:5" x14ac:dyDescent="0.25">
      <c r="D26507" s="6">
        <v>3243.2910000000002</v>
      </c>
      <c r="E26507" s="6">
        <v>3283.1190000000001</v>
      </c>
    </row>
    <row r="26508" spans="4:5" x14ac:dyDescent="0.25">
      <c r="D26508" s="6">
        <v>562.66930000000002</v>
      </c>
      <c r="E26508" s="6">
        <v>5959.54</v>
      </c>
    </row>
    <row r="26509" spans="4:5" x14ac:dyDescent="0.25">
      <c r="D26509" s="6">
        <v>453.31790000000001</v>
      </c>
      <c r="E26509" s="6">
        <v>885.8415</v>
      </c>
    </row>
    <row r="26510" spans="4:5" x14ac:dyDescent="0.25">
      <c r="D26510" s="6">
        <v>2816.192</v>
      </c>
      <c r="E26510" s="6">
        <v>1203.9110000000001</v>
      </c>
    </row>
    <row r="26511" spans="4:5" x14ac:dyDescent="0.25">
      <c r="D26511" s="6">
        <v>4859.4570000000003</v>
      </c>
      <c r="E26511" s="6">
        <v>951.68560000000002</v>
      </c>
    </row>
    <row r="26512" spans="4:5" x14ac:dyDescent="0.25">
      <c r="D26512" s="6">
        <v>5276.607</v>
      </c>
      <c r="E26512" s="6">
        <v>937.35879999999997</v>
      </c>
    </row>
    <row r="26513" spans="4:5" x14ac:dyDescent="0.25">
      <c r="D26513" s="6">
        <v>4483.2179999999998</v>
      </c>
      <c r="E26513" s="6">
        <v>876.97209999999995</v>
      </c>
    </row>
    <row r="26514" spans="4:5" x14ac:dyDescent="0.25">
      <c r="D26514" s="6">
        <v>1297.5999999999999</v>
      </c>
      <c r="E26514" s="6">
        <v>559.8931</v>
      </c>
    </row>
    <row r="26515" spans="4:5" x14ac:dyDescent="0.25">
      <c r="D26515" s="6">
        <v>1313.414</v>
      </c>
      <c r="E26515" s="6">
        <v>3629.5819999999999</v>
      </c>
    </row>
    <row r="26516" spans="4:5" x14ac:dyDescent="0.25">
      <c r="D26516" s="6">
        <v>1030.0260000000001</v>
      </c>
      <c r="E26516" s="6">
        <v>1077.02</v>
      </c>
    </row>
    <row r="26517" spans="4:5" x14ac:dyDescent="0.25">
      <c r="D26517" s="6">
        <v>567.25440000000003</v>
      </c>
      <c r="E26517" s="6">
        <v>897.57820000000004</v>
      </c>
    </row>
    <row r="26518" spans="4:5" x14ac:dyDescent="0.25">
      <c r="D26518" s="6">
        <v>551.67240000000004</v>
      </c>
      <c r="E26518" s="6">
        <v>673.33810000000005</v>
      </c>
    </row>
    <row r="26519" spans="4:5" x14ac:dyDescent="0.25">
      <c r="D26519" s="6">
        <v>634.11199999999997</v>
      </c>
      <c r="E26519" s="6">
        <v>1141.508</v>
      </c>
    </row>
    <row r="26520" spans="4:5" x14ac:dyDescent="0.25">
      <c r="D26520" s="6">
        <v>2112.7429999999999</v>
      </c>
      <c r="E26520" s="6">
        <v>621.54399999999998</v>
      </c>
    </row>
    <row r="26521" spans="4:5" x14ac:dyDescent="0.25">
      <c r="D26521" s="6">
        <v>4309.8370000000004</v>
      </c>
      <c r="E26521" s="6">
        <v>1290.7470000000001</v>
      </c>
    </row>
    <row r="26522" spans="4:5" x14ac:dyDescent="0.25">
      <c r="D26522" s="6">
        <v>5136.1769999999997</v>
      </c>
      <c r="E26522" s="6">
        <v>640.58330000000001</v>
      </c>
    </row>
    <row r="26523" spans="4:5" x14ac:dyDescent="0.25">
      <c r="D26523" s="6">
        <v>774.09839999999997</v>
      </c>
      <c r="E26523" s="6">
        <v>3784.0059999999999</v>
      </c>
    </row>
    <row r="26524" spans="4:5" x14ac:dyDescent="0.25">
      <c r="D26524" s="6">
        <v>780.56330000000003</v>
      </c>
      <c r="E26524" s="6">
        <v>1512.3620000000001</v>
      </c>
    </row>
    <row r="26525" spans="4:5" x14ac:dyDescent="0.25">
      <c r="D26525" s="6">
        <v>4624.6189999999997</v>
      </c>
      <c r="E26525" s="6">
        <v>599.31380000000001</v>
      </c>
    </row>
    <row r="26526" spans="4:5" x14ac:dyDescent="0.25">
      <c r="D26526" s="6">
        <v>2061.0100000000002</v>
      </c>
      <c r="E26526" s="6">
        <v>726.37670000000003</v>
      </c>
    </row>
    <row r="26527" spans="4:5" x14ac:dyDescent="0.25">
      <c r="D26527" s="6">
        <v>524.57899999999995</v>
      </c>
      <c r="E26527" s="6">
        <v>5816.5789999999997</v>
      </c>
    </row>
    <row r="26528" spans="4:5" x14ac:dyDescent="0.25">
      <c r="D26528" s="6">
        <v>4380.4960000000001</v>
      </c>
      <c r="E26528" s="6">
        <v>559.85810000000004</v>
      </c>
    </row>
    <row r="26529" spans="4:5" x14ac:dyDescent="0.25">
      <c r="D26529" s="6">
        <v>878.43460000000005</v>
      </c>
      <c r="E26529" s="6">
        <v>578.91499999999996</v>
      </c>
    </row>
    <row r="26530" spans="4:5" x14ac:dyDescent="0.25">
      <c r="D26530" s="6">
        <v>2185.9450000000002</v>
      </c>
      <c r="E26530" s="6">
        <v>1482.7670000000001</v>
      </c>
    </row>
    <row r="26531" spans="4:5" x14ac:dyDescent="0.25">
      <c r="D26531" s="6">
        <v>585.70219999999995</v>
      </c>
      <c r="E26531" s="6">
        <v>970.19060000000002</v>
      </c>
    </row>
    <row r="26532" spans="4:5" x14ac:dyDescent="0.25">
      <c r="D26532" s="6">
        <v>485.57139999999998</v>
      </c>
      <c r="E26532" s="6">
        <v>1119.3489999999999</v>
      </c>
    </row>
    <row r="26533" spans="4:5" x14ac:dyDescent="0.25">
      <c r="D26533" s="6">
        <v>494.05340000000001</v>
      </c>
      <c r="E26533" s="6">
        <v>3325.4459999999999</v>
      </c>
    </row>
    <row r="26534" spans="4:5" x14ac:dyDescent="0.25">
      <c r="D26534" s="6">
        <v>4107.6679999999997</v>
      </c>
      <c r="E26534" s="6">
        <v>963.68669999999997</v>
      </c>
    </row>
    <row r="26535" spans="4:5" x14ac:dyDescent="0.25">
      <c r="D26535" s="6">
        <v>3377.1590000000001</v>
      </c>
      <c r="E26535" s="6">
        <v>2648.1590000000001</v>
      </c>
    </row>
    <row r="26536" spans="4:5" x14ac:dyDescent="0.25">
      <c r="D26536" s="6">
        <v>680.49059999999997</v>
      </c>
      <c r="E26536" s="6">
        <v>937.31269999999995</v>
      </c>
    </row>
    <row r="26537" spans="4:5" x14ac:dyDescent="0.25">
      <c r="D26537" s="6">
        <v>2901.5830000000001</v>
      </c>
      <c r="E26537" s="6">
        <v>581.76729999999998</v>
      </c>
    </row>
    <row r="26538" spans="4:5" x14ac:dyDescent="0.25">
      <c r="D26538" s="6">
        <v>653.21050000000002</v>
      </c>
      <c r="E26538" s="6">
        <v>3262.4369999999999</v>
      </c>
    </row>
    <row r="26539" spans="4:5" x14ac:dyDescent="0.25">
      <c r="D26539" s="6">
        <v>877.65750000000003</v>
      </c>
      <c r="E26539" s="6">
        <v>985.07860000000005</v>
      </c>
    </row>
    <row r="26540" spans="4:5" x14ac:dyDescent="0.25">
      <c r="D26540" s="6">
        <v>1427.7460000000001</v>
      </c>
      <c r="E26540" s="6">
        <v>519.4597</v>
      </c>
    </row>
    <row r="26541" spans="4:5" x14ac:dyDescent="0.25">
      <c r="D26541" s="6">
        <v>1020.347</v>
      </c>
      <c r="E26541" s="6">
        <v>523.13210000000004</v>
      </c>
    </row>
    <row r="26542" spans="4:5" x14ac:dyDescent="0.25">
      <c r="D26542" s="6">
        <v>558.07870000000003</v>
      </c>
      <c r="E26542" s="6">
        <v>1278.0740000000001</v>
      </c>
    </row>
    <row r="26543" spans="4:5" x14ac:dyDescent="0.25">
      <c r="D26543" s="6">
        <v>5472.6019999999999</v>
      </c>
      <c r="E26543" s="6">
        <v>3915.3339999999998</v>
      </c>
    </row>
    <row r="26544" spans="4:5" x14ac:dyDescent="0.25">
      <c r="D26544" s="6">
        <v>827.79240000000004</v>
      </c>
      <c r="E26544" s="6">
        <v>1234.924</v>
      </c>
    </row>
    <row r="26545" spans="4:5" x14ac:dyDescent="0.25">
      <c r="D26545" s="6">
        <v>1442.5940000000001</v>
      </c>
      <c r="E26545" s="6">
        <v>789.81079999999997</v>
      </c>
    </row>
    <row r="26546" spans="4:5" x14ac:dyDescent="0.25">
      <c r="D26546" s="6">
        <v>4159.4610000000002</v>
      </c>
      <c r="E26546" s="6">
        <v>2616.8710000000001</v>
      </c>
    </row>
    <row r="26547" spans="4:5" x14ac:dyDescent="0.25">
      <c r="D26547" s="6">
        <v>976.9058</v>
      </c>
      <c r="E26547" s="6">
        <v>1081.2550000000001</v>
      </c>
    </row>
    <row r="26548" spans="4:5" x14ac:dyDescent="0.25">
      <c r="D26548" s="6">
        <v>499.74279999999999</v>
      </c>
      <c r="E26548" s="6">
        <v>1343.33</v>
      </c>
    </row>
    <row r="26549" spans="4:5" x14ac:dyDescent="0.25">
      <c r="D26549" s="6">
        <v>711.86090000000002</v>
      </c>
      <c r="E26549" s="6">
        <v>2496.2370000000001</v>
      </c>
    </row>
    <row r="26550" spans="4:5" x14ac:dyDescent="0.25">
      <c r="D26550" s="6">
        <v>3909.6880000000001</v>
      </c>
      <c r="E26550" s="6">
        <v>1672.499</v>
      </c>
    </row>
    <row r="26551" spans="4:5" x14ac:dyDescent="0.25">
      <c r="D26551" s="6">
        <v>749.70180000000005</v>
      </c>
      <c r="E26551" s="6">
        <v>1454.7380000000001</v>
      </c>
    </row>
    <row r="26552" spans="4:5" x14ac:dyDescent="0.25">
      <c r="D26552" s="6">
        <v>502.48930000000001</v>
      </c>
      <c r="E26552" s="6">
        <v>595.72739999999999</v>
      </c>
    </row>
    <row r="26553" spans="4:5" x14ac:dyDescent="0.25">
      <c r="D26553" s="6">
        <v>3395.9940000000001</v>
      </c>
      <c r="E26553" s="6">
        <v>1263.4459999999999</v>
      </c>
    </row>
    <row r="26554" spans="4:5" x14ac:dyDescent="0.25">
      <c r="D26554" s="6">
        <v>4844.674</v>
      </c>
      <c r="E26554" s="6">
        <v>5949.22</v>
      </c>
    </row>
    <row r="26555" spans="4:5" x14ac:dyDescent="0.25">
      <c r="D26555" s="6">
        <v>3495.3919999999998</v>
      </c>
      <c r="E26555" s="6">
        <v>4919.2330000000002</v>
      </c>
    </row>
    <row r="26556" spans="4:5" x14ac:dyDescent="0.25">
      <c r="D26556" s="6">
        <v>442.62810000000002</v>
      </c>
      <c r="E26556" s="6">
        <v>713.91669999999999</v>
      </c>
    </row>
    <row r="26557" spans="4:5" x14ac:dyDescent="0.25">
      <c r="D26557" s="6">
        <v>573.72559999999999</v>
      </c>
      <c r="E26557" s="6">
        <v>1233.143</v>
      </c>
    </row>
    <row r="26558" spans="4:5" x14ac:dyDescent="0.25">
      <c r="D26558" s="6">
        <v>2312.3090000000002</v>
      </c>
      <c r="E26558" s="6">
        <v>1187.8150000000001</v>
      </c>
    </row>
    <row r="26559" spans="4:5" x14ac:dyDescent="0.25">
      <c r="D26559" s="6">
        <v>1465.6420000000001</v>
      </c>
      <c r="E26559" s="6">
        <v>635.57539999999995</v>
      </c>
    </row>
    <row r="26560" spans="4:5" x14ac:dyDescent="0.25">
      <c r="D26560" s="6">
        <v>851.76139999999998</v>
      </c>
      <c r="E26560" s="6">
        <v>1099.9100000000001</v>
      </c>
    </row>
    <row r="26561" spans="4:5" x14ac:dyDescent="0.25">
      <c r="D26561" s="6">
        <v>4219.1270000000004</v>
      </c>
      <c r="E26561" s="6">
        <v>625.25969999999995</v>
      </c>
    </row>
    <row r="26562" spans="4:5" x14ac:dyDescent="0.25">
      <c r="D26562" s="6">
        <v>668.42309999999998</v>
      </c>
      <c r="E26562" s="6">
        <v>1324.9880000000001</v>
      </c>
    </row>
    <row r="26563" spans="4:5" x14ac:dyDescent="0.25">
      <c r="D26563" s="6">
        <v>3207.2170000000001</v>
      </c>
      <c r="E26563" s="6">
        <v>722.73770000000002</v>
      </c>
    </row>
    <row r="26564" spans="4:5" x14ac:dyDescent="0.25">
      <c r="D26564" s="6">
        <v>978.23260000000005</v>
      </c>
      <c r="E26564" s="6">
        <v>2932.578</v>
      </c>
    </row>
    <row r="26565" spans="4:5" x14ac:dyDescent="0.25">
      <c r="D26565" s="6">
        <v>1430.854</v>
      </c>
      <c r="E26565" s="6">
        <v>4119.7969999999996</v>
      </c>
    </row>
    <row r="26566" spans="4:5" x14ac:dyDescent="0.25">
      <c r="D26566" s="6">
        <v>504.05709999999999</v>
      </c>
      <c r="E26566" s="6">
        <v>771.41520000000003</v>
      </c>
    </row>
    <row r="26567" spans="4:5" x14ac:dyDescent="0.25">
      <c r="D26567" s="6">
        <v>3644.3510000000001</v>
      </c>
      <c r="E26567" s="6">
        <v>464.47019999999998</v>
      </c>
    </row>
    <row r="26568" spans="4:5" x14ac:dyDescent="0.25">
      <c r="D26568" s="6">
        <v>1036.0119999999999</v>
      </c>
      <c r="E26568" s="6">
        <v>1105.826</v>
      </c>
    </row>
    <row r="26569" spans="4:5" x14ac:dyDescent="0.25">
      <c r="D26569" s="6">
        <v>1526.4380000000001</v>
      </c>
      <c r="E26569" s="6">
        <v>544.6354</v>
      </c>
    </row>
    <row r="26570" spans="4:5" x14ac:dyDescent="0.25">
      <c r="D26570" s="6">
        <v>2183.9969999999998</v>
      </c>
      <c r="E26570" s="6">
        <v>1031.598</v>
      </c>
    </row>
    <row r="26571" spans="4:5" x14ac:dyDescent="0.25">
      <c r="D26571" s="6">
        <v>2861.739</v>
      </c>
      <c r="E26571" s="6">
        <v>840.18389999999999</v>
      </c>
    </row>
    <row r="26572" spans="4:5" x14ac:dyDescent="0.25">
      <c r="D26572" s="6">
        <v>3917.0410000000002</v>
      </c>
      <c r="E26572" s="6">
        <v>614.08320000000003</v>
      </c>
    </row>
    <row r="26573" spans="4:5" x14ac:dyDescent="0.25">
      <c r="D26573" s="6">
        <v>610.91880000000003</v>
      </c>
      <c r="E26573" s="6">
        <v>491.50389999999999</v>
      </c>
    </row>
    <row r="26574" spans="4:5" x14ac:dyDescent="0.25">
      <c r="D26574" s="6">
        <v>1700.0709999999999</v>
      </c>
      <c r="E26574" s="6">
        <v>645.07560000000001</v>
      </c>
    </row>
    <row r="26575" spans="4:5" x14ac:dyDescent="0.25">
      <c r="D26575" s="6">
        <v>4331.4930000000004</v>
      </c>
      <c r="E26575" s="6">
        <v>553.05880000000002</v>
      </c>
    </row>
    <row r="26576" spans="4:5" x14ac:dyDescent="0.25">
      <c r="D26576" s="6">
        <v>994.62480000000005</v>
      </c>
      <c r="E26576" s="6">
        <v>653.0874</v>
      </c>
    </row>
    <row r="26577" spans="4:5" x14ac:dyDescent="0.25">
      <c r="D26577" s="6">
        <v>960.55039999999997</v>
      </c>
      <c r="E26577" s="6">
        <v>603.66869999999994</v>
      </c>
    </row>
    <row r="26578" spans="4:5" x14ac:dyDescent="0.25">
      <c r="D26578" s="6">
        <v>488.2312</v>
      </c>
      <c r="E26578" s="6">
        <v>1000.958</v>
      </c>
    </row>
    <row r="26579" spans="4:5" x14ac:dyDescent="0.25">
      <c r="D26579" s="6">
        <v>855.26329999999996</v>
      </c>
      <c r="E26579" s="6">
        <v>1458.7629999999999</v>
      </c>
    </row>
    <row r="26580" spans="4:5" x14ac:dyDescent="0.25">
      <c r="D26580" s="6">
        <v>791.00160000000005</v>
      </c>
      <c r="E26580" s="6">
        <v>678.83360000000005</v>
      </c>
    </row>
    <row r="26581" spans="4:5" x14ac:dyDescent="0.25">
      <c r="D26581" s="6">
        <v>3659.4259999999999</v>
      </c>
      <c r="E26581" s="6">
        <v>3223.098</v>
      </c>
    </row>
    <row r="26582" spans="4:5" x14ac:dyDescent="0.25">
      <c r="D26582" s="6">
        <v>1010.825</v>
      </c>
      <c r="E26582" s="6">
        <v>1826.046</v>
      </c>
    </row>
    <row r="26583" spans="4:5" x14ac:dyDescent="0.25">
      <c r="D26583" s="6">
        <v>551.07659999999998</v>
      </c>
      <c r="E26583" s="6">
        <v>889.68349999999998</v>
      </c>
    </row>
    <row r="26584" spans="4:5" x14ac:dyDescent="0.25">
      <c r="D26584" s="6">
        <v>896.95</v>
      </c>
      <c r="E26584" s="6">
        <v>1620.778</v>
      </c>
    </row>
    <row r="26585" spans="4:5" x14ac:dyDescent="0.25">
      <c r="D26585" s="6">
        <v>782.15350000000001</v>
      </c>
      <c r="E26585" s="6">
        <v>520.94629999999995</v>
      </c>
    </row>
    <row r="26586" spans="4:5" x14ac:dyDescent="0.25">
      <c r="D26586" s="6">
        <v>1305.3320000000001</v>
      </c>
      <c r="E26586" s="6">
        <v>1894.095</v>
      </c>
    </row>
    <row r="26587" spans="4:5" x14ac:dyDescent="0.25">
      <c r="D26587" s="6">
        <v>4283.9930000000004</v>
      </c>
      <c r="E26587" s="6">
        <v>1503.4359999999999</v>
      </c>
    </row>
    <row r="26588" spans="4:5" x14ac:dyDescent="0.25">
      <c r="D26588" s="6">
        <v>710.79300000000001</v>
      </c>
      <c r="E26588" s="6">
        <v>1026.383</v>
      </c>
    </row>
    <row r="26589" spans="4:5" x14ac:dyDescent="0.25">
      <c r="D26589" s="6">
        <v>4649.6279999999997</v>
      </c>
      <c r="E26589" s="6">
        <v>4142.6009999999997</v>
      </c>
    </row>
    <row r="26590" spans="4:5" x14ac:dyDescent="0.25">
      <c r="D26590" s="6">
        <v>1712.9380000000001</v>
      </c>
      <c r="E26590" s="6">
        <v>908.46190000000001</v>
      </c>
    </row>
    <row r="26591" spans="4:5" x14ac:dyDescent="0.25">
      <c r="D26591" s="6">
        <v>4554.2839999999997</v>
      </c>
      <c r="E26591" s="6">
        <v>6457</v>
      </c>
    </row>
    <row r="26592" spans="4:5" x14ac:dyDescent="0.25">
      <c r="D26592" s="6">
        <v>612.43740000000003</v>
      </c>
      <c r="E26592" s="6">
        <v>883.54060000000004</v>
      </c>
    </row>
    <row r="26593" spans="4:5" x14ac:dyDescent="0.25">
      <c r="D26593" s="6">
        <v>2599.4549999999999</v>
      </c>
      <c r="E26593" s="6">
        <v>4127.0690000000004</v>
      </c>
    </row>
    <row r="26594" spans="4:5" x14ac:dyDescent="0.25">
      <c r="D26594" s="6">
        <v>1756.7139999999999</v>
      </c>
      <c r="E26594" s="6">
        <v>4457.9669999999996</v>
      </c>
    </row>
    <row r="26595" spans="4:5" x14ac:dyDescent="0.25">
      <c r="D26595" s="6">
        <v>4880.3329999999996</v>
      </c>
      <c r="E26595" s="6">
        <v>2224.1280000000002</v>
      </c>
    </row>
    <row r="26596" spans="4:5" x14ac:dyDescent="0.25">
      <c r="D26596" s="6">
        <v>596.15509999999995</v>
      </c>
      <c r="E26596" s="6">
        <v>570.70159999999998</v>
      </c>
    </row>
    <row r="26597" spans="4:5" x14ac:dyDescent="0.25">
      <c r="D26597" s="6">
        <v>2648.46</v>
      </c>
      <c r="E26597" s="6">
        <v>3799.3090000000002</v>
      </c>
    </row>
    <row r="26598" spans="4:5" x14ac:dyDescent="0.25">
      <c r="D26598" s="6">
        <v>3736.855</v>
      </c>
      <c r="E26598" s="6">
        <v>1330.6959999999999</v>
      </c>
    </row>
    <row r="26599" spans="4:5" x14ac:dyDescent="0.25">
      <c r="D26599" s="6">
        <v>2392.386</v>
      </c>
      <c r="E26599" s="6">
        <v>470.875</v>
      </c>
    </row>
    <row r="26600" spans="4:5" x14ac:dyDescent="0.25">
      <c r="D26600" s="6">
        <v>839.07989999999995</v>
      </c>
      <c r="E26600" s="6">
        <v>599.83259999999996</v>
      </c>
    </row>
    <row r="26601" spans="4:5" x14ac:dyDescent="0.25">
      <c r="D26601" s="6">
        <v>556.77919999999995</v>
      </c>
      <c r="E26601" s="6">
        <v>530.01009999999997</v>
      </c>
    </row>
    <row r="26602" spans="4:5" x14ac:dyDescent="0.25">
      <c r="D26602" s="6">
        <v>535.31169999999997</v>
      </c>
      <c r="E26602" s="6">
        <v>638.30349999999999</v>
      </c>
    </row>
    <row r="26603" spans="4:5" x14ac:dyDescent="0.25">
      <c r="D26603" s="6">
        <v>2254.375</v>
      </c>
      <c r="E26603" s="6">
        <v>1312.806</v>
      </c>
    </row>
    <row r="26604" spans="4:5" x14ac:dyDescent="0.25">
      <c r="D26604" s="6">
        <v>851.03420000000006</v>
      </c>
      <c r="E26604" s="6">
        <v>2448.9459999999999</v>
      </c>
    </row>
    <row r="26605" spans="4:5" x14ac:dyDescent="0.25">
      <c r="D26605" s="6">
        <v>1208.877</v>
      </c>
      <c r="E26605" s="6">
        <v>5303.357</v>
      </c>
    </row>
    <row r="26606" spans="4:5" x14ac:dyDescent="0.25">
      <c r="D26606" s="6">
        <v>870.71810000000005</v>
      </c>
      <c r="E26606" s="6">
        <v>1930.4570000000001</v>
      </c>
    </row>
    <row r="26607" spans="4:5" x14ac:dyDescent="0.25">
      <c r="D26607" s="6">
        <v>676.1037</v>
      </c>
      <c r="E26607" s="6">
        <v>846.70039999999995</v>
      </c>
    </row>
    <row r="26608" spans="4:5" x14ac:dyDescent="0.25">
      <c r="D26608" s="6">
        <v>1228.1590000000001</v>
      </c>
      <c r="E26608" s="6">
        <v>632.63160000000005</v>
      </c>
    </row>
    <row r="26609" spans="4:5" x14ac:dyDescent="0.25">
      <c r="D26609" s="6">
        <v>658.06200000000001</v>
      </c>
      <c r="E26609" s="6">
        <v>1366.7139999999999</v>
      </c>
    </row>
    <row r="26610" spans="4:5" x14ac:dyDescent="0.25">
      <c r="D26610" s="6">
        <v>5250.4170000000004</v>
      </c>
      <c r="E26610" s="6">
        <v>2772.136</v>
      </c>
    </row>
    <row r="26611" spans="4:5" x14ac:dyDescent="0.25">
      <c r="D26611" s="6">
        <v>6024.7479999999996</v>
      </c>
      <c r="E26611" s="6">
        <v>12130.21</v>
      </c>
    </row>
    <row r="26612" spans="4:5" x14ac:dyDescent="0.25">
      <c r="D26612" s="6">
        <v>621.01289999999995</v>
      </c>
      <c r="E26612" s="6">
        <v>1879.7180000000001</v>
      </c>
    </row>
    <row r="26613" spans="4:5" x14ac:dyDescent="0.25">
      <c r="D26613" s="6">
        <v>624.92859999999996</v>
      </c>
      <c r="E26613" s="6">
        <v>549.44650000000001</v>
      </c>
    </row>
    <row r="26614" spans="4:5" x14ac:dyDescent="0.25">
      <c r="D26614" s="6">
        <v>3445.5140000000001</v>
      </c>
      <c r="E26614" s="6">
        <v>2738.83</v>
      </c>
    </row>
    <row r="26615" spans="4:5" x14ac:dyDescent="0.25">
      <c r="D26615" s="6">
        <v>554.59720000000004</v>
      </c>
      <c r="E26615" s="6">
        <v>587.98680000000002</v>
      </c>
    </row>
    <row r="26616" spans="4:5" x14ac:dyDescent="0.25">
      <c r="D26616" s="6">
        <v>633.61199999999997</v>
      </c>
      <c r="E26616" s="6">
        <v>2423.4720000000002</v>
      </c>
    </row>
    <row r="26617" spans="4:5" x14ac:dyDescent="0.25">
      <c r="D26617" s="6">
        <v>3343.2220000000002</v>
      </c>
      <c r="E26617" s="6">
        <v>657.36289999999997</v>
      </c>
    </row>
    <row r="26618" spans="4:5" x14ac:dyDescent="0.25">
      <c r="D26618" s="6">
        <v>558.15430000000003</v>
      </c>
      <c r="E26618" s="6">
        <v>822.63019999999995</v>
      </c>
    </row>
    <row r="26619" spans="4:5" x14ac:dyDescent="0.25">
      <c r="D26619" s="6">
        <v>556.64229999999998</v>
      </c>
      <c r="E26619" s="6">
        <v>4882.4049999999997</v>
      </c>
    </row>
    <row r="26620" spans="4:5" x14ac:dyDescent="0.25">
      <c r="D26620" s="6">
        <v>1125.308</v>
      </c>
      <c r="E26620" s="6">
        <v>1030.191</v>
      </c>
    </row>
    <row r="26621" spans="4:5" x14ac:dyDescent="0.25">
      <c r="D26621" s="6">
        <v>2191.6849999999999</v>
      </c>
      <c r="E26621" s="6">
        <v>804.00649999999996</v>
      </c>
    </row>
    <row r="26622" spans="4:5" x14ac:dyDescent="0.25">
      <c r="D26622" s="6">
        <v>4873.1469999999999</v>
      </c>
      <c r="E26622" s="6">
        <v>1202.57</v>
      </c>
    </row>
    <row r="26623" spans="4:5" x14ac:dyDescent="0.25">
      <c r="D26623" s="6">
        <v>557.41420000000005</v>
      </c>
      <c r="E26623" s="6">
        <v>1436.3520000000001</v>
      </c>
    </row>
    <row r="26624" spans="4:5" x14ac:dyDescent="0.25">
      <c r="D26624" s="6">
        <v>2582.6930000000002</v>
      </c>
      <c r="E26624" s="6">
        <v>633.48260000000005</v>
      </c>
    </row>
    <row r="26625" spans="4:5" x14ac:dyDescent="0.25">
      <c r="D26625" s="6">
        <v>414.66090000000003</v>
      </c>
      <c r="E26625" s="6">
        <v>781.18520000000001</v>
      </c>
    </row>
    <row r="26626" spans="4:5" x14ac:dyDescent="0.25">
      <c r="D26626" s="6">
        <v>475</v>
      </c>
      <c r="E26626" s="6">
        <v>1258.8920000000001</v>
      </c>
    </row>
    <row r="26627" spans="4:5" x14ac:dyDescent="0.25">
      <c r="D26627" s="6">
        <v>5760.817</v>
      </c>
      <c r="E26627" s="6">
        <v>506.74610000000001</v>
      </c>
    </row>
    <row r="26628" spans="4:5" x14ac:dyDescent="0.25">
      <c r="D26628" s="6">
        <v>5794.6459999999997</v>
      </c>
      <c r="E26628" s="6">
        <v>977.73609999999996</v>
      </c>
    </row>
    <row r="26629" spans="4:5" x14ac:dyDescent="0.25">
      <c r="D26629" s="6">
        <v>530.88760000000002</v>
      </c>
      <c r="E26629" s="6">
        <v>1243.338</v>
      </c>
    </row>
    <row r="26630" spans="4:5" x14ac:dyDescent="0.25">
      <c r="D26630" s="6">
        <v>590.06290000000001</v>
      </c>
      <c r="E26630" s="6">
        <v>920.94150000000002</v>
      </c>
    </row>
    <row r="26631" spans="4:5" x14ac:dyDescent="0.25">
      <c r="D26631" s="6">
        <v>579.31529999999998</v>
      </c>
      <c r="E26631" s="6">
        <v>3418.2060000000001</v>
      </c>
    </row>
    <row r="26632" spans="4:5" x14ac:dyDescent="0.25">
      <c r="D26632" s="6">
        <v>1298.635</v>
      </c>
      <c r="E26632" s="6">
        <v>634.6173</v>
      </c>
    </row>
    <row r="26633" spans="4:5" x14ac:dyDescent="0.25">
      <c r="D26633" s="6">
        <v>4573.7740000000003</v>
      </c>
      <c r="E26633" s="6">
        <v>1016.793</v>
      </c>
    </row>
    <row r="26634" spans="4:5" x14ac:dyDescent="0.25">
      <c r="D26634" s="6">
        <v>4795.3819999999996</v>
      </c>
      <c r="E26634" s="6">
        <v>572.23009999999999</v>
      </c>
    </row>
    <row r="26635" spans="4:5" x14ac:dyDescent="0.25">
      <c r="D26635" s="6">
        <v>3449.59</v>
      </c>
      <c r="E26635" s="6">
        <v>786.66380000000004</v>
      </c>
    </row>
    <row r="26636" spans="4:5" x14ac:dyDescent="0.25">
      <c r="D26636" s="6">
        <v>1307.9749999999999</v>
      </c>
      <c r="E26636" s="6">
        <v>1804.3150000000001</v>
      </c>
    </row>
    <row r="26637" spans="4:5" x14ac:dyDescent="0.25">
      <c r="D26637" s="6">
        <v>444.08339999999998</v>
      </c>
      <c r="E26637" s="6">
        <v>1762.356</v>
      </c>
    </row>
    <row r="26638" spans="4:5" x14ac:dyDescent="0.25">
      <c r="D26638" s="6">
        <v>4578.4260000000004</v>
      </c>
      <c r="E26638" s="6">
        <v>2849.058</v>
      </c>
    </row>
    <row r="26639" spans="4:5" x14ac:dyDescent="0.25">
      <c r="D26639" s="6">
        <v>3182.1559999999999</v>
      </c>
      <c r="E26639" s="6">
        <v>1060.3430000000001</v>
      </c>
    </row>
    <row r="26640" spans="4:5" x14ac:dyDescent="0.25">
      <c r="D26640" s="6">
        <v>423.62819999999999</v>
      </c>
      <c r="E26640" s="6">
        <v>956.17079999999999</v>
      </c>
    </row>
    <row r="26641" spans="4:5" x14ac:dyDescent="0.25">
      <c r="D26641" s="6">
        <v>712.66079999999999</v>
      </c>
      <c r="E26641" s="6">
        <v>603.43079999999998</v>
      </c>
    </row>
    <row r="26642" spans="4:5" x14ac:dyDescent="0.25">
      <c r="D26642" s="6">
        <v>231.13159999999999</v>
      </c>
      <c r="E26642" s="6">
        <v>968.87270000000001</v>
      </c>
    </row>
    <row r="26643" spans="4:5" x14ac:dyDescent="0.25">
      <c r="D26643" s="6">
        <v>2561.3249999999998</v>
      </c>
      <c r="E26643" s="6">
        <v>594.78030000000001</v>
      </c>
    </row>
    <row r="26644" spans="4:5" x14ac:dyDescent="0.25">
      <c r="D26644" s="6">
        <v>4270.7740000000003</v>
      </c>
      <c r="E26644" s="6">
        <v>1180.741</v>
      </c>
    </row>
    <row r="26645" spans="4:5" x14ac:dyDescent="0.25">
      <c r="D26645" s="6">
        <v>900.65089999999998</v>
      </c>
      <c r="E26645" s="6">
        <v>899.19079999999997</v>
      </c>
    </row>
    <row r="26646" spans="4:5" x14ac:dyDescent="0.25">
      <c r="D26646" s="6">
        <v>707.54160000000002</v>
      </c>
      <c r="E26646" s="6">
        <v>819.94119999999998</v>
      </c>
    </row>
    <row r="26647" spans="4:5" x14ac:dyDescent="0.25">
      <c r="D26647" s="6">
        <v>799.55129999999997</v>
      </c>
      <c r="E26647" s="6">
        <v>1108.357</v>
      </c>
    </row>
    <row r="26648" spans="4:5" x14ac:dyDescent="0.25">
      <c r="D26648" s="6">
        <v>3582.0509999999999</v>
      </c>
      <c r="E26648" s="6">
        <v>647.84010000000001</v>
      </c>
    </row>
    <row r="26649" spans="4:5" x14ac:dyDescent="0.25">
      <c r="D26649" s="6">
        <v>523.05579999999998</v>
      </c>
      <c r="E26649" s="6">
        <v>535.72860000000003</v>
      </c>
    </row>
    <row r="26650" spans="4:5" x14ac:dyDescent="0.25">
      <c r="D26650" s="6">
        <v>861.76340000000005</v>
      </c>
      <c r="E26650" s="6">
        <v>638.77160000000003</v>
      </c>
    </row>
    <row r="26651" spans="4:5" x14ac:dyDescent="0.25">
      <c r="D26651" s="6">
        <v>520.37019999999995</v>
      </c>
      <c r="E26651" s="6">
        <v>1644.212</v>
      </c>
    </row>
    <row r="26652" spans="4:5" x14ac:dyDescent="0.25">
      <c r="D26652" s="6">
        <v>3082.2060000000001</v>
      </c>
      <c r="E26652" s="6">
        <v>896.73860000000002</v>
      </c>
    </row>
    <row r="26653" spans="4:5" x14ac:dyDescent="0.25">
      <c r="D26653" s="6">
        <v>569.32690000000002</v>
      </c>
      <c r="E26653" s="6">
        <v>975.65390000000002</v>
      </c>
    </row>
    <row r="26654" spans="4:5" x14ac:dyDescent="0.25">
      <c r="D26654" s="6">
        <v>536.49260000000004</v>
      </c>
      <c r="E26654" s="6">
        <v>1142.4739999999999</v>
      </c>
    </row>
    <row r="26655" spans="4:5" x14ac:dyDescent="0.25">
      <c r="D26655" s="6">
        <v>1005.273</v>
      </c>
      <c r="E26655" s="6">
        <v>1291.643</v>
      </c>
    </row>
    <row r="26656" spans="4:5" x14ac:dyDescent="0.25">
      <c r="D26656" s="6">
        <v>4707.134</v>
      </c>
      <c r="E26656" s="6">
        <v>571.9692</v>
      </c>
    </row>
    <row r="26657" spans="4:5" x14ac:dyDescent="0.25">
      <c r="D26657" s="6">
        <v>877.17669999999998</v>
      </c>
      <c r="E26657" s="6">
        <v>1684.8119999999999</v>
      </c>
    </row>
    <row r="26658" spans="4:5" x14ac:dyDescent="0.25">
      <c r="D26658" s="6">
        <v>636.40970000000004</v>
      </c>
      <c r="E26658" s="6">
        <v>655.37829999999997</v>
      </c>
    </row>
    <row r="26659" spans="4:5" x14ac:dyDescent="0.25">
      <c r="D26659" s="6">
        <v>602.44320000000005</v>
      </c>
      <c r="E26659" s="6">
        <v>534.10389999999995</v>
      </c>
    </row>
    <row r="26660" spans="4:5" x14ac:dyDescent="0.25">
      <c r="D26660" s="6">
        <v>2925.0659999999998</v>
      </c>
      <c r="E26660" s="6">
        <v>1168.4079999999999</v>
      </c>
    </row>
    <row r="26661" spans="4:5" x14ac:dyDescent="0.25">
      <c r="D26661" s="6">
        <v>3864.78</v>
      </c>
      <c r="E26661" s="6">
        <v>1207.9739999999999</v>
      </c>
    </row>
    <row r="26662" spans="4:5" x14ac:dyDescent="0.25">
      <c r="D26662" s="6">
        <v>5394.6540000000005</v>
      </c>
      <c r="E26662" s="6">
        <v>985.13130000000001</v>
      </c>
    </row>
    <row r="26663" spans="4:5" x14ac:dyDescent="0.25">
      <c r="D26663" s="6">
        <v>796.40200000000004</v>
      </c>
      <c r="E26663" s="6">
        <v>3674.364</v>
      </c>
    </row>
    <row r="26664" spans="4:5" x14ac:dyDescent="0.25">
      <c r="D26664" s="6">
        <v>7303.5680000000002</v>
      </c>
      <c r="E26664" s="6">
        <v>1049.4269999999999</v>
      </c>
    </row>
    <row r="26665" spans="4:5" x14ac:dyDescent="0.25">
      <c r="D26665" s="6">
        <v>3030.884</v>
      </c>
      <c r="E26665" s="6">
        <v>738.90949999999998</v>
      </c>
    </row>
    <row r="26666" spans="4:5" x14ac:dyDescent="0.25">
      <c r="D26666" s="6">
        <v>1594.8520000000001</v>
      </c>
      <c r="E26666" s="6">
        <v>843.32100000000003</v>
      </c>
    </row>
    <row r="26667" spans="4:5" x14ac:dyDescent="0.25">
      <c r="D26667" s="6">
        <v>1351.8009999999999</v>
      </c>
      <c r="E26667" s="6">
        <v>2700</v>
      </c>
    </row>
    <row r="26668" spans="4:5" x14ac:dyDescent="0.25">
      <c r="D26668" s="6">
        <v>2806.4769999999999</v>
      </c>
      <c r="E26668" s="6">
        <v>823.17049999999995</v>
      </c>
    </row>
    <row r="26669" spans="4:5" x14ac:dyDescent="0.25">
      <c r="D26669" s="6">
        <v>177.50540000000001</v>
      </c>
      <c r="E26669" s="6">
        <v>2474.9290000000001</v>
      </c>
    </row>
    <row r="26670" spans="4:5" x14ac:dyDescent="0.25">
      <c r="D26670" s="6">
        <v>3968.0619999999999</v>
      </c>
      <c r="E26670" s="6">
        <v>2119.1999999999998</v>
      </c>
    </row>
    <row r="26671" spans="4:5" x14ac:dyDescent="0.25">
      <c r="D26671" s="6">
        <v>1632.6510000000001</v>
      </c>
      <c r="E26671" s="6">
        <v>1378.097</v>
      </c>
    </row>
    <row r="26672" spans="4:5" x14ac:dyDescent="0.25">
      <c r="D26672" s="6">
        <v>575.72119999999995</v>
      </c>
      <c r="E26672" s="6">
        <v>586.91729999999995</v>
      </c>
    </row>
    <row r="26673" spans="4:5" x14ac:dyDescent="0.25">
      <c r="D26673" s="6">
        <v>942.07169999999996</v>
      </c>
      <c r="E26673" s="6">
        <v>583.56830000000002</v>
      </c>
    </row>
    <row r="26674" spans="4:5" x14ac:dyDescent="0.25">
      <c r="D26674" s="6">
        <v>868.98850000000004</v>
      </c>
      <c r="E26674" s="6">
        <v>673.68169999999998</v>
      </c>
    </row>
    <row r="26675" spans="4:5" x14ac:dyDescent="0.25">
      <c r="D26675" s="6">
        <v>581.81470000000002</v>
      </c>
      <c r="E26675" s="6">
        <v>676.21510000000001</v>
      </c>
    </row>
    <row r="26676" spans="4:5" x14ac:dyDescent="0.25">
      <c r="D26676" s="6">
        <v>500.58429999999998</v>
      </c>
      <c r="E26676" s="6">
        <v>2699.1120000000001</v>
      </c>
    </row>
    <row r="26677" spans="4:5" x14ac:dyDescent="0.25">
      <c r="D26677" s="6">
        <v>1440.0119999999999</v>
      </c>
      <c r="E26677" s="6">
        <v>1283.7080000000001</v>
      </c>
    </row>
    <row r="26678" spans="4:5" x14ac:dyDescent="0.25">
      <c r="D26678" s="6">
        <v>543.43449999999996</v>
      </c>
      <c r="E26678" s="6">
        <v>840.5652</v>
      </c>
    </row>
    <row r="26679" spans="4:5" x14ac:dyDescent="0.25">
      <c r="D26679" s="6">
        <v>752.27390000000003</v>
      </c>
      <c r="E26679" s="6">
        <v>2795.9679999999998</v>
      </c>
    </row>
    <row r="26680" spans="4:5" x14ac:dyDescent="0.25">
      <c r="D26680" s="6">
        <v>2908.2739999999999</v>
      </c>
      <c r="E26680" s="6">
        <v>1109.875</v>
      </c>
    </row>
    <row r="26681" spans="4:5" x14ac:dyDescent="0.25">
      <c r="D26681" s="6">
        <v>333.73070000000001</v>
      </c>
      <c r="E26681" s="6">
        <v>1036.912</v>
      </c>
    </row>
    <row r="26682" spans="4:5" x14ac:dyDescent="0.25">
      <c r="D26682" s="6">
        <v>2294.1439999999998</v>
      </c>
      <c r="E26682" s="6">
        <v>3821.4609999999998</v>
      </c>
    </row>
    <row r="26683" spans="4:5" x14ac:dyDescent="0.25">
      <c r="D26683" s="6">
        <v>4658.3149999999996</v>
      </c>
      <c r="E26683" s="6">
        <v>1001.131</v>
      </c>
    </row>
    <row r="26684" spans="4:5" x14ac:dyDescent="0.25">
      <c r="D26684" s="6">
        <v>3628.6790000000001</v>
      </c>
      <c r="E26684" s="6">
        <v>1067.9480000000001</v>
      </c>
    </row>
    <row r="26685" spans="4:5" x14ac:dyDescent="0.25">
      <c r="D26685" s="6">
        <v>2551.7249999999999</v>
      </c>
      <c r="E26685" s="6">
        <v>673.90020000000004</v>
      </c>
    </row>
    <row r="26686" spans="4:5" x14ac:dyDescent="0.25">
      <c r="D26686" s="6">
        <v>1656.0550000000001</v>
      </c>
      <c r="E26686" s="6">
        <v>910.72339999999997</v>
      </c>
    </row>
    <row r="26687" spans="4:5" x14ac:dyDescent="0.25">
      <c r="D26687" s="6">
        <v>546.45100000000002</v>
      </c>
      <c r="E26687" s="6">
        <v>551.24900000000002</v>
      </c>
    </row>
    <row r="26688" spans="4:5" x14ac:dyDescent="0.25">
      <c r="D26688" s="6">
        <v>1002.05</v>
      </c>
      <c r="E26688" s="6">
        <v>807.99490000000003</v>
      </c>
    </row>
    <row r="26689" spans="4:5" x14ac:dyDescent="0.25">
      <c r="D26689" s="6">
        <v>607.89930000000004</v>
      </c>
      <c r="E26689" s="6">
        <v>536.98969999999997</v>
      </c>
    </row>
    <row r="26690" spans="4:5" x14ac:dyDescent="0.25">
      <c r="D26690" s="6">
        <v>1351.951</v>
      </c>
      <c r="E26690" s="6">
        <v>1323.279</v>
      </c>
    </row>
    <row r="26691" spans="4:5" x14ac:dyDescent="0.25">
      <c r="D26691" s="6">
        <v>3406.8229999999999</v>
      </c>
      <c r="E26691" s="6">
        <v>3127.817</v>
      </c>
    </row>
    <row r="26692" spans="4:5" x14ac:dyDescent="0.25">
      <c r="D26692" s="6">
        <v>3007.34</v>
      </c>
      <c r="E26692" s="6">
        <v>2235.0410000000002</v>
      </c>
    </row>
    <row r="26693" spans="4:5" x14ac:dyDescent="0.25">
      <c r="D26693" s="6">
        <v>1006.855</v>
      </c>
      <c r="E26693" s="6">
        <v>1218.223</v>
      </c>
    </row>
    <row r="26694" spans="4:5" x14ac:dyDescent="0.25">
      <c r="D26694" s="6">
        <v>2971.89</v>
      </c>
      <c r="E26694" s="6">
        <v>536.02829999999994</v>
      </c>
    </row>
    <row r="26695" spans="4:5" x14ac:dyDescent="0.25">
      <c r="D26695" s="6">
        <v>1343.6669999999999</v>
      </c>
      <c r="E26695" s="6">
        <v>444.35599999999999</v>
      </c>
    </row>
    <row r="26696" spans="4:5" x14ac:dyDescent="0.25">
      <c r="D26696" s="6">
        <v>640.30359999999996</v>
      </c>
      <c r="E26696" s="6">
        <v>2653.49</v>
      </c>
    </row>
    <row r="26697" spans="4:5" x14ac:dyDescent="0.25">
      <c r="D26697" s="6">
        <v>788.10450000000003</v>
      </c>
      <c r="E26697" s="6">
        <v>1581.998</v>
      </c>
    </row>
    <row r="26698" spans="4:5" x14ac:dyDescent="0.25">
      <c r="D26698" s="6">
        <v>1064.9680000000001</v>
      </c>
      <c r="E26698" s="6">
        <v>8566.607</v>
      </c>
    </row>
    <row r="26699" spans="4:5" x14ac:dyDescent="0.25">
      <c r="D26699" s="6">
        <v>4477.5</v>
      </c>
      <c r="E26699" s="6">
        <v>3028.9490000000001</v>
      </c>
    </row>
    <row r="26700" spans="4:5" x14ac:dyDescent="0.25">
      <c r="D26700" s="6">
        <v>2776.134</v>
      </c>
      <c r="E26700" s="6">
        <v>925.9479</v>
      </c>
    </row>
    <row r="26701" spans="4:5" x14ac:dyDescent="0.25">
      <c r="D26701" s="6">
        <v>545.58050000000003</v>
      </c>
      <c r="E26701" s="6">
        <v>2944.0659999999998</v>
      </c>
    </row>
    <row r="26702" spans="4:5" x14ac:dyDescent="0.25">
      <c r="D26702" s="6">
        <v>1084.4929999999999</v>
      </c>
      <c r="E26702" s="6">
        <v>1108.9349999999999</v>
      </c>
    </row>
    <row r="26703" spans="4:5" x14ac:dyDescent="0.25">
      <c r="D26703" s="6">
        <v>1704.998</v>
      </c>
      <c r="E26703" s="6">
        <v>599.96550000000002</v>
      </c>
    </row>
    <row r="26704" spans="4:5" x14ac:dyDescent="0.25">
      <c r="D26704" s="6">
        <v>648.73810000000003</v>
      </c>
      <c r="E26704" s="6">
        <v>1242.444</v>
      </c>
    </row>
    <row r="26705" spans="4:5" x14ac:dyDescent="0.25">
      <c r="D26705" s="6">
        <v>3693.2350000000001</v>
      </c>
      <c r="E26705" s="6">
        <v>902.21460000000002</v>
      </c>
    </row>
    <row r="26706" spans="4:5" x14ac:dyDescent="0.25">
      <c r="D26706" s="6">
        <v>3903.1419999999998</v>
      </c>
      <c r="E26706" s="6">
        <v>6552.1670000000004</v>
      </c>
    </row>
    <row r="26707" spans="4:5" x14ac:dyDescent="0.25">
      <c r="D26707" s="6">
        <v>1662.53</v>
      </c>
      <c r="E26707" s="6">
        <v>2605.3829999999998</v>
      </c>
    </row>
    <row r="26708" spans="4:5" x14ac:dyDescent="0.25">
      <c r="D26708" s="6">
        <v>546.73230000000001</v>
      </c>
      <c r="E26708" s="6">
        <v>1778.2819999999999</v>
      </c>
    </row>
    <row r="26709" spans="4:5" x14ac:dyDescent="0.25">
      <c r="D26709" s="6">
        <v>3921.248</v>
      </c>
      <c r="E26709" s="6">
        <v>1755.809</v>
      </c>
    </row>
    <row r="26710" spans="4:5" x14ac:dyDescent="0.25">
      <c r="D26710" s="6">
        <v>1000.597</v>
      </c>
      <c r="E26710" s="6">
        <v>1417.694</v>
      </c>
    </row>
    <row r="26711" spans="4:5" x14ac:dyDescent="0.25">
      <c r="D26711" s="6">
        <v>1691.2439999999999</v>
      </c>
      <c r="E26711" s="6">
        <v>2305.4209999999998</v>
      </c>
    </row>
    <row r="26712" spans="4:5" x14ac:dyDescent="0.25">
      <c r="D26712" s="6">
        <v>515</v>
      </c>
      <c r="E26712" s="6">
        <v>635.36590000000001</v>
      </c>
    </row>
    <row r="26713" spans="4:5" x14ac:dyDescent="0.25">
      <c r="D26713" s="6">
        <v>3036.7249999999999</v>
      </c>
      <c r="E26713" s="6">
        <v>911.87729999999999</v>
      </c>
    </row>
    <row r="26714" spans="4:5" x14ac:dyDescent="0.25">
      <c r="D26714" s="6">
        <v>1549.3530000000001</v>
      </c>
      <c r="E26714" s="6">
        <v>1592.98</v>
      </c>
    </row>
    <row r="26715" spans="4:5" x14ac:dyDescent="0.25">
      <c r="D26715" s="6">
        <v>988.81479999999999</v>
      </c>
      <c r="E26715" s="6">
        <v>519.48940000000005</v>
      </c>
    </row>
    <row r="26716" spans="4:5" x14ac:dyDescent="0.25">
      <c r="D26716" s="6">
        <v>963.0779</v>
      </c>
      <c r="E26716" s="6">
        <v>1147.3510000000001</v>
      </c>
    </row>
    <row r="26717" spans="4:5" x14ac:dyDescent="0.25">
      <c r="D26717" s="6">
        <v>457.31670000000003</v>
      </c>
      <c r="E26717" s="6">
        <v>907.55280000000005</v>
      </c>
    </row>
    <row r="26718" spans="4:5" x14ac:dyDescent="0.25">
      <c r="D26718" s="6">
        <v>558.68560000000002</v>
      </c>
      <c r="E26718" s="6">
        <v>508.47770000000003</v>
      </c>
    </row>
    <row r="26719" spans="4:5" x14ac:dyDescent="0.25">
      <c r="D26719" s="6">
        <v>5547.3450000000003</v>
      </c>
      <c r="E26719" s="6">
        <v>601.34079999999994</v>
      </c>
    </row>
    <row r="26720" spans="4:5" x14ac:dyDescent="0.25">
      <c r="D26720" s="6">
        <v>1291.8510000000001</v>
      </c>
      <c r="E26720" s="6">
        <v>1784.175</v>
      </c>
    </row>
    <row r="26721" spans="4:5" x14ac:dyDescent="0.25">
      <c r="D26721" s="6">
        <v>3858.6109999999999</v>
      </c>
      <c r="E26721" s="6">
        <v>545.84320000000002</v>
      </c>
    </row>
    <row r="26722" spans="4:5" x14ac:dyDescent="0.25">
      <c r="D26722" s="6">
        <v>1280.7070000000001</v>
      </c>
      <c r="E26722" s="6">
        <v>1756.9880000000001</v>
      </c>
    </row>
    <row r="26723" spans="4:5" x14ac:dyDescent="0.25">
      <c r="D26723" s="6">
        <v>3722.1550000000002</v>
      </c>
      <c r="E26723" s="6">
        <v>1195.579</v>
      </c>
    </row>
    <row r="26724" spans="4:5" x14ac:dyDescent="0.25">
      <c r="D26724" s="6">
        <v>802.91570000000002</v>
      </c>
      <c r="E26724" s="6">
        <v>566.15430000000003</v>
      </c>
    </row>
    <row r="26725" spans="4:5" x14ac:dyDescent="0.25">
      <c r="D26725" s="6">
        <v>551.15650000000005</v>
      </c>
      <c r="E26725" s="6">
        <v>1324.2439999999999</v>
      </c>
    </row>
    <row r="26726" spans="4:5" x14ac:dyDescent="0.25">
      <c r="D26726" s="6">
        <v>554.86329999999998</v>
      </c>
      <c r="E26726" s="6">
        <v>673.09249999999997</v>
      </c>
    </row>
    <row r="26727" spans="4:5" x14ac:dyDescent="0.25">
      <c r="D26727" s="6">
        <v>2389.4119999999998</v>
      </c>
      <c r="E26727" s="6">
        <v>1012.494</v>
      </c>
    </row>
    <row r="26728" spans="4:5" x14ac:dyDescent="0.25">
      <c r="D26728" s="6">
        <v>671.18359999999996</v>
      </c>
      <c r="E26728" s="6">
        <v>583.56910000000005</v>
      </c>
    </row>
    <row r="26729" spans="4:5" x14ac:dyDescent="0.25">
      <c r="D26729" s="6">
        <v>3718.0680000000002</v>
      </c>
      <c r="E26729" s="6">
        <v>545.78210000000001</v>
      </c>
    </row>
    <row r="26730" spans="4:5" x14ac:dyDescent="0.25">
      <c r="D26730" s="6">
        <v>651.07389999999998</v>
      </c>
      <c r="E26730" s="6">
        <v>689.60820000000001</v>
      </c>
    </row>
    <row r="26731" spans="4:5" x14ac:dyDescent="0.25">
      <c r="D26731" s="6">
        <v>609.89290000000005</v>
      </c>
      <c r="E26731" s="6">
        <v>683.85860000000002</v>
      </c>
    </row>
    <row r="26732" spans="4:5" x14ac:dyDescent="0.25">
      <c r="D26732" s="6">
        <v>1359.826</v>
      </c>
      <c r="E26732" s="6">
        <v>589.46019999999999</v>
      </c>
    </row>
    <row r="26733" spans="4:5" x14ac:dyDescent="0.25">
      <c r="D26733" s="6">
        <v>951.32910000000004</v>
      </c>
      <c r="E26733" s="6">
        <v>1177.241</v>
      </c>
    </row>
    <row r="26734" spans="4:5" x14ac:dyDescent="0.25">
      <c r="D26734" s="6">
        <v>6098.4989999999998</v>
      </c>
      <c r="E26734" s="6">
        <v>8715.68</v>
      </c>
    </row>
    <row r="26735" spans="4:5" x14ac:dyDescent="0.25">
      <c r="D26735" s="6">
        <v>726.14120000000003</v>
      </c>
      <c r="E26735" s="6">
        <v>734.15769999999998</v>
      </c>
    </row>
    <row r="26736" spans="4:5" x14ac:dyDescent="0.25">
      <c r="D26736" s="6">
        <v>2030.961</v>
      </c>
      <c r="E26736" s="6">
        <v>1001.424</v>
      </c>
    </row>
    <row r="26737" spans="4:5" x14ac:dyDescent="0.25">
      <c r="D26737" s="6">
        <v>1878.7370000000001</v>
      </c>
      <c r="E26737" s="6">
        <v>1071.9459999999999</v>
      </c>
    </row>
    <row r="26738" spans="4:5" x14ac:dyDescent="0.25">
      <c r="D26738" s="6">
        <v>864.20569999999998</v>
      </c>
      <c r="E26738" s="6">
        <v>592.82280000000003</v>
      </c>
    </row>
    <row r="26739" spans="4:5" x14ac:dyDescent="0.25">
      <c r="D26739" s="6">
        <v>1505.9480000000001</v>
      </c>
      <c r="E26739" s="6">
        <v>782.41010000000006</v>
      </c>
    </row>
    <row r="26740" spans="4:5" x14ac:dyDescent="0.25">
      <c r="D26740" s="6">
        <v>3260.473</v>
      </c>
      <c r="E26740" s="6">
        <v>1217.318</v>
      </c>
    </row>
    <row r="26741" spans="4:5" x14ac:dyDescent="0.25">
      <c r="D26741" s="6">
        <v>3431.4940000000001</v>
      </c>
      <c r="E26741" s="6">
        <v>1475.9860000000001</v>
      </c>
    </row>
    <row r="26742" spans="4:5" x14ac:dyDescent="0.25">
      <c r="D26742" s="6">
        <v>3813.8470000000002</v>
      </c>
      <c r="E26742" s="6">
        <v>555.52099999999996</v>
      </c>
    </row>
    <row r="26743" spans="4:5" x14ac:dyDescent="0.25">
      <c r="D26743" s="6">
        <v>506.50970000000001</v>
      </c>
      <c r="E26743" s="6">
        <v>3749.5949999999998</v>
      </c>
    </row>
    <row r="26744" spans="4:5" x14ac:dyDescent="0.25">
      <c r="D26744" s="6">
        <v>761.3569</v>
      </c>
      <c r="E26744" s="6">
        <v>3366.2710000000002</v>
      </c>
    </row>
    <row r="26745" spans="4:5" x14ac:dyDescent="0.25">
      <c r="D26745" s="6">
        <v>1086.0830000000001</v>
      </c>
      <c r="E26745" s="6">
        <v>728.38459999999998</v>
      </c>
    </row>
    <row r="26746" spans="4:5" x14ac:dyDescent="0.25">
      <c r="D26746" s="6">
        <v>1925.729</v>
      </c>
      <c r="E26746" s="6">
        <v>510.61790000000002</v>
      </c>
    </row>
    <row r="26747" spans="4:5" x14ac:dyDescent="0.25">
      <c r="D26747" s="6">
        <v>736.53710000000001</v>
      </c>
      <c r="E26747" s="6">
        <v>597.72190000000001</v>
      </c>
    </row>
    <row r="26748" spans="4:5" x14ac:dyDescent="0.25">
      <c r="D26748" s="6">
        <v>3424.2710000000002</v>
      </c>
      <c r="E26748" s="6">
        <v>1194.4390000000001</v>
      </c>
    </row>
    <row r="26749" spans="4:5" x14ac:dyDescent="0.25">
      <c r="D26749" s="6">
        <v>2262.848</v>
      </c>
      <c r="E26749" s="6">
        <v>5170.665</v>
      </c>
    </row>
    <row r="26750" spans="4:5" x14ac:dyDescent="0.25">
      <c r="D26750" s="6">
        <v>724.13959999999997</v>
      </c>
      <c r="E26750" s="6">
        <v>825.24220000000003</v>
      </c>
    </row>
    <row r="26751" spans="4:5" x14ac:dyDescent="0.25">
      <c r="D26751" s="6">
        <v>1359.5540000000001</v>
      </c>
      <c r="E26751" s="6">
        <v>1359.444</v>
      </c>
    </row>
    <row r="26752" spans="4:5" x14ac:dyDescent="0.25">
      <c r="D26752" s="6">
        <v>4013.71</v>
      </c>
      <c r="E26752" s="6">
        <v>929.88099999999997</v>
      </c>
    </row>
    <row r="26753" spans="4:5" x14ac:dyDescent="0.25">
      <c r="D26753" s="6">
        <v>574.29399999999998</v>
      </c>
      <c r="E26753" s="6">
        <v>633.44770000000005</v>
      </c>
    </row>
    <row r="26754" spans="4:5" x14ac:dyDescent="0.25">
      <c r="D26754" s="6">
        <v>541.85149999999999</v>
      </c>
      <c r="E26754" s="6">
        <v>967.19420000000002</v>
      </c>
    </row>
    <row r="26755" spans="4:5" x14ac:dyDescent="0.25">
      <c r="D26755" s="6">
        <v>1046.559</v>
      </c>
      <c r="E26755" s="6">
        <v>1351.056</v>
      </c>
    </row>
    <row r="26756" spans="4:5" x14ac:dyDescent="0.25">
      <c r="D26756" s="6">
        <v>1314.365</v>
      </c>
      <c r="E26756" s="6">
        <v>2274.654</v>
      </c>
    </row>
    <row r="26757" spans="4:5" x14ac:dyDescent="0.25">
      <c r="D26757" s="6">
        <v>501.28680000000003</v>
      </c>
      <c r="E26757" s="6">
        <v>1374.231</v>
      </c>
    </row>
    <row r="26758" spans="4:5" x14ac:dyDescent="0.25">
      <c r="D26758" s="6">
        <v>3550.5439999999999</v>
      </c>
      <c r="E26758" s="6">
        <v>1170.519</v>
      </c>
    </row>
    <row r="26759" spans="4:5" x14ac:dyDescent="0.25">
      <c r="D26759" s="6">
        <v>3805.3670000000002</v>
      </c>
      <c r="E26759" s="6">
        <v>551.91579999999999</v>
      </c>
    </row>
    <row r="26760" spans="4:5" x14ac:dyDescent="0.25">
      <c r="D26760" s="6">
        <v>1522.6579999999999</v>
      </c>
      <c r="E26760" s="6">
        <v>1034.4280000000001</v>
      </c>
    </row>
    <row r="26761" spans="4:5" x14ac:dyDescent="0.25">
      <c r="D26761" s="6">
        <v>1194.8920000000001</v>
      </c>
      <c r="E26761" s="6">
        <v>896.31590000000006</v>
      </c>
    </row>
    <row r="26762" spans="4:5" x14ac:dyDescent="0.25">
      <c r="D26762" s="6">
        <v>647.05079999999998</v>
      </c>
      <c r="E26762" s="6">
        <v>2871.201</v>
      </c>
    </row>
    <row r="26763" spans="4:5" x14ac:dyDescent="0.25">
      <c r="D26763" s="6">
        <v>5290.1949999999997</v>
      </c>
      <c r="E26763" s="6">
        <v>1754.8969999999999</v>
      </c>
    </row>
    <row r="26764" spans="4:5" x14ac:dyDescent="0.25">
      <c r="D26764" s="6">
        <v>616.85630000000003</v>
      </c>
      <c r="E26764" s="6">
        <v>3293.9209999999998</v>
      </c>
    </row>
    <row r="26765" spans="4:5" x14ac:dyDescent="0.25">
      <c r="D26765" s="6">
        <v>538.97389999999996</v>
      </c>
      <c r="E26765" s="6">
        <v>692.46709999999996</v>
      </c>
    </row>
    <row r="26766" spans="4:5" x14ac:dyDescent="0.25">
      <c r="D26766" s="6">
        <v>501.67989999999998</v>
      </c>
      <c r="E26766" s="6">
        <v>670.40390000000002</v>
      </c>
    </row>
    <row r="26767" spans="4:5" x14ac:dyDescent="0.25">
      <c r="D26767" s="6">
        <v>988.09220000000005</v>
      </c>
      <c r="E26767" s="6">
        <v>973.07010000000002</v>
      </c>
    </row>
    <row r="26768" spans="4:5" x14ac:dyDescent="0.25">
      <c r="D26768" s="6">
        <v>3425.0129999999999</v>
      </c>
      <c r="E26768" s="6">
        <v>898.18949999999995</v>
      </c>
    </row>
    <row r="26769" spans="4:5" x14ac:dyDescent="0.25">
      <c r="D26769" s="6">
        <v>1302.4369999999999</v>
      </c>
      <c r="E26769" s="6">
        <v>1028.2560000000001</v>
      </c>
    </row>
    <row r="26770" spans="4:5" x14ac:dyDescent="0.25">
      <c r="D26770" s="6">
        <v>3914.8180000000002</v>
      </c>
      <c r="E26770" s="6">
        <v>766.20979999999997</v>
      </c>
    </row>
    <row r="26771" spans="4:5" x14ac:dyDescent="0.25">
      <c r="D26771" s="6">
        <v>952.15859999999998</v>
      </c>
      <c r="E26771" s="6">
        <v>1726.0429999999999</v>
      </c>
    </row>
    <row r="26772" spans="4:5" x14ac:dyDescent="0.25">
      <c r="D26772" s="6">
        <v>1070.1859999999999</v>
      </c>
      <c r="E26772" s="6">
        <v>3565.9520000000002</v>
      </c>
    </row>
    <row r="26773" spans="4:5" x14ac:dyDescent="0.25">
      <c r="D26773" s="6">
        <v>1158.105</v>
      </c>
      <c r="E26773" s="6">
        <v>1951.2439999999999</v>
      </c>
    </row>
    <row r="26774" spans="4:5" x14ac:dyDescent="0.25">
      <c r="D26774" s="6">
        <v>988.32140000000004</v>
      </c>
      <c r="E26774" s="6">
        <v>4071.7289999999998</v>
      </c>
    </row>
    <row r="26775" spans="4:5" x14ac:dyDescent="0.25">
      <c r="D26775" s="6">
        <v>549.70079999999996</v>
      </c>
      <c r="E26775" s="6">
        <v>514.73919999999998</v>
      </c>
    </row>
    <row r="26776" spans="4:5" x14ac:dyDescent="0.25">
      <c r="D26776" s="6">
        <v>501.47070000000002</v>
      </c>
      <c r="E26776" s="6">
        <v>782.11180000000002</v>
      </c>
    </row>
    <row r="26777" spans="4:5" x14ac:dyDescent="0.25">
      <c r="D26777" s="6">
        <v>978.70309999999995</v>
      </c>
      <c r="E26777" s="6">
        <v>1841.6559999999999</v>
      </c>
    </row>
    <row r="26778" spans="4:5" x14ac:dyDescent="0.25">
      <c r="D26778" s="6">
        <v>502.83859999999999</v>
      </c>
      <c r="E26778" s="6">
        <v>499.339</v>
      </c>
    </row>
    <row r="26779" spans="4:5" x14ac:dyDescent="0.25">
      <c r="D26779" s="6">
        <v>530.76049999999998</v>
      </c>
      <c r="E26779" s="6">
        <v>3172.3020000000001</v>
      </c>
    </row>
    <row r="26780" spans="4:5" x14ac:dyDescent="0.25">
      <c r="D26780" s="6">
        <v>627.66669999999999</v>
      </c>
      <c r="E26780" s="6">
        <v>560.26030000000003</v>
      </c>
    </row>
    <row r="26781" spans="4:5" x14ac:dyDescent="0.25">
      <c r="D26781" s="6">
        <v>5148.2950000000001</v>
      </c>
      <c r="E26781" s="6">
        <v>1133.8109999999999</v>
      </c>
    </row>
    <row r="26782" spans="4:5" x14ac:dyDescent="0.25">
      <c r="D26782" s="6">
        <v>4068.2179999999998</v>
      </c>
      <c r="E26782" s="6">
        <v>1357.152</v>
      </c>
    </row>
    <row r="26783" spans="4:5" x14ac:dyDescent="0.25">
      <c r="D26783" s="6">
        <v>652.68669999999997</v>
      </c>
      <c r="E26783" s="6">
        <v>1271.826</v>
      </c>
    </row>
    <row r="26784" spans="4:5" x14ac:dyDescent="0.25">
      <c r="D26784" s="6">
        <v>1002.367</v>
      </c>
      <c r="E26784" s="6">
        <v>3572.4780000000001</v>
      </c>
    </row>
    <row r="26785" spans="4:5" x14ac:dyDescent="0.25">
      <c r="D26785" s="6">
        <v>1508.771</v>
      </c>
      <c r="E26785" s="6">
        <v>1389.5940000000001</v>
      </c>
    </row>
    <row r="26786" spans="4:5" x14ac:dyDescent="0.25">
      <c r="D26786" s="6">
        <v>3775.74</v>
      </c>
      <c r="E26786" s="6">
        <v>1101.202</v>
      </c>
    </row>
    <row r="26787" spans="4:5" x14ac:dyDescent="0.25">
      <c r="D26787" s="6">
        <v>4104.7510000000002</v>
      </c>
      <c r="E26787" s="6">
        <v>561.60149999999999</v>
      </c>
    </row>
    <row r="26788" spans="4:5" x14ac:dyDescent="0.25">
      <c r="D26788" s="6">
        <v>557.75940000000003</v>
      </c>
      <c r="E26788" s="6">
        <v>642.13220000000001</v>
      </c>
    </row>
    <row r="26789" spans="4:5" x14ac:dyDescent="0.25">
      <c r="D26789" s="6">
        <v>1107.6079999999999</v>
      </c>
      <c r="E26789" s="6">
        <v>824.27530000000002</v>
      </c>
    </row>
    <row r="26790" spans="4:5" x14ac:dyDescent="0.25">
      <c r="D26790" s="6">
        <v>1098.5070000000001</v>
      </c>
      <c r="E26790" s="6">
        <v>904.98559999999998</v>
      </c>
    </row>
    <row r="26791" spans="4:5" x14ac:dyDescent="0.25">
      <c r="D26791" s="6">
        <v>502.94029999999998</v>
      </c>
      <c r="E26791" s="6">
        <v>1448.5260000000001</v>
      </c>
    </row>
    <row r="26792" spans="4:5" x14ac:dyDescent="0.25">
      <c r="D26792" s="6">
        <v>1415.231</v>
      </c>
      <c r="E26792" s="6">
        <v>1021.126</v>
      </c>
    </row>
    <row r="26793" spans="4:5" x14ac:dyDescent="0.25">
      <c r="D26793" s="6">
        <v>1436.297</v>
      </c>
      <c r="E26793" s="6">
        <v>682.87059999999997</v>
      </c>
    </row>
    <row r="26794" spans="4:5" x14ac:dyDescent="0.25">
      <c r="D26794" s="6">
        <v>695.11829999999998</v>
      </c>
      <c r="E26794" s="6">
        <v>567.48140000000001</v>
      </c>
    </row>
    <row r="26795" spans="4:5" x14ac:dyDescent="0.25">
      <c r="D26795" s="6">
        <v>4122.9690000000001</v>
      </c>
      <c r="E26795" s="6">
        <v>1298.4659999999999</v>
      </c>
    </row>
    <row r="26796" spans="4:5" x14ac:dyDescent="0.25">
      <c r="D26796" s="6">
        <v>1235.7139999999999</v>
      </c>
      <c r="E26796" s="6">
        <v>1760.479</v>
      </c>
    </row>
    <row r="26797" spans="4:5" x14ac:dyDescent="0.25">
      <c r="D26797" s="6">
        <v>3657.761</v>
      </c>
      <c r="E26797" s="6">
        <v>793.76009999999997</v>
      </c>
    </row>
    <row r="26798" spans="4:5" x14ac:dyDescent="0.25">
      <c r="D26798" s="6">
        <v>1801.991</v>
      </c>
      <c r="E26798" s="6">
        <v>1171.7159999999999</v>
      </c>
    </row>
    <row r="26799" spans="4:5" x14ac:dyDescent="0.25">
      <c r="D26799" s="6">
        <v>1467.81</v>
      </c>
      <c r="E26799" s="6">
        <v>761.28319999999997</v>
      </c>
    </row>
    <row r="26800" spans="4:5" x14ac:dyDescent="0.25">
      <c r="D26800" s="6">
        <v>2639.788</v>
      </c>
      <c r="E26800" s="6">
        <v>525.87649999999996</v>
      </c>
    </row>
    <row r="26801" spans="4:5" x14ac:dyDescent="0.25">
      <c r="D26801" s="6">
        <v>2213.3209999999999</v>
      </c>
      <c r="E26801" s="6">
        <v>3065.127</v>
      </c>
    </row>
    <row r="26802" spans="4:5" x14ac:dyDescent="0.25">
      <c r="D26802" s="6">
        <v>471.69150000000002</v>
      </c>
      <c r="E26802" s="6">
        <v>6562.5360000000001</v>
      </c>
    </row>
    <row r="26803" spans="4:5" x14ac:dyDescent="0.25">
      <c r="D26803" s="6">
        <v>692.36839999999995</v>
      </c>
      <c r="E26803" s="6">
        <v>1218.6969999999999</v>
      </c>
    </row>
    <row r="26804" spans="4:5" x14ac:dyDescent="0.25">
      <c r="D26804" s="6">
        <v>4292.7460000000001</v>
      </c>
      <c r="E26804" s="6">
        <v>664.31190000000004</v>
      </c>
    </row>
    <row r="26805" spans="4:5" x14ac:dyDescent="0.25">
      <c r="D26805" s="6">
        <v>2579.8710000000001</v>
      </c>
      <c r="E26805" s="6">
        <v>427.54230000000001</v>
      </c>
    </row>
    <row r="26806" spans="4:5" x14ac:dyDescent="0.25">
      <c r="D26806" s="6">
        <v>3467.0479999999998</v>
      </c>
      <c r="E26806" s="6">
        <v>1056.9179999999999</v>
      </c>
    </row>
    <row r="26807" spans="4:5" x14ac:dyDescent="0.25">
      <c r="D26807" s="6">
        <v>4274.7169999999996</v>
      </c>
      <c r="E26807" s="6">
        <v>4647.643</v>
      </c>
    </row>
    <row r="26808" spans="4:5" x14ac:dyDescent="0.25">
      <c r="D26808" s="6">
        <v>1002.119</v>
      </c>
      <c r="E26808" s="6">
        <v>1198.393</v>
      </c>
    </row>
    <row r="26809" spans="4:5" x14ac:dyDescent="0.25">
      <c r="D26809" s="6">
        <v>1155.4449999999999</v>
      </c>
      <c r="E26809" s="6">
        <v>735.39610000000005</v>
      </c>
    </row>
    <row r="26810" spans="4:5" x14ac:dyDescent="0.25">
      <c r="D26810" s="6">
        <v>4214.4009999999998</v>
      </c>
      <c r="E26810" s="6">
        <v>9351.7540000000008</v>
      </c>
    </row>
    <row r="26811" spans="4:5" x14ac:dyDescent="0.25">
      <c r="D26811" s="6">
        <v>2044.896</v>
      </c>
      <c r="E26811" s="6">
        <v>4316.933</v>
      </c>
    </row>
    <row r="26812" spans="4:5" x14ac:dyDescent="0.25">
      <c r="D26812" s="6">
        <v>3572.587</v>
      </c>
      <c r="E26812" s="6">
        <v>527.22029999999995</v>
      </c>
    </row>
    <row r="26813" spans="4:5" x14ac:dyDescent="0.25">
      <c r="D26813" s="6">
        <v>4799.5519999999997</v>
      </c>
      <c r="E26813" s="6">
        <v>2912.444</v>
      </c>
    </row>
    <row r="26814" spans="4:5" x14ac:dyDescent="0.25">
      <c r="D26814" s="6">
        <v>1107.5650000000001</v>
      </c>
      <c r="E26814" s="6">
        <v>560.95830000000001</v>
      </c>
    </row>
    <row r="26815" spans="4:5" x14ac:dyDescent="0.25">
      <c r="D26815" s="6">
        <v>4549.1260000000002</v>
      </c>
      <c r="E26815" s="6">
        <v>716.39750000000004</v>
      </c>
    </row>
    <row r="26816" spans="4:5" x14ac:dyDescent="0.25">
      <c r="D26816" s="6">
        <v>531.82899999999995</v>
      </c>
      <c r="E26816" s="6">
        <v>966.39729999999997</v>
      </c>
    </row>
    <row r="26817" spans="4:5" x14ac:dyDescent="0.25">
      <c r="D26817" s="6">
        <v>794.84709999999995</v>
      </c>
      <c r="E26817" s="6">
        <v>673.50840000000005</v>
      </c>
    </row>
    <row r="26818" spans="4:5" x14ac:dyDescent="0.25">
      <c r="D26818" s="6">
        <v>4279.3239999999996</v>
      </c>
      <c r="E26818" s="6">
        <v>552.88430000000005</v>
      </c>
    </row>
    <row r="26819" spans="4:5" x14ac:dyDescent="0.25">
      <c r="D26819" s="6">
        <v>2346.8449999999998</v>
      </c>
      <c r="E26819" s="6">
        <v>661.07899999999995</v>
      </c>
    </row>
    <row r="26820" spans="4:5" x14ac:dyDescent="0.25">
      <c r="D26820" s="6">
        <v>3815.1030000000001</v>
      </c>
      <c r="E26820" s="6">
        <v>556.82249999999999</v>
      </c>
    </row>
    <row r="26821" spans="4:5" x14ac:dyDescent="0.25">
      <c r="D26821" s="6">
        <v>6283.857</v>
      </c>
      <c r="E26821" s="6">
        <v>3196.116</v>
      </c>
    </row>
    <row r="26822" spans="4:5" x14ac:dyDescent="0.25">
      <c r="D26822" s="6">
        <v>2760.25</v>
      </c>
      <c r="E26822" s="6">
        <v>1611.703</v>
      </c>
    </row>
    <row r="26823" spans="4:5" x14ac:dyDescent="0.25">
      <c r="D26823" s="6">
        <v>917.02739999999994</v>
      </c>
      <c r="E26823" s="6">
        <v>1185.3330000000001</v>
      </c>
    </row>
    <row r="26824" spans="4:5" x14ac:dyDescent="0.25">
      <c r="D26824" s="6">
        <v>557.68550000000005</v>
      </c>
      <c r="E26824" s="6">
        <v>891.08019999999999</v>
      </c>
    </row>
    <row r="26825" spans="4:5" x14ac:dyDescent="0.25">
      <c r="D26825" s="6">
        <v>7410.8429999999998</v>
      </c>
      <c r="E26825" s="6">
        <v>732.44920000000002</v>
      </c>
    </row>
    <row r="26826" spans="4:5" x14ac:dyDescent="0.25">
      <c r="D26826" s="6">
        <v>618.90539999999999</v>
      </c>
      <c r="E26826" s="6">
        <v>1300.2560000000001</v>
      </c>
    </row>
    <row r="26827" spans="4:5" x14ac:dyDescent="0.25">
      <c r="D26827" s="6">
        <v>1124.4839999999999</v>
      </c>
      <c r="E26827" s="6">
        <v>1293.825</v>
      </c>
    </row>
    <row r="26828" spans="4:5" x14ac:dyDescent="0.25">
      <c r="D26828" s="6">
        <v>4919.4250000000002</v>
      </c>
      <c r="E26828" s="6">
        <v>2169.9450000000002</v>
      </c>
    </row>
    <row r="26829" spans="4:5" x14ac:dyDescent="0.25">
      <c r="D26829" s="6">
        <v>3135.6080000000002</v>
      </c>
      <c r="E26829" s="6">
        <v>861.77629999999999</v>
      </c>
    </row>
    <row r="26830" spans="4:5" x14ac:dyDescent="0.25">
      <c r="D26830" s="6">
        <v>3643.9520000000002</v>
      </c>
      <c r="E26830" s="6">
        <v>465.93329999999997</v>
      </c>
    </row>
    <row r="26831" spans="4:5" x14ac:dyDescent="0.25">
      <c r="D26831" s="6">
        <v>4463.424</v>
      </c>
      <c r="E26831" s="6">
        <v>2856.4940000000001</v>
      </c>
    </row>
    <row r="26832" spans="4:5" x14ac:dyDescent="0.25">
      <c r="D26832" s="6">
        <v>477.1413</v>
      </c>
      <c r="E26832" s="6">
        <v>593.48770000000002</v>
      </c>
    </row>
    <row r="26833" spans="4:5" x14ac:dyDescent="0.25">
      <c r="D26833" s="6">
        <v>4455.66</v>
      </c>
      <c r="E26833" s="6">
        <v>939.06299999999999</v>
      </c>
    </row>
    <row r="26834" spans="4:5" x14ac:dyDescent="0.25">
      <c r="D26834" s="6">
        <v>10700</v>
      </c>
      <c r="E26834" s="6">
        <v>4373.13</v>
      </c>
    </row>
    <row r="26835" spans="4:5" x14ac:dyDescent="0.25">
      <c r="D26835" s="6">
        <v>2782.056</v>
      </c>
      <c r="E26835" s="6">
        <v>672.08090000000004</v>
      </c>
    </row>
    <row r="26836" spans="4:5" x14ac:dyDescent="0.25">
      <c r="D26836" s="6">
        <v>685.16579999999999</v>
      </c>
      <c r="E26836" s="6">
        <v>609.54280000000006</v>
      </c>
    </row>
    <row r="26837" spans="4:5" x14ac:dyDescent="0.25">
      <c r="D26837" s="6">
        <v>3168.0839999999998</v>
      </c>
      <c r="E26837" s="6">
        <v>992.35799999999995</v>
      </c>
    </row>
    <row r="26838" spans="4:5" x14ac:dyDescent="0.25">
      <c r="D26838" s="6">
        <v>4841.674</v>
      </c>
      <c r="E26838" s="6">
        <v>927.76840000000004</v>
      </c>
    </row>
    <row r="26839" spans="4:5" x14ac:dyDescent="0.25">
      <c r="D26839" s="6">
        <v>4099.4309999999996</v>
      </c>
      <c r="E26839" s="6">
        <v>613.36009999999999</v>
      </c>
    </row>
    <row r="26840" spans="4:5" x14ac:dyDescent="0.25">
      <c r="D26840" s="6">
        <v>911.62490000000003</v>
      </c>
      <c r="E26840" s="6">
        <v>651.39160000000004</v>
      </c>
    </row>
    <row r="26841" spans="4:5" x14ac:dyDescent="0.25">
      <c r="D26841" s="6">
        <v>3011.4459999999999</v>
      </c>
      <c r="E26841" s="6">
        <v>1128.884</v>
      </c>
    </row>
    <row r="26842" spans="4:5" x14ac:dyDescent="0.25">
      <c r="D26842" s="6">
        <v>553.82860000000005</v>
      </c>
      <c r="E26842" s="6">
        <v>558.94960000000003</v>
      </c>
    </row>
    <row r="26843" spans="4:5" x14ac:dyDescent="0.25">
      <c r="D26843" s="6">
        <v>1554.127</v>
      </c>
      <c r="E26843" s="6">
        <v>1075.0509999999999</v>
      </c>
    </row>
    <row r="26844" spans="4:5" x14ac:dyDescent="0.25">
      <c r="D26844" s="6">
        <v>2424.7109999999998</v>
      </c>
      <c r="E26844" s="6">
        <v>3395.03</v>
      </c>
    </row>
    <row r="26845" spans="4:5" x14ac:dyDescent="0.25">
      <c r="D26845" s="6">
        <v>939.78579999999999</v>
      </c>
      <c r="E26845" s="6">
        <v>1322.1489999999999</v>
      </c>
    </row>
    <row r="26846" spans="4:5" x14ac:dyDescent="0.25">
      <c r="D26846" s="6">
        <v>2491.7910000000002</v>
      </c>
      <c r="E26846" s="6">
        <v>987.45759999999996</v>
      </c>
    </row>
    <row r="26847" spans="4:5" x14ac:dyDescent="0.25">
      <c r="D26847" s="6">
        <v>635.61300000000006</v>
      </c>
      <c r="E26847" s="6">
        <v>922.2373</v>
      </c>
    </row>
    <row r="26848" spans="4:5" x14ac:dyDescent="0.25">
      <c r="D26848" s="6">
        <v>752.55129999999997</v>
      </c>
      <c r="E26848" s="6">
        <v>1034.085</v>
      </c>
    </row>
    <row r="26849" spans="4:5" x14ac:dyDescent="0.25">
      <c r="D26849" s="6">
        <v>463.53609999999998</v>
      </c>
      <c r="E26849" s="6">
        <v>895.03570000000002</v>
      </c>
    </row>
    <row r="26850" spans="4:5" x14ac:dyDescent="0.25">
      <c r="D26850" s="6">
        <v>880.68370000000004</v>
      </c>
      <c r="E26850" s="6">
        <v>465.11079999999998</v>
      </c>
    </row>
    <row r="26851" spans="4:5" x14ac:dyDescent="0.25">
      <c r="D26851" s="6">
        <v>246.95519999999999</v>
      </c>
      <c r="E26851" s="6">
        <v>449.68720000000002</v>
      </c>
    </row>
    <row r="26852" spans="4:5" x14ac:dyDescent="0.25">
      <c r="D26852" s="6">
        <v>1113.829</v>
      </c>
      <c r="E26852" s="6">
        <v>5608.2290000000003</v>
      </c>
    </row>
    <row r="26853" spans="4:5" x14ac:dyDescent="0.25">
      <c r="D26853" s="6">
        <v>501.81279999999998</v>
      </c>
      <c r="E26853" s="6">
        <v>4836.1170000000002</v>
      </c>
    </row>
    <row r="26854" spans="4:5" x14ac:dyDescent="0.25">
      <c r="D26854" s="6">
        <v>2138.0430000000001</v>
      </c>
      <c r="E26854" s="6">
        <v>1017.707</v>
      </c>
    </row>
    <row r="26855" spans="4:5" x14ac:dyDescent="0.25">
      <c r="D26855" s="6">
        <v>1118.837</v>
      </c>
      <c r="E26855" s="6">
        <v>1323.819</v>
      </c>
    </row>
    <row r="26856" spans="4:5" x14ac:dyDescent="0.25">
      <c r="D26856" s="6">
        <v>1579.2719999999999</v>
      </c>
      <c r="E26856" s="6">
        <v>570.82119999999998</v>
      </c>
    </row>
    <row r="26857" spans="4:5" x14ac:dyDescent="0.25">
      <c r="D26857" s="6">
        <v>3306.17</v>
      </c>
      <c r="E26857" s="6">
        <v>562.60900000000004</v>
      </c>
    </row>
    <row r="26858" spans="4:5" x14ac:dyDescent="0.25">
      <c r="D26858" s="6">
        <v>4438.6400000000003</v>
      </c>
      <c r="E26858" s="6">
        <v>15939</v>
      </c>
    </row>
    <row r="26859" spans="4:5" x14ac:dyDescent="0.25">
      <c r="D26859" s="6">
        <v>4152.4769999999999</v>
      </c>
      <c r="E26859" s="6">
        <v>567.6952</v>
      </c>
    </row>
    <row r="26860" spans="4:5" x14ac:dyDescent="0.25">
      <c r="D26860" s="6">
        <v>4719.585</v>
      </c>
      <c r="E26860" s="6">
        <v>468.5566</v>
      </c>
    </row>
    <row r="26861" spans="4:5" x14ac:dyDescent="0.25">
      <c r="D26861" s="6">
        <v>4576.567</v>
      </c>
      <c r="E26861" s="6">
        <v>1068.1500000000001</v>
      </c>
    </row>
    <row r="26862" spans="4:5" x14ac:dyDescent="0.25">
      <c r="D26862" s="6">
        <v>2114.8969999999999</v>
      </c>
      <c r="E26862" s="6">
        <v>694.74339999999995</v>
      </c>
    </row>
    <row r="26863" spans="4:5" x14ac:dyDescent="0.25">
      <c r="D26863" s="6">
        <v>3747.8440000000001</v>
      </c>
      <c r="E26863" s="6">
        <v>1025.9649999999999</v>
      </c>
    </row>
    <row r="26864" spans="4:5" x14ac:dyDescent="0.25">
      <c r="D26864" s="6">
        <v>2459.5680000000002</v>
      </c>
      <c r="E26864" s="6">
        <v>1717.634</v>
      </c>
    </row>
    <row r="26865" spans="4:5" x14ac:dyDescent="0.25">
      <c r="D26865" s="6">
        <v>3196.6669999999999</v>
      </c>
      <c r="E26865" s="6">
        <v>1203.701</v>
      </c>
    </row>
    <row r="26866" spans="4:5" x14ac:dyDescent="0.25">
      <c r="D26866" s="6">
        <v>3909.681</v>
      </c>
      <c r="E26866" s="6">
        <v>1464.2370000000001</v>
      </c>
    </row>
    <row r="26867" spans="4:5" x14ac:dyDescent="0.25">
      <c r="D26867" s="6">
        <v>6337.5619999999999</v>
      </c>
      <c r="E26867" s="6">
        <v>1051.2619999999999</v>
      </c>
    </row>
    <row r="26868" spans="4:5" x14ac:dyDescent="0.25">
      <c r="D26868" s="6">
        <v>550.29920000000004</v>
      </c>
      <c r="E26868" s="6">
        <v>1001.078</v>
      </c>
    </row>
    <row r="26869" spans="4:5" x14ac:dyDescent="0.25">
      <c r="D26869" s="6">
        <v>2732.7130000000002</v>
      </c>
      <c r="E26869" s="6">
        <v>567.94420000000002</v>
      </c>
    </row>
    <row r="26870" spans="4:5" x14ac:dyDescent="0.25">
      <c r="D26870" s="6">
        <v>703.86749999999995</v>
      </c>
      <c r="E26870" s="6">
        <v>580.10850000000005</v>
      </c>
    </row>
    <row r="26871" spans="4:5" x14ac:dyDescent="0.25">
      <c r="D26871" s="6">
        <v>986.48659999999995</v>
      </c>
      <c r="E26871" s="6">
        <v>3645.4160000000002</v>
      </c>
    </row>
    <row r="26872" spans="4:5" x14ac:dyDescent="0.25">
      <c r="D26872" s="6">
        <v>589.30449999999996</v>
      </c>
      <c r="E26872" s="6">
        <v>461.49599999999998</v>
      </c>
    </row>
    <row r="26873" spans="4:5" x14ac:dyDescent="0.25">
      <c r="D26873" s="6">
        <v>5050.165</v>
      </c>
      <c r="E26873" s="6">
        <v>683.28480000000002</v>
      </c>
    </row>
    <row r="26874" spans="4:5" x14ac:dyDescent="0.25">
      <c r="D26874" s="6">
        <v>1526.721</v>
      </c>
      <c r="E26874" s="6">
        <v>796.63009999999997</v>
      </c>
    </row>
    <row r="26875" spans="4:5" x14ac:dyDescent="0.25">
      <c r="D26875" s="6">
        <v>1307.5329999999999</v>
      </c>
      <c r="E26875" s="6">
        <v>887.12699999999995</v>
      </c>
    </row>
    <row r="26876" spans="4:5" x14ac:dyDescent="0.25">
      <c r="D26876" s="6">
        <v>652.6934</v>
      </c>
      <c r="E26876" s="6">
        <v>925.33619999999996</v>
      </c>
    </row>
    <row r="26877" spans="4:5" x14ac:dyDescent="0.25">
      <c r="D26877" s="6">
        <v>576.92769999999996</v>
      </c>
      <c r="E26877" s="6">
        <v>2907.3530000000001</v>
      </c>
    </row>
    <row r="26878" spans="4:5" x14ac:dyDescent="0.25">
      <c r="D26878" s="6">
        <v>3737.6329999999998</v>
      </c>
      <c r="E26878" s="6">
        <v>607.31449999999995</v>
      </c>
    </row>
    <row r="26879" spans="4:5" x14ac:dyDescent="0.25">
      <c r="D26879" s="6">
        <v>2010.53</v>
      </c>
      <c r="E26879" s="6">
        <v>590.71770000000004</v>
      </c>
    </row>
    <row r="26880" spans="4:5" x14ac:dyDescent="0.25">
      <c r="D26880" s="6">
        <v>1252.54</v>
      </c>
      <c r="E26880" s="6">
        <v>4321.5370000000003</v>
      </c>
    </row>
    <row r="26881" spans="4:5" x14ac:dyDescent="0.25">
      <c r="D26881" s="6">
        <v>4144.8029999999999</v>
      </c>
      <c r="E26881" s="6">
        <v>3519.3780000000002</v>
      </c>
    </row>
    <row r="26882" spans="4:5" x14ac:dyDescent="0.25">
      <c r="D26882" s="6">
        <v>526.37360000000001</v>
      </c>
      <c r="E26882" s="6">
        <v>2363.701</v>
      </c>
    </row>
    <row r="26883" spans="4:5" x14ac:dyDescent="0.25">
      <c r="D26883" s="6">
        <v>1289.797</v>
      </c>
      <c r="E26883" s="6">
        <v>1038.606</v>
      </c>
    </row>
    <row r="26884" spans="4:5" x14ac:dyDescent="0.25">
      <c r="D26884" s="6">
        <v>1157.4849999999999</v>
      </c>
      <c r="E26884" s="6">
        <v>4085.808</v>
      </c>
    </row>
    <row r="26885" spans="4:5" x14ac:dyDescent="0.25">
      <c r="D26885" s="6">
        <v>1019.831</v>
      </c>
      <c r="E26885" s="6">
        <v>1293.0119999999999</v>
      </c>
    </row>
    <row r="26886" spans="4:5" x14ac:dyDescent="0.25">
      <c r="D26886" s="6">
        <v>525.64030000000002</v>
      </c>
      <c r="E26886" s="6">
        <v>629.12019999999995</v>
      </c>
    </row>
    <row r="26887" spans="4:5" x14ac:dyDescent="0.25">
      <c r="D26887" s="6">
        <v>1262.816</v>
      </c>
      <c r="E26887" s="6">
        <v>564.75239999999997</v>
      </c>
    </row>
    <row r="26888" spans="4:5" x14ac:dyDescent="0.25">
      <c r="D26888" s="6">
        <v>709.06629999999996</v>
      </c>
      <c r="E26888" s="6">
        <v>3048.2060000000001</v>
      </c>
    </row>
    <row r="26889" spans="4:5" x14ac:dyDescent="0.25">
      <c r="D26889" s="6">
        <v>5814.7579999999998</v>
      </c>
      <c r="E26889" s="6">
        <v>586.45429999999999</v>
      </c>
    </row>
    <row r="26890" spans="4:5" x14ac:dyDescent="0.25">
      <c r="D26890" s="6">
        <v>1102.2760000000001</v>
      </c>
      <c r="E26890" s="6">
        <v>2254.625</v>
      </c>
    </row>
    <row r="26891" spans="4:5" x14ac:dyDescent="0.25">
      <c r="D26891" s="6">
        <v>2038.2909999999999</v>
      </c>
      <c r="E26891" s="6">
        <v>822.69129999999996</v>
      </c>
    </row>
    <row r="26892" spans="4:5" x14ac:dyDescent="0.25">
      <c r="D26892" s="6">
        <v>1348.0419999999999</v>
      </c>
      <c r="E26892" s="6">
        <v>564.63160000000005</v>
      </c>
    </row>
    <row r="26893" spans="4:5" x14ac:dyDescent="0.25">
      <c r="D26893" s="6">
        <v>1060.3499999999999</v>
      </c>
      <c r="E26893" s="6">
        <v>624.26490000000001</v>
      </c>
    </row>
    <row r="26894" spans="4:5" x14ac:dyDescent="0.25">
      <c r="D26894" s="6">
        <v>1021.275</v>
      </c>
      <c r="E26894" s="6">
        <v>925.88800000000003</v>
      </c>
    </row>
    <row r="26895" spans="4:5" x14ac:dyDescent="0.25">
      <c r="D26895" s="6">
        <v>4834.3149999999996</v>
      </c>
      <c r="E26895" s="6">
        <v>684.70590000000004</v>
      </c>
    </row>
    <row r="26896" spans="4:5" x14ac:dyDescent="0.25">
      <c r="D26896" s="6">
        <v>613.30219999999997</v>
      </c>
      <c r="E26896" s="6">
        <v>1546.0630000000001</v>
      </c>
    </row>
    <row r="26897" spans="4:5" x14ac:dyDescent="0.25">
      <c r="D26897" s="6">
        <v>791.6268</v>
      </c>
      <c r="E26897" s="6">
        <v>587.00940000000003</v>
      </c>
    </row>
    <row r="26898" spans="4:5" x14ac:dyDescent="0.25">
      <c r="D26898" s="6">
        <v>1272.3989999999999</v>
      </c>
      <c r="E26898" s="6">
        <v>1406.269</v>
      </c>
    </row>
    <row r="26899" spans="4:5" x14ac:dyDescent="0.25">
      <c r="D26899" s="6">
        <v>3557.895</v>
      </c>
      <c r="E26899" s="6">
        <v>878.94150000000002</v>
      </c>
    </row>
    <row r="26900" spans="4:5" x14ac:dyDescent="0.25">
      <c r="D26900" s="6">
        <v>3272.9810000000002</v>
      </c>
      <c r="E26900" s="6">
        <v>463.678</v>
      </c>
    </row>
    <row r="26901" spans="4:5" x14ac:dyDescent="0.25">
      <c r="D26901" s="6">
        <v>598.27139999999997</v>
      </c>
      <c r="E26901" s="6">
        <v>1387.62</v>
      </c>
    </row>
    <row r="26902" spans="4:5" x14ac:dyDescent="0.25">
      <c r="D26902" s="6">
        <v>4850.2569999999996</v>
      </c>
      <c r="E26902" s="6">
        <v>643.62710000000004</v>
      </c>
    </row>
    <row r="26903" spans="4:5" x14ac:dyDescent="0.25">
      <c r="D26903" s="6">
        <v>4971.7359999999999</v>
      </c>
      <c r="E26903" s="6">
        <v>3924.2190000000001</v>
      </c>
    </row>
    <row r="26904" spans="4:5" x14ac:dyDescent="0.25">
      <c r="D26904" s="6">
        <v>1396.4559999999999</v>
      </c>
      <c r="E26904" s="6">
        <v>1073.212</v>
      </c>
    </row>
    <row r="26905" spans="4:5" x14ac:dyDescent="0.25">
      <c r="D26905" s="6">
        <v>677.09289999999999</v>
      </c>
      <c r="E26905" s="6">
        <v>1208.3420000000001</v>
      </c>
    </row>
    <row r="26906" spans="4:5" x14ac:dyDescent="0.25">
      <c r="D26906" s="6">
        <v>3745.268</v>
      </c>
      <c r="E26906" s="6">
        <v>1150.335</v>
      </c>
    </row>
    <row r="26907" spans="4:5" x14ac:dyDescent="0.25">
      <c r="D26907" s="6">
        <v>1242.039</v>
      </c>
      <c r="E26907" s="6">
        <v>557.84910000000002</v>
      </c>
    </row>
    <row r="26908" spans="4:5" x14ac:dyDescent="0.25">
      <c r="D26908" s="6">
        <v>915.21040000000005</v>
      </c>
      <c r="E26908" s="6">
        <v>3678.9960000000001</v>
      </c>
    </row>
    <row r="26909" spans="4:5" x14ac:dyDescent="0.25">
      <c r="D26909" s="6">
        <v>2041.2550000000001</v>
      </c>
      <c r="E26909" s="6">
        <v>559.33330000000001</v>
      </c>
    </row>
    <row r="26910" spans="4:5" x14ac:dyDescent="0.25">
      <c r="D26910" s="6">
        <v>826.92510000000004</v>
      </c>
      <c r="E26910" s="6">
        <v>3643.616</v>
      </c>
    </row>
    <row r="26911" spans="4:5" x14ac:dyDescent="0.25">
      <c r="D26911" s="6">
        <v>583.90459999999996</v>
      </c>
      <c r="E26911" s="6">
        <v>6313.1760000000004</v>
      </c>
    </row>
    <row r="26912" spans="4:5" x14ac:dyDescent="0.25">
      <c r="D26912" s="6">
        <v>3835.1869999999999</v>
      </c>
      <c r="E26912" s="6">
        <v>654.43079999999998</v>
      </c>
    </row>
    <row r="26913" spans="4:5" x14ac:dyDescent="0.25">
      <c r="D26913" s="6">
        <v>827.36469999999997</v>
      </c>
      <c r="E26913" s="6">
        <v>619.75139999999999</v>
      </c>
    </row>
    <row r="26914" spans="4:5" x14ac:dyDescent="0.25">
      <c r="D26914" s="6">
        <v>277.95670000000001</v>
      </c>
      <c r="E26914" s="6">
        <v>614.32330000000002</v>
      </c>
    </row>
    <row r="26915" spans="4:5" x14ac:dyDescent="0.25">
      <c r="D26915" s="6">
        <v>637.45309999999995</v>
      </c>
      <c r="E26915" s="6">
        <v>1341.7840000000001</v>
      </c>
    </row>
    <row r="26916" spans="4:5" x14ac:dyDescent="0.25">
      <c r="D26916" s="6">
        <v>2199.491</v>
      </c>
      <c r="E26916" s="6">
        <v>2370.21</v>
      </c>
    </row>
    <row r="26917" spans="4:5" x14ac:dyDescent="0.25">
      <c r="D26917" s="6">
        <v>528.25980000000004</v>
      </c>
      <c r="E26917" s="6">
        <v>534.09209999999996</v>
      </c>
    </row>
    <row r="26918" spans="4:5" x14ac:dyDescent="0.25">
      <c r="D26918" s="6">
        <v>960.78290000000004</v>
      </c>
      <c r="E26918" s="6">
        <v>901.86350000000004</v>
      </c>
    </row>
    <row r="26919" spans="4:5" x14ac:dyDescent="0.25">
      <c r="D26919" s="6">
        <v>1646.5450000000001</v>
      </c>
      <c r="E26919" s="6">
        <v>584.08140000000003</v>
      </c>
    </row>
    <row r="26920" spans="4:5" x14ac:dyDescent="0.25">
      <c r="D26920" s="6">
        <v>3166.2820000000002</v>
      </c>
      <c r="E26920" s="6">
        <v>978</v>
      </c>
    </row>
    <row r="26921" spans="4:5" x14ac:dyDescent="0.25">
      <c r="D26921" s="6">
        <v>4782.9979999999996</v>
      </c>
      <c r="E26921" s="6">
        <v>948.82770000000005</v>
      </c>
    </row>
    <row r="26922" spans="4:5" x14ac:dyDescent="0.25">
      <c r="D26922" s="6">
        <v>568.0992</v>
      </c>
      <c r="E26922" s="6">
        <v>477.56240000000003</v>
      </c>
    </row>
    <row r="26923" spans="4:5" x14ac:dyDescent="0.25">
      <c r="D26923" s="6">
        <v>1560.278</v>
      </c>
      <c r="E26923" s="6">
        <v>1662.5239999999999</v>
      </c>
    </row>
    <row r="26924" spans="4:5" x14ac:dyDescent="0.25">
      <c r="D26924" s="6">
        <v>1958.6669999999999</v>
      </c>
      <c r="E26924" s="6">
        <v>1162.6310000000001</v>
      </c>
    </row>
    <row r="26925" spans="4:5" x14ac:dyDescent="0.25">
      <c r="D26925" s="6">
        <v>3099.623</v>
      </c>
      <c r="E26925" s="6">
        <v>904.32190000000003</v>
      </c>
    </row>
    <row r="26926" spans="4:5" x14ac:dyDescent="0.25">
      <c r="D26926" s="6">
        <v>863.94140000000004</v>
      </c>
      <c r="E26926" s="6">
        <v>4068.0709999999999</v>
      </c>
    </row>
    <row r="26927" spans="4:5" x14ac:dyDescent="0.25">
      <c r="D26927" s="6">
        <v>1402.384</v>
      </c>
      <c r="E26927" s="6">
        <v>863.47119999999995</v>
      </c>
    </row>
    <row r="26928" spans="4:5" x14ac:dyDescent="0.25">
      <c r="D26928" s="6">
        <v>1655.6110000000001</v>
      </c>
      <c r="E26928" s="6">
        <v>889.71879999999999</v>
      </c>
    </row>
    <row r="26929" spans="4:5" x14ac:dyDescent="0.25">
      <c r="D26929" s="6">
        <v>4016.1080000000002</v>
      </c>
      <c r="E26929" s="6">
        <v>1158.9659999999999</v>
      </c>
    </row>
    <row r="26930" spans="4:5" x14ac:dyDescent="0.25">
      <c r="D26930" s="6">
        <v>763.17269999999996</v>
      </c>
      <c r="E26930" s="6">
        <v>593.149</v>
      </c>
    </row>
    <row r="26931" spans="4:5" x14ac:dyDescent="0.25">
      <c r="D26931" s="6">
        <v>4152.8329999999996</v>
      </c>
      <c r="E26931" s="6">
        <v>619.85040000000004</v>
      </c>
    </row>
    <row r="26932" spans="4:5" x14ac:dyDescent="0.25">
      <c r="D26932" s="6">
        <v>1932.5139999999999</v>
      </c>
      <c r="E26932" s="6">
        <v>3758.2420000000002</v>
      </c>
    </row>
    <row r="26933" spans="4:5" x14ac:dyDescent="0.25">
      <c r="D26933" s="6">
        <v>1120.6179999999999</v>
      </c>
      <c r="E26933" s="6">
        <v>651.50639999999999</v>
      </c>
    </row>
    <row r="26934" spans="4:5" x14ac:dyDescent="0.25">
      <c r="D26934" s="6">
        <v>420.66669999999999</v>
      </c>
      <c r="E26934" s="6">
        <v>1412</v>
      </c>
    </row>
    <row r="26935" spans="4:5" x14ac:dyDescent="0.25">
      <c r="D26935" s="6">
        <v>1019.7140000000001</v>
      </c>
      <c r="E26935" s="6">
        <v>1631.6469999999999</v>
      </c>
    </row>
    <row r="26936" spans="4:5" x14ac:dyDescent="0.25">
      <c r="D26936" s="6">
        <v>7630.9440000000004</v>
      </c>
      <c r="E26936" s="6">
        <v>1075.96</v>
      </c>
    </row>
    <row r="26937" spans="4:5" x14ac:dyDescent="0.25">
      <c r="D26937" s="6">
        <v>2672.0569999999998</v>
      </c>
      <c r="E26937" s="6">
        <v>932.24739999999997</v>
      </c>
    </row>
    <row r="26938" spans="4:5" x14ac:dyDescent="0.25">
      <c r="D26938" s="6">
        <v>555.28480000000002</v>
      </c>
      <c r="E26938" s="6">
        <v>583.53409999999997</v>
      </c>
    </row>
    <row r="26939" spans="4:5" x14ac:dyDescent="0.25">
      <c r="D26939" s="6">
        <v>2279.6669999999999</v>
      </c>
      <c r="E26939" s="6">
        <v>628.56830000000002</v>
      </c>
    </row>
    <row r="26940" spans="4:5" x14ac:dyDescent="0.25">
      <c r="D26940" s="6">
        <v>7184.723</v>
      </c>
      <c r="E26940" s="6">
        <v>858.17529999999999</v>
      </c>
    </row>
    <row r="26941" spans="4:5" x14ac:dyDescent="0.25">
      <c r="D26941" s="6">
        <v>2631.04</v>
      </c>
      <c r="E26941" s="6">
        <v>614.88890000000004</v>
      </c>
    </row>
    <row r="26942" spans="4:5" x14ac:dyDescent="0.25">
      <c r="D26942" s="6">
        <v>1150.5070000000001</v>
      </c>
      <c r="E26942" s="6">
        <v>499.97059999999999</v>
      </c>
    </row>
    <row r="26943" spans="4:5" x14ac:dyDescent="0.25">
      <c r="D26943" s="6">
        <v>1814.1780000000001</v>
      </c>
      <c r="E26943" s="6">
        <v>511.83519999999999</v>
      </c>
    </row>
    <row r="26944" spans="4:5" x14ac:dyDescent="0.25">
      <c r="D26944" s="6">
        <v>3202.3580000000002</v>
      </c>
      <c r="E26944" s="6">
        <v>827.92570000000001</v>
      </c>
    </row>
    <row r="26945" spans="4:5" x14ac:dyDescent="0.25">
      <c r="D26945" s="6">
        <v>711.16869999999994</v>
      </c>
      <c r="E26945" s="6">
        <v>565.18039999999996</v>
      </c>
    </row>
    <row r="26946" spans="4:5" x14ac:dyDescent="0.25">
      <c r="D26946" s="6">
        <v>1160.672</v>
      </c>
      <c r="E26946" s="6">
        <v>604.83330000000001</v>
      </c>
    </row>
    <row r="26947" spans="4:5" x14ac:dyDescent="0.25">
      <c r="D26947" s="6">
        <v>5551.1890000000003</v>
      </c>
      <c r="E26947" s="6">
        <v>514.89769999999999</v>
      </c>
    </row>
    <row r="26948" spans="4:5" x14ac:dyDescent="0.25">
      <c r="D26948" s="6">
        <v>1136.3710000000001</v>
      </c>
      <c r="E26948" s="6">
        <v>4459.38</v>
      </c>
    </row>
    <row r="26949" spans="4:5" x14ac:dyDescent="0.25">
      <c r="D26949" s="6">
        <v>576.79480000000001</v>
      </c>
      <c r="E26949" s="6">
        <v>699.99869999999999</v>
      </c>
    </row>
    <row r="26950" spans="4:5" x14ac:dyDescent="0.25">
      <c r="D26950" s="6">
        <v>1626.0989999999999</v>
      </c>
      <c r="E26950" s="6">
        <v>2313.1790000000001</v>
      </c>
    </row>
    <row r="26951" spans="4:5" x14ac:dyDescent="0.25">
      <c r="D26951" s="6">
        <v>4338.6400000000003</v>
      </c>
      <c r="E26951" s="6">
        <v>4473.5690000000004</v>
      </c>
    </row>
    <row r="26952" spans="4:5" x14ac:dyDescent="0.25">
      <c r="D26952" s="6">
        <v>1074.82</v>
      </c>
      <c r="E26952" s="6">
        <v>5304.2870000000003</v>
      </c>
    </row>
    <row r="26953" spans="4:5" x14ac:dyDescent="0.25">
      <c r="D26953" s="6">
        <v>1733.5150000000001</v>
      </c>
      <c r="E26953" s="6">
        <v>456.67290000000003</v>
      </c>
    </row>
    <row r="26954" spans="4:5" x14ac:dyDescent="0.25">
      <c r="D26954" s="6">
        <v>4224.4049999999997</v>
      </c>
      <c r="E26954" s="6">
        <v>974.39350000000002</v>
      </c>
    </row>
    <row r="26955" spans="4:5" x14ac:dyDescent="0.25">
      <c r="D26955" s="6">
        <v>4429.0969999999998</v>
      </c>
      <c r="E26955" s="6">
        <v>555.85019999999997</v>
      </c>
    </row>
    <row r="26956" spans="4:5" x14ac:dyDescent="0.25">
      <c r="D26956" s="6">
        <v>872.53459999999995</v>
      </c>
      <c r="E26956" s="6">
        <v>2856.6669999999999</v>
      </c>
    </row>
    <row r="26957" spans="4:5" x14ac:dyDescent="0.25">
      <c r="D26957" s="6">
        <v>3388.518</v>
      </c>
      <c r="E26957" s="6">
        <v>940.46929999999998</v>
      </c>
    </row>
    <row r="26958" spans="4:5" x14ac:dyDescent="0.25">
      <c r="D26958" s="6">
        <v>545.5</v>
      </c>
      <c r="E26958" s="6">
        <v>726.60440000000006</v>
      </c>
    </row>
    <row r="26959" spans="4:5" x14ac:dyDescent="0.25">
      <c r="D26959" s="6">
        <v>2736.7629999999999</v>
      </c>
      <c r="E26959" s="6">
        <v>494.03949999999998</v>
      </c>
    </row>
    <row r="26960" spans="4:5" x14ac:dyDescent="0.25">
      <c r="D26960" s="6">
        <v>3120.3429999999998</v>
      </c>
      <c r="E26960" s="6">
        <v>1683.556</v>
      </c>
    </row>
    <row r="26961" spans="4:5" x14ac:dyDescent="0.25">
      <c r="D26961" s="6">
        <v>3112.5740000000001</v>
      </c>
      <c r="E26961" s="6">
        <v>1029.0740000000001</v>
      </c>
    </row>
    <row r="26962" spans="4:5" x14ac:dyDescent="0.25">
      <c r="D26962" s="6">
        <v>7081</v>
      </c>
      <c r="E26962" s="6">
        <v>1276.982</v>
      </c>
    </row>
    <row r="26963" spans="4:5" x14ac:dyDescent="0.25">
      <c r="D26963" s="6">
        <v>3972.3440000000001</v>
      </c>
      <c r="E26963" s="6">
        <v>5997.049</v>
      </c>
    </row>
    <row r="26964" spans="4:5" x14ac:dyDescent="0.25">
      <c r="D26964" s="6">
        <v>1199.079</v>
      </c>
      <c r="E26964" s="6">
        <v>377</v>
      </c>
    </row>
    <row r="26965" spans="4:5" x14ac:dyDescent="0.25">
      <c r="D26965" s="6">
        <v>814.23789999999997</v>
      </c>
      <c r="E26965" s="6">
        <v>983.88549999999998</v>
      </c>
    </row>
    <row r="26966" spans="4:5" x14ac:dyDescent="0.25">
      <c r="D26966" s="6">
        <v>999.62239999999997</v>
      </c>
      <c r="E26966" s="6">
        <v>974.92169999999999</v>
      </c>
    </row>
    <row r="26967" spans="4:5" x14ac:dyDescent="0.25">
      <c r="D26967" s="6">
        <v>581.29089999999997</v>
      </c>
      <c r="E26967" s="6">
        <v>932.94590000000005</v>
      </c>
    </row>
    <row r="26968" spans="4:5" x14ac:dyDescent="0.25">
      <c r="D26968" s="6">
        <v>3677.1179999999999</v>
      </c>
      <c r="E26968" s="6">
        <v>1475.241</v>
      </c>
    </row>
    <row r="26969" spans="4:5" x14ac:dyDescent="0.25">
      <c r="D26969" s="6">
        <v>1566.577</v>
      </c>
      <c r="E26969" s="6">
        <v>506.18830000000003</v>
      </c>
    </row>
    <row r="26970" spans="4:5" x14ac:dyDescent="0.25">
      <c r="D26970" s="6">
        <v>4250.7709999999997</v>
      </c>
      <c r="E26970" s="6">
        <v>3768.0479999999998</v>
      </c>
    </row>
    <row r="26971" spans="4:5" x14ac:dyDescent="0.25">
      <c r="D26971" s="6">
        <v>553.29999999999995</v>
      </c>
      <c r="E26971" s="6">
        <v>2238.297</v>
      </c>
    </row>
    <row r="26972" spans="4:5" x14ac:dyDescent="0.25">
      <c r="D26972" s="6">
        <v>486.82060000000001</v>
      </c>
      <c r="E26972" s="6">
        <v>1367.5239999999999</v>
      </c>
    </row>
    <row r="26973" spans="4:5" x14ac:dyDescent="0.25">
      <c r="D26973" s="6">
        <v>490.95530000000002</v>
      </c>
      <c r="E26973" s="6">
        <v>1273.954</v>
      </c>
    </row>
    <row r="26974" spans="4:5" x14ac:dyDescent="0.25">
      <c r="D26974" s="6">
        <v>549.14859999999999</v>
      </c>
      <c r="E26974" s="6">
        <v>4289.4470000000001</v>
      </c>
    </row>
    <row r="26975" spans="4:5" x14ac:dyDescent="0.25">
      <c r="D26975" s="6">
        <v>3550.145</v>
      </c>
      <c r="E26975" s="6">
        <v>1179.1790000000001</v>
      </c>
    </row>
    <row r="26976" spans="4:5" x14ac:dyDescent="0.25">
      <c r="D26976" s="6">
        <v>1017.356</v>
      </c>
      <c r="E26976" s="6">
        <v>1010.864</v>
      </c>
    </row>
    <row r="26977" spans="4:5" x14ac:dyDescent="0.25">
      <c r="D26977" s="6">
        <v>2897.884</v>
      </c>
      <c r="E26977" s="6">
        <v>682.42039999999997</v>
      </c>
    </row>
    <row r="26978" spans="4:5" x14ac:dyDescent="0.25">
      <c r="D26978" s="6">
        <v>861.048</v>
      </c>
      <c r="E26978" s="6">
        <v>783.67250000000001</v>
      </c>
    </row>
    <row r="26979" spans="4:5" x14ac:dyDescent="0.25">
      <c r="D26979" s="6">
        <v>1031.1500000000001</v>
      </c>
      <c r="E26979" s="6">
        <v>942.73099999999999</v>
      </c>
    </row>
    <row r="26980" spans="4:5" x14ac:dyDescent="0.25">
      <c r="D26980" s="6">
        <v>1164.0429999999999</v>
      </c>
      <c r="E26980" s="6">
        <v>1099.8330000000001</v>
      </c>
    </row>
    <row r="26981" spans="4:5" x14ac:dyDescent="0.25">
      <c r="D26981" s="6">
        <v>4558.5910000000003</v>
      </c>
      <c r="E26981" s="6">
        <v>1871.8510000000001</v>
      </c>
    </row>
    <row r="26982" spans="4:5" x14ac:dyDescent="0.25">
      <c r="D26982" s="6">
        <v>764.26260000000002</v>
      </c>
      <c r="E26982" s="6">
        <v>579.82180000000005</v>
      </c>
    </row>
    <row r="26983" spans="4:5" x14ac:dyDescent="0.25">
      <c r="D26983" s="6">
        <v>547.4452</v>
      </c>
      <c r="E26983" s="6">
        <v>3514.7109999999998</v>
      </c>
    </row>
    <row r="26984" spans="4:5" x14ac:dyDescent="0.25">
      <c r="D26984" s="6">
        <v>1482.596</v>
      </c>
      <c r="E26984" s="6">
        <v>574.51670000000001</v>
      </c>
    </row>
    <row r="26985" spans="4:5" x14ac:dyDescent="0.25">
      <c r="D26985" s="6">
        <v>3862.1970000000001</v>
      </c>
      <c r="E26985" s="6">
        <v>1434.3969999999999</v>
      </c>
    </row>
    <row r="26986" spans="4:5" x14ac:dyDescent="0.25">
      <c r="D26986" s="6">
        <v>649.16669999999999</v>
      </c>
      <c r="E26986" s="6">
        <v>3333.2170000000001</v>
      </c>
    </row>
    <row r="26987" spans="4:5" x14ac:dyDescent="0.25">
      <c r="D26987" s="6">
        <v>4381.8459999999995</v>
      </c>
      <c r="E26987" s="6">
        <v>1868.453</v>
      </c>
    </row>
    <row r="26988" spans="4:5" x14ac:dyDescent="0.25">
      <c r="D26988" s="6">
        <v>1164.335</v>
      </c>
      <c r="E26988" s="6">
        <v>2912.1930000000002</v>
      </c>
    </row>
    <row r="26989" spans="4:5" x14ac:dyDescent="0.25">
      <c r="D26989" s="6">
        <v>780.17579999999998</v>
      </c>
      <c r="E26989" s="6">
        <v>484.18619999999999</v>
      </c>
    </row>
    <row r="26990" spans="4:5" x14ac:dyDescent="0.25">
      <c r="D26990" s="6">
        <v>1870.0229999999999</v>
      </c>
      <c r="E26990" s="6">
        <v>476.8039</v>
      </c>
    </row>
    <row r="26991" spans="4:5" x14ac:dyDescent="0.25">
      <c r="D26991" s="6">
        <v>2957.7739999999999</v>
      </c>
      <c r="E26991" s="6">
        <v>707.76009999999997</v>
      </c>
    </row>
    <row r="26992" spans="4:5" x14ac:dyDescent="0.25">
      <c r="D26992" s="6">
        <v>672.1481</v>
      </c>
      <c r="E26992" s="6">
        <v>4043.422</v>
      </c>
    </row>
    <row r="26993" spans="4:5" x14ac:dyDescent="0.25">
      <c r="D26993" s="6">
        <v>4636.6139999999996</v>
      </c>
      <c r="E26993" s="6">
        <v>515.62750000000005</v>
      </c>
    </row>
    <row r="26994" spans="4:5" x14ac:dyDescent="0.25">
      <c r="D26994" s="6">
        <v>651.65620000000001</v>
      </c>
      <c r="E26994" s="6">
        <v>1273.2149999999999</v>
      </c>
    </row>
    <row r="26995" spans="4:5" x14ac:dyDescent="0.25">
      <c r="D26995" s="6">
        <v>517.88890000000004</v>
      </c>
      <c r="E26995" s="6">
        <v>3834.6219999999998</v>
      </c>
    </row>
    <row r="26996" spans="4:5" x14ac:dyDescent="0.25">
      <c r="D26996" s="6">
        <v>913.22659999999996</v>
      </c>
      <c r="E26996" s="6">
        <v>575.23429999999996</v>
      </c>
    </row>
    <row r="26997" spans="4:5" x14ac:dyDescent="0.25">
      <c r="D26997" s="6">
        <v>1651.3720000000001</v>
      </c>
      <c r="E26997" s="6">
        <v>1117.6780000000001</v>
      </c>
    </row>
    <row r="26998" spans="4:5" x14ac:dyDescent="0.25">
      <c r="D26998" s="6">
        <v>828.22479999999996</v>
      </c>
      <c r="E26998" s="6">
        <v>1173.529</v>
      </c>
    </row>
    <row r="26999" spans="4:5" x14ac:dyDescent="0.25">
      <c r="D26999" s="6">
        <v>4322.0029999999997</v>
      </c>
      <c r="E26999" s="6">
        <v>1137.8720000000001</v>
      </c>
    </row>
    <row r="27000" spans="4:5" x14ac:dyDescent="0.25">
      <c r="D27000" s="6">
        <v>4100.9170000000004</v>
      </c>
      <c r="E27000" s="6">
        <v>700.88130000000001</v>
      </c>
    </row>
    <row r="27001" spans="4:5" x14ac:dyDescent="0.25">
      <c r="D27001" s="6">
        <v>549.8528</v>
      </c>
      <c r="E27001" s="6">
        <v>530.80889999999999</v>
      </c>
    </row>
    <row r="27002" spans="4:5" x14ac:dyDescent="0.25">
      <c r="D27002" s="6">
        <v>1260.2929999999999</v>
      </c>
      <c r="E27002" s="6">
        <v>4480.8100000000004</v>
      </c>
    </row>
    <row r="27003" spans="4:5" x14ac:dyDescent="0.25">
      <c r="D27003" s="6">
        <v>4114.3559999999998</v>
      </c>
      <c r="E27003" s="6">
        <v>530.63530000000003</v>
      </c>
    </row>
    <row r="27004" spans="4:5" x14ac:dyDescent="0.25">
      <c r="D27004" s="6">
        <v>1747.0730000000001</v>
      </c>
      <c r="E27004" s="6">
        <v>511.7022</v>
      </c>
    </row>
    <row r="27005" spans="4:5" x14ac:dyDescent="0.25">
      <c r="D27005" s="6">
        <v>806.88649999999996</v>
      </c>
      <c r="E27005" s="6">
        <v>481.72669999999999</v>
      </c>
    </row>
    <row r="27006" spans="4:5" x14ac:dyDescent="0.25">
      <c r="D27006" s="6">
        <v>1826.462</v>
      </c>
      <c r="E27006" s="6">
        <v>1150.4760000000001</v>
      </c>
    </row>
    <row r="27007" spans="4:5" x14ac:dyDescent="0.25">
      <c r="D27007" s="6">
        <v>1188.951</v>
      </c>
      <c r="E27007" s="6">
        <v>3605.6410000000001</v>
      </c>
    </row>
    <row r="27008" spans="4:5" x14ac:dyDescent="0.25">
      <c r="D27008" s="6">
        <v>558.95899999999995</v>
      </c>
      <c r="E27008" s="6">
        <v>1088.412</v>
      </c>
    </row>
    <row r="27009" spans="4:5" x14ac:dyDescent="0.25">
      <c r="D27009" s="6">
        <v>3566.4940000000001</v>
      </c>
      <c r="E27009" s="6">
        <v>3007.1750000000002</v>
      </c>
    </row>
    <row r="27010" spans="4:5" x14ac:dyDescent="0.25">
      <c r="D27010" s="6">
        <v>803.49350000000004</v>
      </c>
      <c r="E27010" s="6">
        <v>3472.1480000000001</v>
      </c>
    </row>
    <row r="27011" spans="4:5" x14ac:dyDescent="0.25">
      <c r="D27011" s="6">
        <v>827.07119999999998</v>
      </c>
      <c r="E27011" s="6">
        <v>1085.2449999999999</v>
      </c>
    </row>
    <row r="27012" spans="4:5" x14ac:dyDescent="0.25">
      <c r="D27012" s="6">
        <v>3210.915</v>
      </c>
      <c r="E27012" s="6">
        <v>1276.579</v>
      </c>
    </row>
    <row r="27013" spans="4:5" x14ac:dyDescent="0.25">
      <c r="D27013" s="6">
        <v>3869.098</v>
      </c>
      <c r="E27013" s="6">
        <v>2053.049</v>
      </c>
    </row>
    <row r="27014" spans="4:5" x14ac:dyDescent="0.25">
      <c r="D27014" s="6">
        <v>1807.3989999999999</v>
      </c>
      <c r="E27014" s="6">
        <v>4562.4179999999997</v>
      </c>
    </row>
    <row r="27015" spans="4:5" x14ac:dyDescent="0.25">
      <c r="D27015" s="6">
        <v>1869.337</v>
      </c>
      <c r="E27015" s="6">
        <v>965.14729999999997</v>
      </c>
    </row>
    <row r="27016" spans="4:5" x14ac:dyDescent="0.25">
      <c r="D27016" s="6">
        <v>3192.9940000000001</v>
      </c>
      <c r="E27016" s="6">
        <v>1175.0809999999999</v>
      </c>
    </row>
    <row r="27017" spans="4:5" x14ac:dyDescent="0.25">
      <c r="D27017" s="6">
        <v>2394.377</v>
      </c>
      <c r="E27017" s="6">
        <v>1526.03</v>
      </c>
    </row>
    <row r="27018" spans="4:5" x14ac:dyDescent="0.25">
      <c r="D27018" s="6">
        <v>3807.64</v>
      </c>
      <c r="E27018" s="6">
        <v>1185.0029999999999</v>
      </c>
    </row>
    <row r="27019" spans="4:5" x14ac:dyDescent="0.25">
      <c r="D27019" s="6">
        <v>1966.357</v>
      </c>
      <c r="E27019" s="6">
        <v>623.0838</v>
      </c>
    </row>
    <row r="27020" spans="4:5" x14ac:dyDescent="0.25">
      <c r="D27020" s="6">
        <v>533.83360000000005</v>
      </c>
      <c r="E27020" s="6">
        <v>654.72339999999997</v>
      </c>
    </row>
    <row r="27021" spans="4:5" x14ac:dyDescent="0.25">
      <c r="D27021" s="6">
        <v>930.82039999999995</v>
      </c>
      <c r="E27021" s="6">
        <v>1078.7360000000001</v>
      </c>
    </row>
    <row r="27022" spans="4:5" x14ac:dyDescent="0.25">
      <c r="D27022" s="6">
        <v>2759.0639999999999</v>
      </c>
      <c r="E27022" s="6">
        <v>575.57100000000003</v>
      </c>
    </row>
    <row r="27023" spans="4:5" x14ac:dyDescent="0.25">
      <c r="D27023" s="6">
        <v>1250.604</v>
      </c>
      <c r="E27023" s="6">
        <v>1013.288</v>
      </c>
    </row>
    <row r="27024" spans="4:5" x14ac:dyDescent="0.25">
      <c r="D27024" s="6">
        <v>2496.7930000000001</v>
      </c>
      <c r="E27024" s="6">
        <v>799.24310000000003</v>
      </c>
    </row>
    <row r="27025" spans="4:5" x14ac:dyDescent="0.25">
      <c r="D27025" s="6">
        <v>1053.5519999999999</v>
      </c>
      <c r="E27025" s="6">
        <v>955.62580000000003</v>
      </c>
    </row>
    <row r="27026" spans="4:5" x14ac:dyDescent="0.25">
      <c r="D27026" s="6">
        <v>1421.2090000000001</v>
      </c>
      <c r="E27026" s="6">
        <v>966.06970000000001</v>
      </c>
    </row>
    <row r="27027" spans="4:5" x14ac:dyDescent="0.25">
      <c r="D27027" s="6">
        <v>4594.3220000000001</v>
      </c>
      <c r="E27027" s="6">
        <v>2052.5889999999999</v>
      </c>
    </row>
    <row r="27028" spans="4:5" x14ac:dyDescent="0.25">
      <c r="D27028" s="6">
        <v>502.70710000000003</v>
      </c>
      <c r="E27028" s="6">
        <v>1010.449</v>
      </c>
    </row>
    <row r="27029" spans="4:5" x14ac:dyDescent="0.25">
      <c r="D27029" s="6">
        <v>479.52940000000001</v>
      </c>
      <c r="E27029" s="6">
        <v>1339.654</v>
      </c>
    </row>
    <row r="27030" spans="4:5" x14ac:dyDescent="0.25">
      <c r="D27030" s="6">
        <v>1416.086</v>
      </c>
      <c r="E27030" s="6">
        <v>881.30550000000005</v>
      </c>
    </row>
    <row r="27031" spans="4:5" x14ac:dyDescent="0.25">
      <c r="D27031" s="6">
        <v>3788.46</v>
      </c>
      <c r="E27031" s="6">
        <v>698.95960000000002</v>
      </c>
    </row>
    <row r="27032" spans="4:5" x14ac:dyDescent="0.25">
      <c r="D27032" s="6">
        <v>2497.9250000000002</v>
      </c>
      <c r="E27032" s="6">
        <v>2687.6410000000001</v>
      </c>
    </row>
    <row r="27033" spans="4:5" x14ac:dyDescent="0.25">
      <c r="D27033" s="6">
        <v>1191.9829999999999</v>
      </c>
      <c r="E27033" s="6">
        <v>2548.5250000000001</v>
      </c>
    </row>
    <row r="27034" spans="4:5" x14ac:dyDescent="0.25">
      <c r="D27034" s="6">
        <v>5527.1559999999999</v>
      </c>
      <c r="E27034" s="6">
        <v>930.07749999999999</v>
      </c>
    </row>
    <row r="27035" spans="4:5" x14ac:dyDescent="0.25">
      <c r="D27035" s="6">
        <v>1820.5329999999999</v>
      </c>
      <c r="E27035" s="6">
        <v>1173.933</v>
      </c>
    </row>
    <row r="27036" spans="4:5" x14ac:dyDescent="0.25">
      <c r="D27036" s="6">
        <v>1570.6410000000001</v>
      </c>
      <c r="E27036" s="6">
        <v>1846.579</v>
      </c>
    </row>
    <row r="27037" spans="4:5" x14ac:dyDescent="0.25">
      <c r="D27037" s="6">
        <v>581.02020000000005</v>
      </c>
      <c r="E27037" s="6">
        <v>1464.6990000000001</v>
      </c>
    </row>
    <row r="27038" spans="4:5" x14ac:dyDescent="0.25">
      <c r="D27038" s="6">
        <v>2364.998</v>
      </c>
      <c r="E27038" s="6">
        <v>915.99890000000005</v>
      </c>
    </row>
    <row r="27039" spans="4:5" x14ac:dyDescent="0.25">
      <c r="D27039" s="6">
        <v>550.81719999999996</v>
      </c>
      <c r="E27039" s="6">
        <v>631.17629999999997</v>
      </c>
    </row>
    <row r="27040" spans="4:5" x14ac:dyDescent="0.25">
      <c r="D27040" s="6">
        <v>557.28840000000002</v>
      </c>
      <c r="E27040" s="6">
        <v>1171.136</v>
      </c>
    </row>
    <row r="27041" spans="4:5" x14ac:dyDescent="0.25">
      <c r="D27041" s="6">
        <v>9176</v>
      </c>
      <c r="E27041" s="6">
        <v>1686.4179999999999</v>
      </c>
    </row>
    <row r="27042" spans="4:5" x14ac:dyDescent="0.25">
      <c r="D27042" s="6">
        <v>551</v>
      </c>
      <c r="E27042" s="6">
        <v>600.4058</v>
      </c>
    </row>
    <row r="27043" spans="4:5" x14ac:dyDescent="0.25">
      <c r="D27043" s="6">
        <v>1927.299</v>
      </c>
      <c r="E27043" s="6">
        <v>907.77679999999998</v>
      </c>
    </row>
    <row r="27044" spans="4:5" x14ac:dyDescent="0.25">
      <c r="D27044" s="6">
        <v>1274.021</v>
      </c>
      <c r="E27044" s="6">
        <v>951.6816</v>
      </c>
    </row>
    <row r="27045" spans="4:5" x14ac:dyDescent="0.25">
      <c r="D27045" s="6">
        <v>499.95830000000001</v>
      </c>
      <c r="E27045" s="6">
        <v>1294.9570000000001</v>
      </c>
    </row>
    <row r="27046" spans="4:5" x14ac:dyDescent="0.25">
      <c r="D27046" s="6">
        <v>2358.6010000000001</v>
      </c>
      <c r="E27046" s="6">
        <v>1352.895</v>
      </c>
    </row>
    <row r="27047" spans="4:5" x14ac:dyDescent="0.25">
      <c r="D27047" s="6">
        <v>767.68380000000002</v>
      </c>
      <c r="E27047" s="6">
        <v>555.82259999999997</v>
      </c>
    </row>
    <row r="27048" spans="4:5" x14ac:dyDescent="0.25">
      <c r="D27048" s="6">
        <v>1412.271</v>
      </c>
      <c r="E27048" s="6">
        <v>1374.8019999999999</v>
      </c>
    </row>
    <row r="27049" spans="4:5" x14ac:dyDescent="0.25">
      <c r="D27049" s="6">
        <v>551.77110000000005</v>
      </c>
      <c r="E27049" s="6">
        <v>3256.5030000000002</v>
      </c>
    </row>
    <row r="27050" spans="4:5" x14ac:dyDescent="0.25">
      <c r="D27050" s="6">
        <v>711.14340000000004</v>
      </c>
      <c r="E27050" s="6">
        <v>1117.059</v>
      </c>
    </row>
    <row r="27051" spans="4:5" x14ac:dyDescent="0.25">
      <c r="D27051" s="6">
        <v>1050.347</v>
      </c>
      <c r="E27051" s="6">
        <v>1669.626</v>
      </c>
    </row>
    <row r="27052" spans="4:5" x14ac:dyDescent="0.25">
      <c r="D27052" s="6">
        <v>1114.7929999999999</v>
      </c>
      <c r="E27052" s="6">
        <v>2861.942</v>
      </c>
    </row>
    <row r="27053" spans="4:5" x14ac:dyDescent="0.25">
      <c r="D27053" s="6">
        <v>3246.0970000000002</v>
      </c>
      <c r="E27053" s="6">
        <v>590.4633</v>
      </c>
    </row>
    <row r="27054" spans="4:5" x14ac:dyDescent="0.25">
      <c r="D27054" s="6">
        <v>628.76909999999998</v>
      </c>
      <c r="E27054" s="6">
        <v>1782.646</v>
      </c>
    </row>
    <row r="27055" spans="4:5" x14ac:dyDescent="0.25">
      <c r="D27055" s="6">
        <v>1819.8489999999999</v>
      </c>
      <c r="E27055" s="6">
        <v>862.07870000000003</v>
      </c>
    </row>
    <row r="27056" spans="4:5" x14ac:dyDescent="0.25">
      <c r="D27056" s="6">
        <v>5482</v>
      </c>
      <c r="E27056" s="6">
        <v>708.37310000000002</v>
      </c>
    </row>
    <row r="27057" spans="4:5" x14ac:dyDescent="0.25">
      <c r="D27057" s="6">
        <v>751.72900000000004</v>
      </c>
      <c r="E27057" s="6">
        <v>1380.7180000000001</v>
      </c>
    </row>
    <row r="27058" spans="4:5" x14ac:dyDescent="0.25">
      <c r="D27058" s="6">
        <v>3330.3339999999998</v>
      </c>
      <c r="E27058" s="6">
        <v>1015.855</v>
      </c>
    </row>
    <row r="27059" spans="4:5" x14ac:dyDescent="0.25">
      <c r="D27059" s="6">
        <v>747.12339999999995</v>
      </c>
      <c r="E27059" s="6">
        <v>559.39840000000004</v>
      </c>
    </row>
    <row r="27060" spans="4:5" x14ac:dyDescent="0.25">
      <c r="D27060" s="6">
        <v>1216.827</v>
      </c>
      <c r="E27060" s="6">
        <v>660.57050000000004</v>
      </c>
    </row>
    <row r="27061" spans="4:5" x14ac:dyDescent="0.25">
      <c r="D27061" s="6">
        <v>2326.7750000000001</v>
      </c>
      <c r="E27061" s="6">
        <v>883.93359999999996</v>
      </c>
    </row>
    <row r="27062" spans="4:5" x14ac:dyDescent="0.25">
      <c r="D27062" s="6">
        <v>3400.6320000000001</v>
      </c>
      <c r="E27062" s="6">
        <v>609.68100000000004</v>
      </c>
    </row>
    <row r="27063" spans="4:5" x14ac:dyDescent="0.25">
      <c r="D27063" s="6">
        <v>4205.8019999999997</v>
      </c>
      <c r="E27063" s="6">
        <v>1066.3779999999999</v>
      </c>
    </row>
    <row r="27064" spans="4:5" x14ac:dyDescent="0.25">
      <c r="D27064" s="6">
        <v>1936.4590000000001</v>
      </c>
      <c r="E27064" s="6">
        <v>1645.02</v>
      </c>
    </row>
    <row r="27065" spans="4:5" x14ac:dyDescent="0.25">
      <c r="D27065" s="6">
        <v>2532.9989999999998</v>
      </c>
      <c r="E27065" s="6">
        <v>1620.001</v>
      </c>
    </row>
    <row r="27066" spans="4:5" x14ac:dyDescent="0.25">
      <c r="D27066" s="6">
        <v>4052.5439999999999</v>
      </c>
      <c r="E27066" s="6">
        <v>4268.7539999999999</v>
      </c>
    </row>
    <row r="27067" spans="4:5" x14ac:dyDescent="0.25">
      <c r="D27067" s="6">
        <v>1163.3699999999999</v>
      </c>
      <c r="E27067" s="6">
        <v>614.65380000000005</v>
      </c>
    </row>
    <row r="27068" spans="4:5" x14ac:dyDescent="0.25">
      <c r="D27068" s="6">
        <v>1514.3689999999999</v>
      </c>
      <c r="E27068" s="6">
        <v>1607.7159999999999</v>
      </c>
    </row>
    <row r="27069" spans="4:5" x14ac:dyDescent="0.25">
      <c r="D27069" s="6">
        <v>1031.028</v>
      </c>
      <c r="E27069" s="6">
        <v>822.26779999999997</v>
      </c>
    </row>
    <row r="27070" spans="4:5" x14ac:dyDescent="0.25">
      <c r="D27070" s="6">
        <v>1800.681</v>
      </c>
      <c r="E27070" s="6">
        <v>3276</v>
      </c>
    </row>
    <row r="27071" spans="4:5" x14ac:dyDescent="0.25">
      <c r="D27071" s="6">
        <v>4314.2460000000001</v>
      </c>
      <c r="E27071" s="6">
        <v>520.57370000000003</v>
      </c>
    </row>
    <row r="27072" spans="4:5" x14ac:dyDescent="0.25">
      <c r="D27072" s="6">
        <v>2716.67</v>
      </c>
      <c r="E27072" s="6">
        <v>507.46379999999999</v>
      </c>
    </row>
    <row r="27073" spans="4:5" x14ac:dyDescent="0.25">
      <c r="D27073" s="6">
        <v>1509.5</v>
      </c>
      <c r="E27073" s="6">
        <v>2559.85</v>
      </c>
    </row>
    <row r="27074" spans="4:5" x14ac:dyDescent="0.25">
      <c r="D27074" s="6">
        <v>5455.8720000000003</v>
      </c>
      <c r="E27074" s="6">
        <v>704.87530000000004</v>
      </c>
    </row>
    <row r="27075" spans="4:5" x14ac:dyDescent="0.25">
      <c r="D27075" s="6">
        <v>1102.5</v>
      </c>
      <c r="E27075" s="6">
        <v>1015.146</v>
      </c>
    </row>
    <row r="27076" spans="4:5" x14ac:dyDescent="0.25">
      <c r="D27076" s="6">
        <v>2627.9639999999999</v>
      </c>
      <c r="E27076" s="6">
        <v>1207.557</v>
      </c>
    </row>
    <row r="27077" spans="4:5" x14ac:dyDescent="0.25">
      <c r="D27077" s="6">
        <v>1091.6679999999999</v>
      </c>
      <c r="E27077" s="6">
        <v>1129.4549999999999</v>
      </c>
    </row>
    <row r="27078" spans="4:5" x14ac:dyDescent="0.25">
      <c r="D27078" s="6">
        <v>1784.269</v>
      </c>
      <c r="E27078" s="6">
        <v>1276.354</v>
      </c>
    </row>
    <row r="27079" spans="4:5" x14ac:dyDescent="0.25">
      <c r="D27079" s="6">
        <v>1664.046</v>
      </c>
      <c r="E27079" s="6">
        <v>12516.92</v>
      </c>
    </row>
    <row r="27080" spans="4:5" x14ac:dyDescent="0.25">
      <c r="D27080" s="6">
        <v>3609.549</v>
      </c>
      <c r="E27080" s="6">
        <v>1082.473</v>
      </c>
    </row>
    <row r="27081" spans="4:5" x14ac:dyDescent="0.25">
      <c r="D27081" s="6">
        <v>1120.989</v>
      </c>
      <c r="E27081" s="6">
        <v>1843.7170000000001</v>
      </c>
    </row>
    <row r="27082" spans="4:5" x14ac:dyDescent="0.25">
      <c r="D27082" s="6">
        <v>550.32360000000006</v>
      </c>
      <c r="E27082" s="6">
        <v>572.38819999999998</v>
      </c>
    </row>
    <row r="27083" spans="4:5" x14ac:dyDescent="0.25">
      <c r="D27083" s="6">
        <v>681.8741</v>
      </c>
      <c r="E27083" s="6">
        <v>1319.3869999999999</v>
      </c>
    </row>
    <row r="27084" spans="4:5" x14ac:dyDescent="0.25">
      <c r="D27084" s="6">
        <v>4730.277</v>
      </c>
      <c r="E27084" s="6">
        <v>986.09699999999998</v>
      </c>
    </row>
    <row r="27085" spans="4:5" x14ac:dyDescent="0.25">
      <c r="D27085" s="6">
        <v>802.04589999999996</v>
      </c>
      <c r="E27085" s="6">
        <v>511.34109999999998</v>
      </c>
    </row>
    <row r="27086" spans="4:5" x14ac:dyDescent="0.25">
      <c r="D27086" s="6">
        <v>1233.33</v>
      </c>
      <c r="E27086" s="6">
        <v>1769.549</v>
      </c>
    </row>
    <row r="27087" spans="4:5" x14ac:dyDescent="0.25">
      <c r="D27087" s="6">
        <v>1497.376</v>
      </c>
      <c r="E27087" s="6">
        <v>3295.183</v>
      </c>
    </row>
    <row r="27088" spans="4:5" x14ac:dyDescent="0.25">
      <c r="D27088" s="6">
        <v>1729.9269999999999</v>
      </c>
      <c r="E27088" s="6">
        <v>1907.193</v>
      </c>
    </row>
    <row r="27089" spans="4:5" x14ac:dyDescent="0.25">
      <c r="D27089" s="6">
        <v>517.27380000000005</v>
      </c>
      <c r="E27089" s="6">
        <v>616.55470000000003</v>
      </c>
    </row>
    <row r="27090" spans="4:5" x14ac:dyDescent="0.25">
      <c r="D27090" s="6">
        <v>618.1567</v>
      </c>
      <c r="E27090" s="6">
        <v>3143.28</v>
      </c>
    </row>
    <row r="27091" spans="4:5" x14ac:dyDescent="0.25">
      <c r="D27091" s="6">
        <v>2199.3150000000001</v>
      </c>
      <c r="E27091" s="6">
        <v>768.11030000000005</v>
      </c>
    </row>
    <row r="27092" spans="4:5" x14ac:dyDescent="0.25">
      <c r="D27092" s="6">
        <v>626.57659999999998</v>
      </c>
      <c r="E27092" s="6">
        <v>1837.0139999999999</v>
      </c>
    </row>
    <row r="27093" spans="4:5" x14ac:dyDescent="0.25">
      <c r="D27093" s="6">
        <v>1533.5429999999999</v>
      </c>
      <c r="E27093" s="6">
        <v>1031.143</v>
      </c>
    </row>
    <row r="27094" spans="4:5" x14ac:dyDescent="0.25">
      <c r="D27094" s="6">
        <v>2246.7750000000001</v>
      </c>
      <c r="E27094" s="6">
        <v>1856.4469999999999</v>
      </c>
    </row>
    <row r="27095" spans="4:5" x14ac:dyDescent="0.25">
      <c r="D27095" s="6">
        <v>797.12429999999995</v>
      </c>
      <c r="E27095" s="6">
        <v>1121.5319999999999</v>
      </c>
    </row>
    <row r="27096" spans="4:5" x14ac:dyDescent="0.25">
      <c r="D27096" s="6">
        <v>1678.2190000000001</v>
      </c>
      <c r="E27096" s="6">
        <v>586.96559999999999</v>
      </c>
    </row>
    <row r="27097" spans="4:5" x14ac:dyDescent="0.25">
      <c r="D27097" s="6">
        <v>3821.7550000000001</v>
      </c>
      <c r="E27097" s="6">
        <v>833.58540000000005</v>
      </c>
    </row>
    <row r="27098" spans="4:5" x14ac:dyDescent="0.25">
      <c r="D27098" s="6">
        <v>1527.441</v>
      </c>
      <c r="E27098" s="6">
        <v>525.84360000000004</v>
      </c>
    </row>
    <row r="27099" spans="4:5" x14ac:dyDescent="0.25">
      <c r="D27099" s="6">
        <v>2693.4459999999999</v>
      </c>
      <c r="E27099" s="6">
        <v>1146.05</v>
      </c>
    </row>
    <row r="27100" spans="4:5" x14ac:dyDescent="0.25">
      <c r="D27100" s="6">
        <v>607.98950000000002</v>
      </c>
      <c r="E27100" s="6">
        <v>8135.6980000000003</v>
      </c>
    </row>
    <row r="27101" spans="4:5" x14ac:dyDescent="0.25">
      <c r="D27101" s="6">
        <v>4514.7780000000002</v>
      </c>
      <c r="E27101" s="6">
        <v>1295.3579999999999</v>
      </c>
    </row>
    <row r="27102" spans="4:5" x14ac:dyDescent="0.25">
      <c r="D27102" s="6">
        <v>3605.3490000000002</v>
      </c>
      <c r="E27102" s="6">
        <v>718.26990000000001</v>
      </c>
    </row>
    <row r="27103" spans="4:5" x14ac:dyDescent="0.25">
      <c r="D27103" s="6">
        <v>1711.2370000000001</v>
      </c>
      <c r="E27103" s="6">
        <v>1161.8720000000001</v>
      </c>
    </row>
    <row r="27104" spans="4:5" x14ac:dyDescent="0.25">
      <c r="D27104" s="6">
        <v>863.75660000000005</v>
      </c>
      <c r="E27104" s="6">
        <v>1312.9949999999999</v>
      </c>
    </row>
    <row r="27105" spans="4:5" x14ac:dyDescent="0.25">
      <c r="D27105" s="6">
        <v>3919.8760000000002</v>
      </c>
      <c r="E27105" s="6">
        <v>550.19330000000002</v>
      </c>
    </row>
    <row r="27106" spans="4:5" x14ac:dyDescent="0.25">
      <c r="D27106" s="6">
        <v>757.49350000000004</v>
      </c>
      <c r="E27106" s="6">
        <v>1347.2739999999999</v>
      </c>
    </row>
    <row r="27107" spans="4:5" x14ac:dyDescent="0.25">
      <c r="D27107" s="6">
        <v>1208.4949999999999</v>
      </c>
      <c r="E27107" s="6">
        <v>847.14829999999995</v>
      </c>
    </row>
    <row r="27108" spans="4:5" x14ac:dyDescent="0.25">
      <c r="D27108" s="6">
        <v>4130.308</v>
      </c>
      <c r="E27108" s="6">
        <v>590.96420000000001</v>
      </c>
    </row>
    <row r="27109" spans="4:5" x14ac:dyDescent="0.25">
      <c r="D27109" s="6">
        <v>689.33330000000001</v>
      </c>
      <c r="E27109" s="6">
        <v>5027.9930000000004</v>
      </c>
    </row>
    <row r="27110" spans="4:5" x14ac:dyDescent="0.25">
      <c r="D27110" s="6">
        <v>3325.3449999999998</v>
      </c>
      <c r="E27110" s="6">
        <v>418.28949999999998</v>
      </c>
    </row>
    <row r="27111" spans="4:5" x14ac:dyDescent="0.25">
      <c r="D27111" s="6">
        <v>1420.3820000000001</v>
      </c>
      <c r="E27111" s="6">
        <v>881.91600000000005</v>
      </c>
    </row>
    <row r="27112" spans="4:5" x14ac:dyDescent="0.25">
      <c r="D27112" s="6">
        <v>803.11429999999996</v>
      </c>
      <c r="E27112" s="6">
        <v>965.70860000000005</v>
      </c>
    </row>
    <row r="27113" spans="4:5" x14ac:dyDescent="0.25">
      <c r="D27113" s="6">
        <v>2046.366</v>
      </c>
      <c r="E27113" s="6">
        <v>531.51649999999995</v>
      </c>
    </row>
    <row r="27114" spans="4:5" x14ac:dyDescent="0.25">
      <c r="D27114" s="6">
        <v>1943.377</v>
      </c>
      <c r="E27114" s="6">
        <v>2693.1819999999998</v>
      </c>
    </row>
    <row r="27115" spans="4:5" x14ac:dyDescent="0.25">
      <c r="D27115" s="6">
        <v>3911.9140000000002</v>
      </c>
      <c r="E27115" s="6">
        <v>996.30290000000002</v>
      </c>
    </row>
    <row r="27116" spans="4:5" x14ac:dyDescent="0.25">
      <c r="D27116" s="6">
        <v>4872.7950000000001</v>
      </c>
      <c r="E27116" s="6">
        <v>472.28800000000001</v>
      </c>
    </row>
    <row r="27117" spans="4:5" x14ac:dyDescent="0.25">
      <c r="D27117" s="6">
        <v>4058.5079999999998</v>
      </c>
      <c r="E27117" s="6">
        <v>521.58540000000005</v>
      </c>
    </row>
    <row r="27118" spans="4:5" x14ac:dyDescent="0.25">
      <c r="D27118" s="6">
        <v>1410.998</v>
      </c>
      <c r="E27118" s="6">
        <v>838.68870000000004</v>
      </c>
    </row>
    <row r="27119" spans="4:5" x14ac:dyDescent="0.25">
      <c r="D27119" s="6">
        <v>1251.8889999999999</v>
      </c>
      <c r="E27119" s="6">
        <v>1462.251</v>
      </c>
    </row>
    <row r="27120" spans="4:5" x14ac:dyDescent="0.25">
      <c r="D27120" s="6">
        <v>761.74980000000005</v>
      </c>
      <c r="E27120" s="6">
        <v>492.86079999999998</v>
      </c>
    </row>
    <row r="27121" spans="4:5" x14ac:dyDescent="0.25">
      <c r="D27121" s="6">
        <v>2495.4340000000002</v>
      </c>
      <c r="E27121" s="6">
        <v>1234.02</v>
      </c>
    </row>
    <row r="27122" spans="4:5" x14ac:dyDescent="0.25">
      <c r="D27122" s="6">
        <v>631.14909999999998</v>
      </c>
      <c r="E27122" s="6">
        <v>509.5043</v>
      </c>
    </row>
    <row r="27123" spans="4:5" x14ac:dyDescent="0.25">
      <c r="D27123" s="6">
        <v>932.75869999999998</v>
      </c>
      <c r="E27123" s="6">
        <v>525.5453</v>
      </c>
    </row>
    <row r="27124" spans="4:5" x14ac:dyDescent="0.25">
      <c r="D27124" s="6">
        <v>1383.0920000000001</v>
      </c>
      <c r="E27124" s="6">
        <v>574.24149999999997</v>
      </c>
    </row>
    <row r="27125" spans="4:5" x14ac:dyDescent="0.25">
      <c r="D27125" s="6">
        <v>2907.0059999999999</v>
      </c>
      <c r="E27125" s="6">
        <v>536.8623</v>
      </c>
    </row>
    <row r="27126" spans="4:5" x14ac:dyDescent="0.25">
      <c r="D27126" s="6">
        <v>1168.568</v>
      </c>
      <c r="E27126" s="6">
        <v>849.4239</v>
      </c>
    </row>
    <row r="27127" spans="4:5" x14ac:dyDescent="0.25">
      <c r="D27127" s="6">
        <v>885.78399999999999</v>
      </c>
      <c r="E27127" s="6">
        <v>3631.6759999999999</v>
      </c>
    </row>
    <row r="27128" spans="4:5" x14ac:dyDescent="0.25">
      <c r="D27128" s="6">
        <v>1331.002</v>
      </c>
      <c r="E27128" s="6">
        <v>1267.3409999999999</v>
      </c>
    </row>
    <row r="27129" spans="4:5" x14ac:dyDescent="0.25">
      <c r="D27129" s="6">
        <v>3589.5949999999998</v>
      </c>
      <c r="E27129" s="6">
        <v>1433.521</v>
      </c>
    </row>
    <row r="27130" spans="4:5" x14ac:dyDescent="0.25">
      <c r="D27130" s="6">
        <v>1183.894</v>
      </c>
      <c r="E27130" s="6">
        <v>4868.3</v>
      </c>
    </row>
    <row r="27131" spans="4:5" x14ac:dyDescent="0.25">
      <c r="D27131" s="6">
        <v>979.9144</v>
      </c>
      <c r="E27131" s="6">
        <v>620.82069999999999</v>
      </c>
    </row>
    <row r="27132" spans="4:5" x14ac:dyDescent="0.25">
      <c r="D27132" s="6">
        <v>2312.009</v>
      </c>
      <c r="E27132" s="6">
        <v>4908.1580000000004</v>
      </c>
    </row>
    <row r="27133" spans="4:5" x14ac:dyDescent="0.25">
      <c r="D27133" s="6">
        <v>3849.7379999999998</v>
      </c>
      <c r="E27133" s="6">
        <v>473.14449999999999</v>
      </c>
    </row>
    <row r="27134" spans="4:5" x14ac:dyDescent="0.25">
      <c r="D27134" s="6">
        <v>1570.279</v>
      </c>
      <c r="E27134" s="6">
        <v>3354.0140000000001</v>
      </c>
    </row>
    <row r="27135" spans="4:5" x14ac:dyDescent="0.25">
      <c r="D27135" s="6">
        <v>599.61220000000003</v>
      </c>
      <c r="E27135" s="6">
        <v>1217.9079999999999</v>
      </c>
    </row>
    <row r="27136" spans="4:5" x14ac:dyDescent="0.25">
      <c r="D27136" s="6">
        <v>4915.549</v>
      </c>
      <c r="E27136" s="6">
        <v>1042.866</v>
      </c>
    </row>
    <row r="27137" spans="4:5" x14ac:dyDescent="0.25">
      <c r="D27137" s="6">
        <v>557.8682</v>
      </c>
      <c r="E27137" s="6">
        <v>1138.556</v>
      </c>
    </row>
    <row r="27138" spans="4:5" x14ac:dyDescent="0.25">
      <c r="D27138" s="6">
        <v>2607.442</v>
      </c>
      <c r="E27138" s="6">
        <v>1092.5219999999999</v>
      </c>
    </row>
    <row r="27139" spans="4:5" x14ac:dyDescent="0.25">
      <c r="D27139" s="6">
        <v>3825.44</v>
      </c>
      <c r="E27139" s="6">
        <v>592.37130000000002</v>
      </c>
    </row>
    <row r="27140" spans="4:5" x14ac:dyDescent="0.25">
      <c r="D27140" s="6">
        <v>516.13720000000001</v>
      </c>
      <c r="E27140" s="6">
        <v>1102.3910000000001</v>
      </c>
    </row>
    <row r="27141" spans="4:5" x14ac:dyDescent="0.25">
      <c r="D27141" s="6">
        <v>1492.3720000000001</v>
      </c>
      <c r="E27141" s="6">
        <v>650.62379999999996</v>
      </c>
    </row>
    <row r="27142" spans="4:5" x14ac:dyDescent="0.25">
      <c r="D27142" s="6">
        <v>2199.0650000000001</v>
      </c>
      <c r="E27142" s="6">
        <v>654.4</v>
      </c>
    </row>
    <row r="27143" spans="4:5" x14ac:dyDescent="0.25">
      <c r="D27143" s="6">
        <v>1048.3699999999999</v>
      </c>
      <c r="E27143" s="6">
        <v>581.07680000000005</v>
      </c>
    </row>
    <row r="27144" spans="4:5" x14ac:dyDescent="0.25">
      <c r="D27144" s="6">
        <v>5207.4449999999997</v>
      </c>
      <c r="E27144" s="6">
        <v>637.45950000000005</v>
      </c>
    </row>
    <row r="27145" spans="4:5" x14ac:dyDescent="0.25">
      <c r="D27145" s="6">
        <v>564.44069999999999</v>
      </c>
      <c r="E27145" s="6">
        <v>1206.0809999999999</v>
      </c>
    </row>
    <row r="27146" spans="4:5" x14ac:dyDescent="0.25">
      <c r="D27146" s="6">
        <v>2184.8180000000002</v>
      </c>
      <c r="E27146" s="6">
        <v>547.16290000000004</v>
      </c>
    </row>
    <row r="27147" spans="4:5" x14ac:dyDescent="0.25">
      <c r="D27147" s="6">
        <v>671.82839999999999</v>
      </c>
      <c r="E27147" s="6">
        <v>1159.4259999999999</v>
      </c>
    </row>
    <row r="27148" spans="4:5" x14ac:dyDescent="0.25">
      <c r="D27148" s="6">
        <v>3700.1390000000001</v>
      </c>
      <c r="E27148" s="6">
        <v>2985.6179999999999</v>
      </c>
    </row>
    <row r="27149" spans="4:5" x14ac:dyDescent="0.25">
      <c r="D27149" s="6">
        <v>2359.08</v>
      </c>
      <c r="E27149" s="6">
        <v>714.95910000000003</v>
      </c>
    </row>
    <row r="27150" spans="4:5" x14ac:dyDescent="0.25">
      <c r="D27150" s="6">
        <v>1301.174</v>
      </c>
      <c r="E27150" s="6">
        <v>1489</v>
      </c>
    </row>
    <row r="27151" spans="4:5" x14ac:dyDescent="0.25">
      <c r="D27151" s="6">
        <v>3930.5329999999999</v>
      </c>
      <c r="E27151" s="6">
        <v>4607.7690000000002</v>
      </c>
    </row>
    <row r="27152" spans="4:5" x14ac:dyDescent="0.25">
      <c r="D27152" s="6">
        <v>467.49680000000001</v>
      </c>
      <c r="E27152" s="6">
        <v>490.59309999999999</v>
      </c>
    </row>
    <row r="27153" spans="4:5" x14ac:dyDescent="0.25">
      <c r="D27153" s="6">
        <v>838.09960000000001</v>
      </c>
      <c r="E27153" s="6">
        <v>1023.66</v>
      </c>
    </row>
    <row r="27154" spans="4:5" x14ac:dyDescent="0.25">
      <c r="D27154" s="6">
        <v>435.37560000000002</v>
      </c>
      <c r="E27154" s="6">
        <v>532.36329999999998</v>
      </c>
    </row>
    <row r="27155" spans="4:5" x14ac:dyDescent="0.25">
      <c r="D27155" s="6">
        <v>2109.9699999999998</v>
      </c>
      <c r="E27155" s="6">
        <v>500.64620000000002</v>
      </c>
    </row>
    <row r="27156" spans="4:5" x14ac:dyDescent="0.25">
      <c r="D27156" s="6">
        <v>443.8</v>
      </c>
      <c r="E27156" s="6">
        <v>1526.16</v>
      </c>
    </row>
    <row r="27157" spans="4:5" x14ac:dyDescent="0.25">
      <c r="D27157" s="6">
        <v>4175.3329999999996</v>
      </c>
      <c r="E27157" s="6">
        <v>525.50279999999998</v>
      </c>
    </row>
    <row r="27158" spans="4:5" x14ac:dyDescent="0.25">
      <c r="D27158" s="6">
        <v>3766.17</v>
      </c>
      <c r="E27158" s="6">
        <v>1238.9929999999999</v>
      </c>
    </row>
    <row r="27159" spans="4:5" x14ac:dyDescent="0.25">
      <c r="D27159" s="6">
        <v>1958.5730000000001</v>
      </c>
      <c r="E27159" s="6">
        <v>578.53340000000003</v>
      </c>
    </row>
    <row r="27160" spans="4:5" x14ac:dyDescent="0.25">
      <c r="D27160" s="6">
        <v>3779.0439999999999</v>
      </c>
      <c r="E27160" s="6">
        <v>903.14660000000003</v>
      </c>
    </row>
    <row r="27161" spans="4:5" x14ac:dyDescent="0.25">
      <c r="D27161" s="6">
        <v>1031.046</v>
      </c>
      <c r="E27161" s="6">
        <v>581.30700000000002</v>
      </c>
    </row>
    <row r="27162" spans="4:5" x14ac:dyDescent="0.25">
      <c r="D27162" s="6">
        <v>2476.4459999999999</v>
      </c>
      <c r="E27162" s="6">
        <v>536.63409999999999</v>
      </c>
    </row>
    <row r="27163" spans="4:5" x14ac:dyDescent="0.25">
      <c r="D27163" s="6">
        <v>4338.6549999999997</v>
      </c>
      <c r="E27163" s="6">
        <v>1053.4449999999999</v>
      </c>
    </row>
    <row r="27164" spans="4:5" x14ac:dyDescent="0.25">
      <c r="D27164" s="6">
        <v>4543.4440000000004</v>
      </c>
      <c r="E27164" s="6">
        <v>534.78179999999998</v>
      </c>
    </row>
    <row r="27165" spans="4:5" x14ac:dyDescent="0.25">
      <c r="D27165" s="6">
        <v>2035.64</v>
      </c>
      <c r="E27165" s="6">
        <v>1599.1189999999999</v>
      </c>
    </row>
    <row r="27166" spans="4:5" x14ac:dyDescent="0.25">
      <c r="D27166" s="6">
        <v>497.18669999999997</v>
      </c>
      <c r="E27166" s="6">
        <v>1165.0920000000001</v>
      </c>
    </row>
    <row r="27167" spans="4:5" x14ac:dyDescent="0.25">
      <c r="D27167" s="6">
        <v>3426.6990000000001</v>
      </c>
      <c r="E27167" s="6">
        <v>632.95920000000001</v>
      </c>
    </row>
    <row r="27168" spans="4:5" x14ac:dyDescent="0.25">
      <c r="D27168" s="6">
        <v>3748.6239999999998</v>
      </c>
      <c r="E27168" s="6">
        <v>560.94150000000002</v>
      </c>
    </row>
    <row r="27169" spans="4:5" x14ac:dyDescent="0.25">
      <c r="D27169" s="6">
        <v>3378.5830000000001</v>
      </c>
      <c r="E27169" s="6">
        <v>487.23329999999999</v>
      </c>
    </row>
    <row r="27170" spans="4:5" x14ac:dyDescent="0.25">
      <c r="D27170" s="6">
        <v>598.59879999999998</v>
      </c>
      <c r="E27170" s="6">
        <v>2798.5920000000001</v>
      </c>
    </row>
    <row r="27171" spans="4:5" x14ac:dyDescent="0.25">
      <c r="D27171" s="6">
        <v>2413.723</v>
      </c>
      <c r="E27171" s="6">
        <v>2239.2280000000001</v>
      </c>
    </row>
    <row r="27172" spans="4:5" x14ac:dyDescent="0.25">
      <c r="D27172" s="6">
        <v>763.31370000000004</v>
      </c>
      <c r="E27172" s="6">
        <v>1032.075</v>
      </c>
    </row>
    <row r="27173" spans="4:5" x14ac:dyDescent="0.25">
      <c r="D27173" s="6">
        <v>2071.71</v>
      </c>
      <c r="E27173" s="6">
        <v>3043.2449999999999</v>
      </c>
    </row>
    <row r="27174" spans="4:5" x14ac:dyDescent="0.25">
      <c r="D27174" s="6">
        <v>1265.136</v>
      </c>
      <c r="E27174" s="6">
        <v>1034.403</v>
      </c>
    </row>
    <row r="27175" spans="4:5" x14ac:dyDescent="0.25">
      <c r="D27175" s="6">
        <v>1996.1759999999999</v>
      </c>
      <c r="E27175" s="6">
        <v>2965.308</v>
      </c>
    </row>
    <row r="27176" spans="4:5" x14ac:dyDescent="0.25">
      <c r="D27176" s="6">
        <v>512.64689999999996</v>
      </c>
      <c r="E27176" s="6">
        <v>553.55539999999996</v>
      </c>
    </row>
    <row r="27177" spans="4:5" x14ac:dyDescent="0.25">
      <c r="D27177" s="6">
        <v>539.53229999999996</v>
      </c>
      <c r="E27177" s="6">
        <v>528.83069999999998</v>
      </c>
    </row>
    <row r="27178" spans="4:5" x14ac:dyDescent="0.25">
      <c r="D27178" s="6">
        <v>1110.4179999999999</v>
      </c>
      <c r="E27178" s="6">
        <v>457.68970000000002</v>
      </c>
    </row>
    <row r="27179" spans="4:5" x14ac:dyDescent="0.25">
      <c r="D27179" s="6">
        <v>1237.1500000000001</v>
      </c>
      <c r="E27179" s="6">
        <v>3128.9169999999999</v>
      </c>
    </row>
    <row r="27180" spans="4:5" x14ac:dyDescent="0.25">
      <c r="D27180" s="6">
        <v>3741.723</v>
      </c>
      <c r="E27180" s="6">
        <v>797.55790000000002</v>
      </c>
    </row>
    <row r="27181" spans="4:5" x14ac:dyDescent="0.25">
      <c r="D27181" s="6">
        <v>2341.2280000000001</v>
      </c>
      <c r="E27181" s="6">
        <v>2135.21</v>
      </c>
    </row>
    <row r="27182" spans="4:5" x14ac:dyDescent="0.25">
      <c r="D27182" s="6">
        <v>2433.1219999999998</v>
      </c>
      <c r="E27182" s="6">
        <v>577.71500000000003</v>
      </c>
    </row>
    <row r="27183" spans="4:5" x14ac:dyDescent="0.25">
      <c r="D27183" s="6">
        <v>840.24400000000003</v>
      </c>
      <c r="E27183" s="6">
        <v>815.48680000000002</v>
      </c>
    </row>
    <row r="27184" spans="4:5" x14ac:dyDescent="0.25">
      <c r="D27184" s="6">
        <v>703.89949999999999</v>
      </c>
      <c r="E27184" s="6">
        <v>502.29700000000003</v>
      </c>
    </row>
    <row r="27185" spans="4:5" x14ac:dyDescent="0.25">
      <c r="D27185" s="6">
        <v>4296.4939999999997</v>
      </c>
      <c r="E27185" s="6">
        <v>374.48399999999998</v>
      </c>
    </row>
    <row r="27186" spans="4:5" x14ac:dyDescent="0.25">
      <c r="D27186" s="6">
        <v>1762.904</v>
      </c>
      <c r="E27186" s="6">
        <v>1217.289</v>
      </c>
    </row>
    <row r="27187" spans="4:5" x14ac:dyDescent="0.25">
      <c r="D27187" s="6">
        <v>1435.0239999999999</v>
      </c>
      <c r="E27187" s="6">
        <v>1318.7950000000001</v>
      </c>
    </row>
    <row r="27188" spans="4:5" x14ac:dyDescent="0.25">
      <c r="D27188" s="6">
        <v>3113.4180000000001</v>
      </c>
      <c r="E27188" s="6">
        <v>2813.3380000000002</v>
      </c>
    </row>
    <row r="27189" spans="4:5" x14ac:dyDescent="0.25">
      <c r="D27189" s="6">
        <v>2045</v>
      </c>
      <c r="E27189" s="6">
        <v>2470.4879999999998</v>
      </c>
    </row>
    <row r="27190" spans="4:5" x14ac:dyDescent="0.25">
      <c r="D27190" s="6">
        <v>3337.7280000000001</v>
      </c>
      <c r="E27190" s="6">
        <v>632.9991</v>
      </c>
    </row>
    <row r="27191" spans="4:5" x14ac:dyDescent="0.25">
      <c r="D27191" s="6">
        <v>801.37549999999999</v>
      </c>
      <c r="E27191" s="6">
        <v>543.51499999999999</v>
      </c>
    </row>
    <row r="27192" spans="4:5" x14ac:dyDescent="0.25">
      <c r="D27192" s="6">
        <v>1555.8910000000001</v>
      </c>
      <c r="E27192" s="6">
        <v>1125.8140000000001</v>
      </c>
    </row>
    <row r="27193" spans="4:5" x14ac:dyDescent="0.25">
      <c r="D27193" s="6">
        <v>3517.5819999999999</v>
      </c>
      <c r="E27193" s="6">
        <v>602.21289999999999</v>
      </c>
    </row>
    <row r="27194" spans="4:5" x14ac:dyDescent="0.25">
      <c r="D27194" s="6">
        <v>1094.8240000000001</v>
      </c>
      <c r="E27194" s="6">
        <v>1471.5429999999999</v>
      </c>
    </row>
    <row r="27195" spans="4:5" x14ac:dyDescent="0.25">
      <c r="D27195" s="6">
        <v>3439.6179999999999</v>
      </c>
      <c r="E27195" s="6">
        <v>3134.0149999999999</v>
      </c>
    </row>
    <row r="27196" spans="4:5" x14ac:dyDescent="0.25">
      <c r="D27196" s="6">
        <v>5678.1419999999998</v>
      </c>
      <c r="E27196" s="6">
        <v>509.27850000000001</v>
      </c>
    </row>
    <row r="27197" spans="4:5" x14ac:dyDescent="0.25">
      <c r="D27197" s="6">
        <v>423.64210000000003</v>
      </c>
      <c r="E27197" s="6">
        <v>1635.5229999999999</v>
      </c>
    </row>
    <row r="27198" spans="4:5" x14ac:dyDescent="0.25">
      <c r="D27198" s="6">
        <v>1267.943</v>
      </c>
      <c r="E27198" s="6">
        <v>1042.981</v>
      </c>
    </row>
    <row r="27199" spans="4:5" x14ac:dyDescent="0.25">
      <c r="D27199" s="6">
        <v>948.21349999999995</v>
      </c>
      <c r="E27199" s="6">
        <v>893.74639999999999</v>
      </c>
    </row>
    <row r="27200" spans="4:5" x14ac:dyDescent="0.25">
      <c r="D27200" s="6">
        <v>4308.2330000000002</v>
      </c>
      <c r="E27200" s="6">
        <v>3052.1849999999999</v>
      </c>
    </row>
    <row r="27201" spans="4:5" x14ac:dyDescent="0.25">
      <c r="D27201" s="6">
        <v>1338.7619999999999</v>
      </c>
      <c r="E27201" s="6">
        <v>709.07240000000002</v>
      </c>
    </row>
    <row r="27202" spans="4:5" x14ac:dyDescent="0.25">
      <c r="D27202" s="6">
        <v>1051.1690000000001</v>
      </c>
      <c r="E27202" s="6">
        <v>535.93939999999998</v>
      </c>
    </row>
    <row r="27203" spans="4:5" x14ac:dyDescent="0.25">
      <c r="D27203" s="6">
        <v>518.41</v>
      </c>
      <c r="E27203" s="6">
        <v>883.91510000000005</v>
      </c>
    </row>
    <row r="27204" spans="4:5" x14ac:dyDescent="0.25">
      <c r="D27204" s="6">
        <v>1815.625</v>
      </c>
      <c r="E27204" s="6">
        <v>571.53489999999999</v>
      </c>
    </row>
    <row r="27205" spans="4:5" x14ac:dyDescent="0.25">
      <c r="D27205" s="6">
        <v>1541.8209999999999</v>
      </c>
      <c r="E27205" s="6">
        <v>3582.9920000000002</v>
      </c>
    </row>
    <row r="27206" spans="4:5" x14ac:dyDescent="0.25">
      <c r="D27206" s="6">
        <v>1140.7260000000001</v>
      </c>
      <c r="E27206" s="6">
        <v>1316.3879999999999</v>
      </c>
    </row>
    <row r="27207" spans="4:5" x14ac:dyDescent="0.25">
      <c r="D27207" s="6">
        <v>1434.6489999999999</v>
      </c>
      <c r="E27207" s="6">
        <v>3501.5230000000001</v>
      </c>
    </row>
    <row r="27208" spans="4:5" x14ac:dyDescent="0.25">
      <c r="D27208" s="6">
        <v>1502.8209999999999</v>
      </c>
      <c r="E27208" s="6">
        <v>1005.144</v>
      </c>
    </row>
    <row r="27209" spans="4:5" x14ac:dyDescent="0.25">
      <c r="D27209" s="6">
        <v>3565.2289999999998</v>
      </c>
      <c r="E27209" s="6">
        <v>1043.4349999999999</v>
      </c>
    </row>
    <row r="27210" spans="4:5" x14ac:dyDescent="0.25">
      <c r="D27210" s="6">
        <v>1070.646</v>
      </c>
      <c r="E27210" s="6">
        <v>779</v>
      </c>
    </row>
    <row r="27211" spans="4:5" x14ac:dyDescent="0.25">
      <c r="D27211" s="6">
        <v>1020.245</v>
      </c>
      <c r="E27211" s="6">
        <v>495.44189999999998</v>
      </c>
    </row>
    <row r="27212" spans="4:5" x14ac:dyDescent="0.25">
      <c r="D27212" s="6">
        <v>1301.296</v>
      </c>
      <c r="E27212" s="6">
        <v>4029.6089999999999</v>
      </c>
    </row>
    <row r="27213" spans="4:5" x14ac:dyDescent="0.25">
      <c r="D27213" s="6">
        <v>670.62220000000002</v>
      </c>
      <c r="E27213" s="6">
        <v>1524.653</v>
      </c>
    </row>
    <row r="27214" spans="4:5" x14ac:dyDescent="0.25">
      <c r="D27214" s="6">
        <v>812.4144</v>
      </c>
      <c r="E27214" s="6">
        <v>2375.944</v>
      </c>
    </row>
    <row r="27215" spans="4:5" x14ac:dyDescent="0.25">
      <c r="D27215" s="6">
        <v>1601.9359999999999</v>
      </c>
      <c r="E27215" s="6">
        <v>549.4</v>
      </c>
    </row>
    <row r="27216" spans="4:5" x14ac:dyDescent="0.25">
      <c r="D27216" s="6">
        <v>592.14110000000005</v>
      </c>
      <c r="E27216" s="6">
        <v>865.71100000000001</v>
      </c>
    </row>
    <row r="27217" spans="4:5" x14ac:dyDescent="0.25">
      <c r="D27217" s="6">
        <v>684.03449999999998</v>
      </c>
      <c r="E27217" s="6">
        <v>1132.645</v>
      </c>
    </row>
    <row r="27218" spans="4:5" x14ac:dyDescent="0.25">
      <c r="D27218" s="6">
        <v>575.23950000000002</v>
      </c>
      <c r="E27218" s="6">
        <v>607.52959999999996</v>
      </c>
    </row>
    <row r="27219" spans="4:5" x14ac:dyDescent="0.25">
      <c r="D27219" s="6">
        <v>3226.9369999999999</v>
      </c>
      <c r="E27219" s="6">
        <v>2992.9009999999998</v>
      </c>
    </row>
    <row r="27220" spans="4:5" x14ac:dyDescent="0.25">
      <c r="D27220" s="6">
        <v>2884.5039999999999</v>
      </c>
      <c r="E27220" s="6">
        <v>613.16430000000003</v>
      </c>
    </row>
    <row r="27221" spans="4:5" x14ac:dyDescent="0.25">
      <c r="D27221" s="6">
        <v>2367.6410000000001</v>
      </c>
      <c r="E27221" s="6">
        <v>2872.232</v>
      </c>
    </row>
    <row r="27222" spans="4:5" x14ac:dyDescent="0.25">
      <c r="D27222" s="6">
        <v>2867.2719999999999</v>
      </c>
      <c r="E27222" s="6">
        <v>434.27420000000001</v>
      </c>
    </row>
    <row r="27223" spans="4:5" x14ac:dyDescent="0.25">
      <c r="D27223" s="6">
        <v>1667.962</v>
      </c>
      <c r="E27223" s="6">
        <v>503.49680000000001</v>
      </c>
    </row>
    <row r="27224" spans="4:5" x14ac:dyDescent="0.25">
      <c r="D27224" s="6">
        <v>1518.9169999999999</v>
      </c>
      <c r="E27224" s="6">
        <v>1026.9860000000001</v>
      </c>
    </row>
    <row r="27225" spans="4:5" x14ac:dyDescent="0.25">
      <c r="D27225" s="6">
        <v>1285.2439999999999</v>
      </c>
      <c r="E27225" s="6">
        <v>554.01819999999998</v>
      </c>
    </row>
    <row r="27226" spans="4:5" x14ac:dyDescent="0.25">
      <c r="D27226" s="6">
        <v>1572.826</v>
      </c>
      <c r="E27226" s="6">
        <v>3143.8510000000001</v>
      </c>
    </row>
    <row r="27227" spans="4:5" x14ac:dyDescent="0.25">
      <c r="D27227" s="6">
        <v>2975.826</v>
      </c>
      <c r="E27227" s="6">
        <v>1853.2260000000001</v>
      </c>
    </row>
    <row r="27228" spans="4:5" x14ac:dyDescent="0.25">
      <c r="D27228" s="6">
        <v>735.875</v>
      </c>
      <c r="E27228" s="6">
        <v>2544.5859999999998</v>
      </c>
    </row>
    <row r="27229" spans="4:5" x14ac:dyDescent="0.25">
      <c r="D27229" s="6">
        <v>4483.4009999999998</v>
      </c>
      <c r="E27229" s="6">
        <v>15347.29</v>
      </c>
    </row>
    <row r="27230" spans="4:5" x14ac:dyDescent="0.25">
      <c r="D27230" s="6">
        <v>4169.0420000000004</v>
      </c>
      <c r="E27230" s="6">
        <v>1963.306</v>
      </c>
    </row>
    <row r="27231" spans="4:5" x14ac:dyDescent="0.25">
      <c r="D27231" s="6">
        <v>3895.1469999999999</v>
      </c>
      <c r="E27231" s="6">
        <v>557.0421</v>
      </c>
    </row>
    <row r="27232" spans="4:5" x14ac:dyDescent="0.25">
      <c r="D27232" s="6">
        <v>4198.0339999999997</v>
      </c>
      <c r="E27232" s="6">
        <v>2247.694</v>
      </c>
    </row>
    <row r="27233" spans="4:5" x14ac:dyDescent="0.25">
      <c r="D27233" s="6">
        <v>2611.5720000000001</v>
      </c>
      <c r="E27233" s="6">
        <v>1201.0170000000001</v>
      </c>
    </row>
    <row r="27234" spans="4:5" x14ac:dyDescent="0.25">
      <c r="D27234" s="6">
        <v>1053.903</v>
      </c>
      <c r="E27234" s="6">
        <v>1796.809</v>
      </c>
    </row>
    <row r="27235" spans="4:5" x14ac:dyDescent="0.25">
      <c r="D27235" s="6">
        <v>1632.297</v>
      </c>
      <c r="E27235" s="6">
        <v>853.33330000000001</v>
      </c>
    </row>
    <row r="27236" spans="4:5" x14ac:dyDescent="0.25">
      <c r="D27236" s="6">
        <v>634.63340000000005</v>
      </c>
      <c r="E27236" s="6">
        <v>4989.6229999999996</v>
      </c>
    </row>
    <row r="27237" spans="4:5" x14ac:dyDescent="0.25">
      <c r="D27237" s="6">
        <v>970.9665</v>
      </c>
      <c r="E27237" s="6">
        <v>3612.8240000000001</v>
      </c>
    </row>
    <row r="27238" spans="4:5" x14ac:dyDescent="0.25">
      <c r="D27238" s="6">
        <v>527.76980000000003</v>
      </c>
      <c r="E27238" s="6">
        <v>876.84519999999998</v>
      </c>
    </row>
    <row r="27239" spans="4:5" x14ac:dyDescent="0.25">
      <c r="D27239" s="6">
        <v>535.65049999999997</v>
      </c>
      <c r="E27239" s="6">
        <v>862.625</v>
      </c>
    </row>
    <row r="27240" spans="4:5" x14ac:dyDescent="0.25">
      <c r="D27240" s="6">
        <v>896.24469999999997</v>
      </c>
      <c r="E27240" s="6">
        <v>609.43409999999994</v>
      </c>
    </row>
    <row r="27241" spans="4:5" x14ac:dyDescent="0.25">
      <c r="D27241" s="6">
        <v>670.64679999999998</v>
      </c>
      <c r="E27241" s="6">
        <v>1282.396</v>
      </c>
    </row>
    <row r="27242" spans="4:5" x14ac:dyDescent="0.25">
      <c r="D27242" s="6">
        <v>4536.7030000000004</v>
      </c>
      <c r="E27242" s="6">
        <v>2944.0639999999999</v>
      </c>
    </row>
    <row r="27243" spans="4:5" x14ac:dyDescent="0.25">
      <c r="D27243" s="6">
        <v>4677.5789999999997</v>
      </c>
      <c r="E27243" s="6">
        <v>1193.0229999999999</v>
      </c>
    </row>
    <row r="27244" spans="4:5" x14ac:dyDescent="0.25">
      <c r="D27244" s="6">
        <v>617.06500000000005</v>
      </c>
      <c r="E27244" s="6">
        <v>831.38779999999997</v>
      </c>
    </row>
    <row r="27245" spans="4:5" x14ac:dyDescent="0.25">
      <c r="D27245" s="6">
        <v>538.5489</v>
      </c>
      <c r="E27245" s="6">
        <v>490.81529999999998</v>
      </c>
    </row>
    <row r="27246" spans="4:5" x14ac:dyDescent="0.25">
      <c r="D27246" s="6">
        <v>832.41660000000002</v>
      </c>
      <c r="E27246" s="6">
        <v>1004.191</v>
      </c>
    </row>
    <row r="27247" spans="4:5" x14ac:dyDescent="0.25">
      <c r="D27247" s="6">
        <v>2836.2840000000001</v>
      </c>
      <c r="E27247" s="6">
        <v>1108.2190000000001</v>
      </c>
    </row>
    <row r="27248" spans="4:5" x14ac:dyDescent="0.25">
      <c r="D27248" s="6">
        <v>493.7321</v>
      </c>
      <c r="E27248" s="6">
        <v>5769.317</v>
      </c>
    </row>
    <row r="27249" spans="4:5" x14ac:dyDescent="0.25">
      <c r="D27249" s="6">
        <v>494.1352</v>
      </c>
      <c r="E27249" s="6">
        <v>5841.7139999999999</v>
      </c>
    </row>
    <row r="27250" spans="4:5" x14ac:dyDescent="0.25">
      <c r="D27250" s="6">
        <v>1619.356</v>
      </c>
      <c r="E27250" s="6">
        <v>3814.8440000000001</v>
      </c>
    </row>
    <row r="27251" spans="4:5" x14ac:dyDescent="0.25">
      <c r="D27251" s="6">
        <v>5675.0450000000001</v>
      </c>
      <c r="E27251" s="6">
        <v>880.56330000000003</v>
      </c>
    </row>
    <row r="27252" spans="4:5" x14ac:dyDescent="0.25">
      <c r="D27252" s="6">
        <v>2672.2429999999999</v>
      </c>
      <c r="E27252" s="6">
        <v>2675.2170000000001</v>
      </c>
    </row>
    <row r="27253" spans="4:5" x14ac:dyDescent="0.25">
      <c r="D27253" s="6">
        <v>4092.5210000000002</v>
      </c>
      <c r="E27253" s="6">
        <v>2923.011</v>
      </c>
    </row>
    <row r="27254" spans="4:5" x14ac:dyDescent="0.25">
      <c r="D27254" s="6">
        <v>1578.8219999999999</v>
      </c>
      <c r="E27254" s="6">
        <v>1584.7080000000001</v>
      </c>
    </row>
    <row r="27255" spans="4:5" x14ac:dyDescent="0.25">
      <c r="D27255" s="6">
        <v>1453.2080000000001</v>
      </c>
      <c r="E27255" s="6">
        <v>2014.4490000000001</v>
      </c>
    </row>
    <row r="27256" spans="4:5" x14ac:dyDescent="0.25">
      <c r="D27256" s="6">
        <v>612.35879999999997</v>
      </c>
      <c r="E27256" s="6">
        <v>1089.105</v>
      </c>
    </row>
    <row r="27257" spans="4:5" x14ac:dyDescent="0.25">
      <c r="D27257" s="6">
        <v>3602.7849999999999</v>
      </c>
      <c r="E27257" s="6">
        <v>3594.692</v>
      </c>
    </row>
    <row r="27258" spans="4:5" x14ac:dyDescent="0.25">
      <c r="D27258" s="6">
        <v>2629.1030000000001</v>
      </c>
      <c r="E27258" s="6">
        <v>2061.1219999999998</v>
      </c>
    </row>
    <row r="27259" spans="4:5" x14ac:dyDescent="0.25">
      <c r="D27259" s="6">
        <v>1663.7570000000001</v>
      </c>
      <c r="E27259" s="6">
        <v>966.28039999999999</v>
      </c>
    </row>
    <row r="27260" spans="4:5" x14ac:dyDescent="0.25">
      <c r="D27260" s="6">
        <v>3078.4879999999998</v>
      </c>
      <c r="E27260" s="6">
        <v>3092.748</v>
      </c>
    </row>
    <row r="27261" spans="4:5" x14ac:dyDescent="0.25">
      <c r="D27261" s="6">
        <v>1782.723</v>
      </c>
      <c r="E27261" s="6">
        <v>1180.306</v>
      </c>
    </row>
    <row r="27262" spans="4:5" x14ac:dyDescent="0.25">
      <c r="D27262" s="6">
        <v>4217.3850000000002</v>
      </c>
      <c r="E27262" s="6">
        <v>598.15840000000003</v>
      </c>
    </row>
    <row r="27263" spans="4:5" x14ac:dyDescent="0.25">
      <c r="D27263" s="6">
        <v>1150.6769999999999</v>
      </c>
      <c r="E27263" s="6">
        <v>1119.154</v>
      </c>
    </row>
    <row r="27264" spans="4:5" x14ac:dyDescent="0.25">
      <c r="D27264" s="6">
        <v>1030.0050000000001</v>
      </c>
      <c r="E27264" s="6">
        <v>1294.056</v>
      </c>
    </row>
    <row r="27265" spans="4:5" x14ac:dyDescent="0.25">
      <c r="D27265" s="6">
        <v>966.77250000000004</v>
      </c>
      <c r="E27265" s="6">
        <v>3089.2080000000001</v>
      </c>
    </row>
    <row r="27266" spans="4:5" x14ac:dyDescent="0.25">
      <c r="D27266" s="6">
        <v>5248.9889999999996</v>
      </c>
      <c r="E27266" s="6">
        <v>507.32380000000001</v>
      </c>
    </row>
    <row r="27267" spans="4:5" x14ac:dyDescent="0.25">
      <c r="D27267" s="6">
        <v>930.2876</v>
      </c>
      <c r="E27267" s="6">
        <v>4943.4250000000002</v>
      </c>
    </row>
    <row r="27268" spans="4:5" x14ac:dyDescent="0.25">
      <c r="D27268" s="6">
        <v>1498.546</v>
      </c>
      <c r="E27268" s="6">
        <v>3368.3620000000001</v>
      </c>
    </row>
    <row r="27269" spans="4:5" x14ac:dyDescent="0.25">
      <c r="D27269" s="6">
        <v>902.80150000000003</v>
      </c>
      <c r="E27269" s="6">
        <v>2607.384</v>
      </c>
    </row>
    <row r="27270" spans="4:5" x14ac:dyDescent="0.25">
      <c r="D27270" s="6">
        <v>1981.223</v>
      </c>
      <c r="E27270" s="6">
        <v>946.86270000000002</v>
      </c>
    </row>
    <row r="27271" spans="4:5" x14ac:dyDescent="0.25">
      <c r="D27271" s="6">
        <v>2355.6559999999999</v>
      </c>
      <c r="E27271" s="6">
        <v>2850.5770000000002</v>
      </c>
    </row>
    <row r="27272" spans="4:5" x14ac:dyDescent="0.25">
      <c r="D27272" s="6">
        <v>3896.5520000000001</v>
      </c>
      <c r="E27272" s="6">
        <v>482.8125</v>
      </c>
    </row>
    <row r="27273" spans="4:5" x14ac:dyDescent="0.25">
      <c r="D27273" s="6">
        <v>494.86919999999998</v>
      </c>
      <c r="E27273" s="6">
        <v>655.07000000000005</v>
      </c>
    </row>
    <row r="27274" spans="4:5" x14ac:dyDescent="0.25">
      <c r="D27274" s="6">
        <v>2504.6579999999999</v>
      </c>
      <c r="E27274" s="6">
        <v>496.9701</v>
      </c>
    </row>
    <row r="27275" spans="4:5" x14ac:dyDescent="0.25">
      <c r="D27275" s="6">
        <v>594.47310000000004</v>
      </c>
      <c r="E27275" s="6">
        <v>500.7131</v>
      </c>
    </row>
    <row r="27276" spans="4:5" x14ac:dyDescent="0.25">
      <c r="D27276" s="6">
        <v>3563.7629999999999</v>
      </c>
      <c r="E27276" s="6">
        <v>553.55380000000002</v>
      </c>
    </row>
    <row r="27277" spans="4:5" x14ac:dyDescent="0.25">
      <c r="D27277" s="6">
        <v>1615.097</v>
      </c>
      <c r="E27277" s="6">
        <v>6202.6350000000002</v>
      </c>
    </row>
    <row r="27278" spans="4:5" x14ac:dyDescent="0.25">
      <c r="D27278" s="6">
        <v>1044.2909999999999</v>
      </c>
      <c r="E27278" s="6">
        <v>581.05709999999999</v>
      </c>
    </row>
    <row r="27279" spans="4:5" x14ac:dyDescent="0.25">
      <c r="D27279" s="6">
        <v>634.08000000000004</v>
      </c>
      <c r="E27279" s="6">
        <v>518.81550000000004</v>
      </c>
    </row>
    <row r="27280" spans="4:5" x14ac:dyDescent="0.25">
      <c r="D27280" s="6">
        <v>1111.3810000000001</v>
      </c>
      <c r="E27280" s="6">
        <v>846.05610000000001</v>
      </c>
    </row>
    <row r="27281" spans="4:5" x14ac:dyDescent="0.25">
      <c r="D27281" s="6">
        <v>4575.8119999999999</v>
      </c>
      <c r="E27281" s="6">
        <v>1411.2329999999999</v>
      </c>
    </row>
    <row r="27282" spans="4:5" x14ac:dyDescent="0.25">
      <c r="D27282" s="6">
        <v>1555.9849999999999</v>
      </c>
      <c r="E27282" s="6">
        <v>919.8211</v>
      </c>
    </row>
    <row r="27283" spans="4:5" x14ac:dyDescent="0.25">
      <c r="D27283" s="6">
        <v>4452.2690000000002</v>
      </c>
      <c r="E27283" s="6">
        <v>972.31690000000003</v>
      </c>
    </row>
    <row r="27284" spans="4:5" x14ac:dyDescent="0.25">
      <c r="D27284" s="6">
        <v>1240.377</v>
      </c>
      <c r="E27284" s="6">
        <v>2124.576</v>
      </c>
    </row>
    <row r="27285" spans="4:5" x14ac:dyDescent="0.25">
      <c r="D27285" s="6">
        <v>1845.8109999999999</v>
      </c>
      <c r="E27285" s="6">
        <v>541.28520000000003</v>
      </c>
    </row>
    <row r="27286" spans="4:5" x14ac:dyDescent="0.25">
      <c r="D27286" s="6">
        <v>1180.3399999999999</v>
      </c>
      <c r="E27286" s="6">
        <v>532.8519</v>
      </c>
    </row>
    <row r="27287" spans="4:5" x14ac:dyDescent="0.25">
      <c r="D27287" s="6">
        <v>896.8528</v>
      </c>
      <c r="E27287" s="6">
        <v>697.03290000000004</v>
      </c>
    </row>
    <row r="27288" spans="4:5" x14ac:dyDescent="0.25">
      <c r="D27288" s="6">
        <v>810.92570000000001</v>
      </c>
      <c r="E27288" s="6">
        <v>1708.761</v>
      </c>
    </row>
    <row r="27289" spans="4:5" x14ac:dyDescent="0.25">
      <c r="D27289" s="6">
        <v>3864.2370000000001</v>
      </c>
      <c r="E27289" s="6">
        <v>4797.6369999999997</v>
      </c>
    </row>
    <row r="27290" spans="4:5" x14ac:dyDescent="0.25">
      <c r="D27290" s="6">
        <v>2217.5070000000001</v>
      </c>
      <c r="E27290" s="6">
        <v>2528.9369999999999</v>
      </c>
    </row>
    <row r="27291" spans="4:5" x14ac:dyDescent="0.25">
      <c r="D27291" s="6">
        <v>2891.2570000000001</v>
      </c>
      <c r="E27291" s="6">
        <v>1082.1980000000001</v>
      </c>
    </row>
    <row r="27292" spans="4:5" x14ac:dyDescent="0.25">
      <c r="D27292" s="6">
        <v>3990.8969999999999</v>
      </c>
      <c r="E27292" s="6">
        <v>497.72129999999999</v>
      </c>
    </row>
    <row r="27293" spans="4:5" x14ac:dyDescent="0.25">
      <c r="D27293" s="6">
        <v>2072.0349999999999</v>
      </c>
      <c r="E27293" s="6">
        <v>1331.1030000000001</v>
      </c>
    </row>
    <row r="27294" spans="4:5" x14ac:dyDescent="0.25">
      <c r="D27294" s="6">
        <v>1048.126</v>
      </c>
      <c r="E27294" s="6">
        <v>802.82889999999998</v>
      </c>
    </row>
    <row r="27295" spans="4:5" x14ac:dyDescent="0.25">
      <c r="D27295" s="6">
        <v>3203.2240000000002</v>
      </c>
      <c r="E27295" s="6">
        <v>497.25099999999998</v>
      </c>
    </row>
    <row r="27296" spans="4:5" x14ac:dyDescent="0.25">
      <c r="D27296" s="6">
        <v>1013.506</v>
      </c>
      <c r="E27296" s="6">
        <v>1446.3389999999999</v>
      </c>
    </row>
    <row r="27297" spans="4:5" x14ac:dyDescent="0.25">
      <c r="D27297" s="6">
        <v>2761.0419999999999</v>
      </c>
      <c r="E27297" s="6">
        <v>1921.355</v>
      </c>
    </row>
    <row r="27298" spans="4:5" x14ac:dyDescent="0.25">
      <c r="D27298" s="6">
        <v>1640</v>
      </c>
      <c r="E27298" s="6">
        <v>1158.154</v>
      </c>
    </row>
    <row r="27299" spans="4:5" x14ac:dyDescent="0.25">
      <c r="D27299" s="6">
        <v>3397.9870000000001</v>
      </c>
      <c r="E27299" s="6">
        <v>977.29219999999998</v>
      </c>
    </row>
    <row r="27300" spans="4:5" x14ac:dyDescent="0.25">
      <c r="D27300" s="6">
        <v>4685.884</v>
      </c>
      <c r="E27300" s="6">
        <v>497.16609999999997</v>
      </c>
    </row>
    <row r="27301" spans="4:5" x14ac:dyDescent="0.25">
      <c r="D27301" s="6">
        <v>2117.1179999999999</v>
      </c>
      <c r="E27301" s="6">
        <v>1083.047</v>
      </c>
    </row>
    <row r="27302" spans="4:5" x14ac:dyDescent="0.25">
      <c r="D27302" s="6">
        <v>2045.742</v>
      </c>
      <c r="E27302" s="6">
        <v>1307.165</v>
      </c>
    </row>
    <row r="27303" spans="4:5" x14ac:dyDescent="0.25">
      <c r="D27303" s="6">
        <v>611.04819999999995</v>
      </c>
      <c r="E27303" s="6">
        <v>5457.04</v>
      </c>
    </row>
    <row r="27304" spans="4:5" x14ac:dyDescent="0.25">
      <c r="D27304" s="6">
        <v>893.37990000000002</v>
      </c>
      <c r="E27304" s="6">
        <v>879.89239999999995</v>
      </c>
    </row>
    <row r="27305" spans="4:5" x14ac:dyDescent="0.25">
      <c r="D27305" s="6">
        <v>3021.768</v>
      </c>
      <c r="E27305" s="6">
        <v>10876.61</v>
      </c>
    </row>
    <row r="27306" spans="4:5" x14ac:dyDescent="0.25">
      <c r="D27306" s="6">
        <v>3560.4960000000001</v>
      </c>
      <c r="E27306" s="6">
        <v>555.77170000000001</v>
      </c>
    </row>
    <row r="27307" spans="4:5" x14ac:dyDescent="0.25">
      <c r="D27307" s="6">
        <v>1183.413</v>
      </c>
      <c r="E27307" s="6">
        <v>510.63810000000001</v>
      </c>
    </row>
    <row r="27308" spans="4:5" x14ac:dyDescent="0.25">
      <c r="D27308" s="6">
        <v>443.71429999999998</v>
      </c>
      <c r="E27308" s="6">
        <v>1061.864</v>
      </c>
    </row>
    <row r="27309" spans="4:5" x14ac:dyDescent="0.25">
      <c r="D27309" s="6">
        <v>1485.5619999999999</v>
      </c>
      <c r="E27309" s="6">
        <v>1289.585</v>
      </c>
    </row>
    <row r="27310" spans="4:5" x14ac:dyDescent="0.25">
      <c r="D27310" s="6">
        <v>1125.155</v>
      </c>
      <c r="E27310" s="6">
        <v>1239.433</v>
      </c>
    </row>
    <row r="27311" spans="4:5" x14ac:dyDescent="0.25">
      <c r="D27311" s="6">
        <v>1807.039</v>
      </c>
      <c r="E27311" s="6">
        <v>1009.784</v>
      </c>
    </row>
    <row r="27312" spans="4:5" x14ac:dyDescent="0.25">
      <c r="D27312" s="6">
        <v>993.79769999999996</v>
      </c>
      <c r="E27312" s="6">
        <v>1890.3119999999999</v>
      </c>
    </row>
    <row r="27313" spans="4:5" x14ac:dyDescent="0.25">
      <c r="D27313" s="6">
        <v>4280.8770000000004</v>
      </c>
      <c r="E27313" s="6">
        <v>1025.914</v>
      </c>
    </row>
    <row r="27314" spans="4:5" x14ac:dyDescent="0.25">
      <c r="D27314" s="6">
        <v>1906.9880000000001</v>
      </c>
      <c r="E27314" s="6">
        <v>718.92949999999996</v>
      </c>
    </row>
    <row r="27315" spans="4:5" x14ac:dyDescent="0.25">
      <c r="D27315" s="6">
        <v>757.61289999999997</v>
      </c>
      <c r="E27315" s="6">
        <v>1051.2260000000001</v>
      </c>
    </row>
    <row r="27316" spans="4:5" x14ac:dyDescent="0.25">
      <c r="D27316" s="6">
        <v>1932.623</v>
      </c>
      <c r="E27316" s="6">
        <v>1325.644</v>
      </c>
    </row>
    <row r="27317" spans="4:5" x14ac:dyDescent="0.25">
      <c r="D27317" s="6">
        <v>3419.817</v>
      </c>
      <c r="E27317" s="6">
        <v>626.25810000000001</v>
      </c>
    </row>
    <row r="27318" spans="4:5" x14ac:dyDescent="0.25">
      <c r="D27318" s="6">
        <v>1035.7809999999999</v>
      </c>
      <c r="E27318" s="6">
        <v>738.94039999999995</v>
      </c>
    </row>
    <row r="27319" spans="4:5" x14ac:dyDescent="0.25">
      <c r="D27319" s="6">
        <v>2020.758</v>
      </c>
      <c r="E27319" s="6">
        <v>2964.64</v>
      </c>
    </row>
    <row r="27320" spans="4:5" x14ac:dyDescent="0.25">
      <c r="D27320" s="6">
        <v>3144.0790000000002</v>
      </c>
      <c r="E27320" s="6">
        <v>814.73270000000002</v>
      </c>
    </row>
    <row r="27321" spans="4:5" x14ac:dyDescent="0.25">
      <c r="D27321" s="6">
        <v>828.6318</v>
      </c>
      <c r="E27321" s="6">
        <v>2473.127</v>
      </c>
    </row>
    <row r="27322" spans="4:5" x14ac:dyDescent="0.25">
      <c r="D27322" s="6">
        <v>4322.01</v>
      </c>
      <c r="E27322" s="6">
        <v>2624.74</v>
      </c>
    </row>
    <row r="27323" spans="4:5" x14ac:dyDescent="0.25">
      <c r="D27323" s="6">
        <v>1304.26</v>
      </c>
      <c r="E27323" s="6">
        <v>569.27570000000003</v>
      </c>
    </row>
    <row r="27324" spans="4:5" x14ac:dyDescent="0.25">
      <c r="D27324" s="6">
        <v>3025.6579999999999</v>
      </c>
      <c r="E27324" s="6">
        <v>509.65719999999999</v>
      </c>
    </row>
    <row r="27325" spans="4:5" x14ac:dyDescent="0.25">
      <c r="D27325" s="6">
        <v>769.452</v>
      </c>
      <c r="E27325" s="6">
        <v>535.72299999999996</v>
      </c>
    </row>
    <row r="27326" spans="4:5" x14ac:dyDescent="0.25">
      <c r="D27326" s="6">
        <v>4793.2269999999999</v>
      </c>
      <c r="E27326" s="6">
        <v>1801.0260000000001</v>
      </c>
    </row>
    <row r="27327" spans="4:5" x14ac:dyDescent="0.25">
      <c r="D27327" s="6">
        <v>4806.2380000000003</v>
      </c>
      <c r="E27327" s="6">
        <v>5309.0940000000001</v>
      </c>
    </row>
    <row r="27328" spans="4:5" x14ac:dyDescent="0.25">
      <c r="D27328" s="6">
        <v>548.44200000000001</v>
      </c>
      <c r="E27328" s="6">
        <v>1046.758</v>
      </c>
    </row>
    <row r="27329" spans="4:5" x14ac:dyDescent="0.25">
      <c r="D27329" s="6">
        <v>1688.867</v>
      </c>
      <c r="E27329" s="6">
        <v>1140.752</v>
      </c>
    </row>
    <row r="27330" spans="4:5" x14ac:dyDescent="0.25">
      <c r="D27330" s="6">
        <v>1591.2149999999999</v>
      </c>
      <c r="E27330" s="6">
        <v>2301.261</v>
      </c>
    </row>
    <row r="27331" spans="4:5" x14ac:dyDescent="0.25">
      <c r="D27331" s="6">
        <v>985.03380000000004</v>
      </c>
      <c r="E27331" s="6">
        <v>459.0265</v>
      </c>
    </row>
    <row r="27332" spans="4:5" x14ac:dyDescent="0.25">
      <c r="D27332" s="6">
        <v>2919.4969999999998</v>
      </c>
      <c r="E27332" s="6">
        <v>1823.165</v>
      </c>
    </row>
    <row r="27333" spans="4:5" x14ac:dyDescent="0.25">
      <c r="D27333" s="6">
        <v>485.91250000000002</v>
      </c>
      <c r="E27333" s="6">
        <v>737.41369999999995</v>
      </c>
    </row>
    <row r="27334" spans="4:5" x14ac:dyDescent="0.25">
      <c r="D27334" s="6">
        <v>1380.2670000000001</v>
      </c>
      <c r="E27334" s="6">
        <v>623.59839999999997</v>
      </c>
    </row>
    <row r="27335" spans="4:5" x14ac:dyDescent="0.25">
      <c r="D27335" s="6">
        <v>3062.7539999999999</v>
      </c>
      <c r="E27335" s="6">
        <v>1967.1790000000001</v>
      </c>
    </row>
    <row r="27336" spans="4:5" x14ac:dyDescent="0.25">
      <c r="D27336" s="6">
        <v>4826.5649999999996</v>
      </c>
      <c r="E27336" s="6">
        <v>4355.8850000000002</v>
      </c>
    </row>
    <row r="27337" spans="4:5" x14ac:dyDescent="0.25">
      <c r="D27337" s="6">
        <v>1400.81</v>
      </c>
      <c r="E27337" s="6">
        <v>1129.18</v>
      </c>
    </row>
    <row r="27338" spans="4:5" x14ac:dyDescent="0.25">
      <c r="D27338" s="6">
        <v>2919.4679999999998</v>
      </c>
      <c r="E27338" s="6">
        <v>10151.629999999999</v>
      </c>
    </row>
    <row r="27339" spans="4:5" x14ac:dyDescent="0.25">
      <c r="D27339" s="6">
        <v>787.66510000000005</v>
      </c>
      <c r="E27339" s="6">
        <v>1050.135</v>
      </c>
    </row>
    <row r="27340" spans="4:5" x14ac:dyDescent="0.25">
      <c r="D27340" s="6">
        <v>2040.5219999999999</v>
      </c>
      <c r="E27340" s="6">
        <v>918.67790000000002</v>
      </c>
    </row>
    <row r="27341" spans="4:5" x14ac:dyDescent="0.25">
      <c r="D27341" s="6">
        <v>501.03050000000002</v>
      </c>
      <c r="E27341" s="6">
        <v>559.81700000000001</v>
      </c>
    </row>
    <row r="27342" spans="4:5" x14ac:dyDescent="0.25">
      <c r="D27342" s="6">
        <v>1205.835</v>
      </c>
      <c r="E27342" s="6">
        <v>530.08960000000002</v>
      </c>
    </row>
    <row r="27343" spans="4:5" x14ac:dyDescent="0.25">
      <c r="D27343" s="6">
        <v>3088.5650000000001</v>
      </c>
      <c r="E27343" s="6">
        <v>3836.9520000000002</v>
      </c>
    </row>
    <row r="27344" spans="4:5" x14ac:dyDescent="0.25">
      <c r="D27344" s="6">
        <v>2080.7220000000002</v>
      </c>
      <c r="E27344" s="6">
        <v>960.47029999999995</v>
      </c>
    </row>
    <row r="27345" spans="4:5" x14ac:dyDescent="0.25">
      <c r="D27345" s="6">
        <v>636.30730000000005</v>
      </c>
      <c r="E27345" s="6">
        <v>558.73119999999994</v>
      </c>
    </row>
    <row r="27346" spans="4:5" x14ac:dyDescent="0.25">
      <c r="D27346" s="6">
        <v>1231.0920000000001</v>
      </c>
      <c r="E27346" s="6">
        <v>786.69039999999995</v>
      </c>
    </row>
    <row r="27347" spans="4:5" x14ac:dyDescent="0.25">
      <c r="D27347" s="6">
        <v>1085.827</v>
      </c>
      <c r="E27347" s="6">
        <v>3535.11</v>
      </c>
    </row>
    <row r="27348" spans="4:5" x14ac:dyDescent="0.25">
      <c r="D27348" s="6">
        <v>1595.7360000000001</v>
      </c>
      <c r="E27348" s="6">
        <v>1279.144</v>
      </c>
    </row>
    <row r="27349" spans="4:5" x14ac:dyDescent="0.25">
      <c r="D27349" s="6">
        <v>2033.31</v>
      </c>
      <c r="E27349" s="6">
        <v>554.27959999999996</v>
      </c>
    </row>
    <row r="27350" spans="4:5" x14ac:dyDescent="0.25">
      <c r="D27350" s="6">
        <v>2128.1080000000002</v>
      </c>
      <c r="E27350" s="6">
        <v>923.72919999999999</v>
      </c>
    </row>
    <row r="27351" spans="4:5" x14ac:dyDescent="0.25">
      <c r="D27351" s="6">
        <v>1099.605</v>
      </c>
      <c r="E27351" s="6">
        <v>2803.4920000000002</v>
      </c>
    </row>
    <row r="27352" spans="4:5" x14ac:dyDescent="0.25">
      <c r="D27352" s="6">
        <v>1261.9179999999999</v>
      </c>
      <c r="E27352" s="6">
        <v>552.01790000000005</v>
      </c>
    </row>
    <row r="27353" spans="4:5" x14ac:dyDescent="0.25">
      <c r="D27353" s="6">
        <v>990.75729999999999</v>
      </c>
      <c r="E27353" s="6">
        <v>454.63900000000001</v>
      </c>
    </row>
    <row r="27354" spans="4:5" x14ac:dyDescent="0.25">
      <c r="D27354" s="6">
        <v>5341.04</v>
      </c>
      <c r="E27354" s="6">
        <v>892.47329999999999</v>
      </c>
    </row>
    <row r="27355" spans="4:5" x14ac:dyDescent="0.25">
      <c r="D27355" s="6">
        <v>562.98620000000005</v>
      </c>
      <c r="E27355" s="6">
        <v>916.60389999999995</v>
      </c>
    </row>
    <row r="27356" spans="4:5" x14ac:dyDescent="0.25">
      <c r="D27356" s="6">
        <v>883.8578</v>
      </c>
      <c r="E27356" s="6">
        <v>882.42719999999997</v>
      </c>
    </row>
    <row r="27357" spans="4:5" x14ac:dyDescent="0.25">
      <c r="D27357" s="6">
        <v>297.59309999999999</v>
      </c>
      <c r="E27357" s="6">
        <v>979.17190000000005</v>
      </c>
    </row>
    <row r="27358" spans="4:5" x14ac:dyDescent="0.25">
      <c r="D27358" s="6">
        <v>848.19920000000002</v>
      </c>
      <c r="E27358" s="6">
        <v>1016.829</v>
      </c>
    </row>
    <row r="27359" spans="4:5" x14ac:dyDescent="0.25">
      <c r="D27359" s="6">
        <v>3441.0169999999998</v>
      </c>
      <c r="E27359" s="6">
        <v>565.21519999999998</v>
      </c>
    </row>
    <row r="27360" spans="4:5" x14ac:dyDescent="0.25">
      <c r="D27360" s="6">
        <v>1797.3810000000001</v>
      </c>
      <c r="E27360" s="6">
        <v>1839.0809999999999</v>
      </c>
    </row>
    <row r="27361" spans="4:5" x14ac:dyDescent="0.25">
      <c r="D27361" s="6">
        <v>537.32209999999998</v>
      </c>
      <c r="E27361" s="6">
        <v>547.7097</v>
      </c>
    </row>
    <row r="27362" spans="4:5" x14ac:dyDescent="0.25">
      <c r="D27362" s="6">
        <v>2305.73</v>
      </c>
      <c r="E27362" s="6">
        <v>3820.9140000000002</v>
      </c>
    </row>
    <row r="27363" spans="4:5" x14ac:dyDescent="0.25">
      <c r="D27363" s="6">
        <v>5586.3580000000002</v>
      </c>
      <c r="E27363" s="6">
        <v>920.26909999999998</v>
      </c>
    </row>
    <row r="27364" spans="4:5" x14ac:dyDescent="0.25">
      <c r="D27364" s="6">
        <v>538.78070000000002</v>
      </c>
      <c r="E27364" s="6">
        <v>884.05960000000005</v>
      </c>
    </row>
    <row r="27365" spans="4:5" x14ac:dyDescent="0.25">
      <c r="D27365" s="6">
        <v>3759.4380000000001</v>
      </c>
      <c r="E27365" s="6">
        <v>872.29589999999996</v>
      </c>
    </row>
    <row r="27366" spans="4:5" x14ac:dyDescent="0.25">
      <c r="D27366" s="6">
        <v>458.4667</v>
      </c>
      <c r="E27366" s="6">
        <v>3814.0070000000001</v>
      </c>
    </row>
    <row r="27367" spans="4:5" x14ac:dyDescent="0.25">
      <c r="D27367" s="6">
        <v>3065.7139999999999</v>
      </c>
      <c r="E27367" s="6">
        <v>564.8691</v>
      </c>
    </row>
    <row r="27368" spans="4:5" x14ac:dyDescent="0.25">
      <c r="D27368" s="6">
        <v>573.43349999999998</v>
      </c>
      <c r="E27368" s="6">
        <v>518.79999999999995</v>
      </c>
    </row>
    <row r="27369" spans="4:5" x14ac:dyDescent="0.25">
      <c r="D27369" s="6">
        <v>4353.4390000000003</v>
      </c>
      <c r="E27369" s="6">
        <v>596.86170000000004</v>
      </c>
    </row>
    <row r="27370" spans="4:5" x14ac:dyDescent="0.25">
      <c r="D27370" s="6">
        <v>1979.0340000000001</v>
      </c>
      <c r="E27370" s="6">
        <v>3533.7689999999998</v>
      </c>
    </row>
    <row r="27371" spans="4:5" x14ac:dyDescent="0.25">
      <c r="D27371" s="6">
        <v>3645.4209999999998</v>
      </c>
      <c r="E27371" s="6">
        <v>541.87940000000003</v>
      </c>
    </row>
    <row r="27372" spans="4:5" x14ac:dyDescent="0.25">
      <c r="D27372" s="6">
        <v>1729.729</v>
      </c>
      <c r="E27372" s="6">
        <v>1257.6089999999999</v>
      </c>
    </row>
    <row r="27373" spans="4:5" x14ac:dyDescent="0.25">
      <c r="D27373" s="6">
        <v>626.21680000000003</v>
      </c>
      <c r="E27373" s="6">
        <v>3675.4450000000002</v>
      </c>
    </row>
    <row r="27374" spans="4:5" x14ac:dyDescent="0.25">
      <c r="D27374" s="6">
        <v>5831.98</v>
      </c>
      <c r="E27374" s="6">
        <v>1466.4949999999999</v>
      </c>
    </row>
    <row r="27375" spans="4:5" x14ac:dyDescent="0.25">
      <c r="D27375" s="6">
        <v>442.88749999999999</v>
      </c>
      <c r="E27375" s="6">
        <v>913.06320000000005</v>
      </c>
    </row>
    <row r="27376" spans="4:5" x14ac:dyDescent="0.25">
      <c r="D27376" s="6">
        <v>3365.915</v>
      </c>
      <c r="E27376" s="6">
        <v>3301.364</v>
      </c>
    </row>
    <row r="27377" spans="4:5" x14ac:dyDescent="0.25">
      <c r="D27377" s="6">
        <v>1455.327</v>
      </c>
      <c r="E27377" s="6">
        <v>891.41539999999998</v>
      </c>
    </row>
    <row r="27378" spans="4:5" x14ac:dyDescent="0.25">
      <c r="D27378" s="6">
        <v>4204.5379999999996</v>
      </c>
      <c r="E27378" s="6">
        <v>2589.1689999999999</v>
      </c>
    </row>
    <row r="27379" spans="4:5" x14ac:dyDescent="0.25">
      <c r="D27379" s="6">
        <v>1336.248</v>
      </c>
      <c r="E27379" s="6">
        <v>1233.3219999999999</v>
      </c>
    </row>
    <row r="27380" spans="4:5" x14ac:dyDescent="0.25">
      <c r="D27380" s="6">
        <v>1797.26</v>
      </c>
      <c r="E27380" s="6">
        <v>4408.25</v>
      </c>
    </row>
    <row r="27381" spans="4:5" x14ac:dyDescent="0.25">
      <c r="D27381" s="6">
        <v>5389.8289999999997</v>
      </c>
      <c r="E27381" s="6">
        <v>606.6463</v>
      </c>
    </row>
    <row r="27382" spans="4:5" x14ac:dyDescent="0.25">
      <c r="D27382" s="6">
        <v>2173.3780000000002</v>
      </c>
      <c r="E27382" s="6">
        <v>2742.2930000000001</v>
      </c>
    </row>
    <row r="27383" spans="4:5" x14ac:dyDescent="0.25">
      <c r="D27383" s="6">
        <v>607.58240000000001</v>
      </c>
      <c r="E27383" s="6">
        <v>768.76319999999998</v>
      </c>
    </row>
    <row r="27384" spans="4:5" x14ac:dyDescent="0.25">
      <c r="D27384" s="6">
        <v>1838.326</v>
      </c>
      <c r="E27384" s="6">
        <v>1256.4010000000001</v>
      </c>
    </row>
    <row r="27385" spans="4:5" x14ac:dyDescent="0.25">
      <c r="D27385" s="6">
        <v>1307.325</v>
      </c>
      <c r="E27385" s="6">
        <v>858.44320000000005</v>
      </c>
    </row>
    <row r="27386" spans="4:5" x14ac:dyDescent="0.25">
      <c r="D27386" s="6">
        <v>811.93370000000004</v>
      </c>
      <c r="E27386" s="6">
        <v>714.75049999999999</v>
      </c>
    </row>
    <row r="27387" spans="4:5" x14ac:dyDescent="0.25">
      <c r="D27387" s="6">
        <v>1100.1020000000001</v>
      </c>
      <c r="E27387" s="6">
        <v>1115.6500000000001</v>
      </c>
    </row>
    <row r="27388" spans="4:5" x14ac:dyDescent="0.25">
      <c r="D27388" s="6">
        <v>814.06830000000002</v>
      </c>
      <c r="E27388" s="6">
        <v>878.61180000000002</v>
      </c>
    </row>
    <row r="27389" spans="4:5" x14ac:dyDescent="0.25">
      <c r="D27389" s="6">
        <v>1243.3889999999999</v>
      </c>
      <c r="E27389" s="6">
        <v>885.1472</v>
      </c>
    </row>
    <row r="27390" spans="4:5" x14ac:dyDescent="0.25">
      <c r="D27390" s="6">
        <v>5014.1329999999998</v>
      </c>
      <c r="E27390" s="6">
        <v>653.0068</v>
      </c>
    </row>
    <row r="27391" spans="4:5" x14ac:dyDescent="0.25">
      <c r="D27391" s="6">
        <v>1051.2180000000001</v>
      </c>
      <c r="E27391" s="6">
        <v>986.27570000000003</v>
      </c>
    </row>
    <row r="27392" spans="4:5" x14ac:dyDescent="0.25">
      <c r="D27392" s="6">
        <v>554.95249999999999</v>
      </c>
      <c r="E27392" s="6">
        <v>1617.1969999999999</v>
      </c>
    </row>
    <row r="27393" spans="4:5" x14ac:dyDescent="0.25">
      <c r="D27393" s="6">
        <v>1305.1569999999999</v>
      </c>
      <c r="E27393" s="6">
        <v>1239.241</v>
      </c>
    </row>
    <row r="27394" spans="4:5" x14ac:dyDescent="0.25">
      <c r="D27394" s="6">
        <v>974.2029</v>
      </c>
      <c r="E27394" s="6">
        <v>945.73829999999998</v>
      </c>
    </row>
    <row r="27395" spans="4:5" x14ac:dyDescent="0.25">
      <c r="D27395" s="6">
        <v>1712.68</v>
      </c>
      <c r="E27395" s="6">
        <v>3389.7469999999998</v>
      </c>
    </row>
    <row r="27396" spans="4:5" x14ac:dyDescent="0.25">
      <c r="D27396" s="6">
        <v>1515.509</v>
      </c>
      <c r="E27396" s="6">
        <v>633.13699999999994</v>
      </c>
    </row>
    <row r="27397" spans="4:5" x14ac:dyDescent="0.25">
      <c r="D27397" s="6">
        <v>3885.806</v>
      </c>
      <c r="E27397" s="6">
        <v>1982.105</v>
      </c>
    </row>
    <row r="27398" spans="4:5" x14ac:dyDescent="0.25">
      <c r="D27398" s="6">
        <v>3961.43</v>
      </c>
      <c r="E27398" s="6">
        <v>1123.7090000000001</v>
      </c>
    </row>
    <row r="27399" spans="4:5" x14ac:dyDescent="0.25">
      <c r="D27399" s="6">
        <v>917.12220000000002</v>
      </c>
      <c r="E27399" s="6">
        <v>862.38729999999998</v>
      </c>
    </row>
    <row r="27400" spans="4:5" x14ac:dyDescent="0.25">
      <c r="D27400" s="6">
        <v>1229.2860000000001</v>
      </c>
      <c r="E27400" s="6">
        <v>614.03650000000005</v>
      </c>
    </row>
    <row r="27401" spans="4:5" x14ac:dyDescent="0.25">
      <c r="D27401" s="6">
        <v>1784.472</v>
      </c>
      <c r="E27401" s="6">
        <v>2251.683</v>
      </c>
    </row>
    <row r="27402" spans="4:5" x14ac:dyDescent="0.25">
      <c r="D27402" s="6">
        <v>1086.2639999999999</v>
      </c>
      <c r="E27402" s="6">
        <v>1853.1130000000001</v>
      </c>
    </row>
    <row r="27403" spans="4:5" x14ac:dyDescent="0.25">
      <c r="D27403" s="6">
        <v>3311.5909999999999</v>
      </c>
      <c r="E27403" s="6">
        <v>1271.693</v>
      </c>
    </row>
    <row r="27404" spans="4:5" x14ac:dyDescent="0.25">
      <c r="D27404" s="6">
        <v>989.44550000000004</v>
      </c>
      <c r="E27404" s="6">
        <v>2249.6309999999999</v>
      </c>
    </row>
    <row r="27405" spans="4:5" x14ac:dyDescent="0.25">
      <c r="D27405" s="6">
        <v>511.66930000000002</v>
      </c>
      <c r="E27405" s="6">
        <v>1026.921</v>
      </c>
    </row>
    <row r="27406" spans="4:5" x14ac:dyDescent="0.25">
      <c r="D27406" s="6">
        <v>1096.2339999999999</v>
      </c>
      <c r="E27406" s="6">
        <v>491.71480000000003</v>
      </c>
    </row>
    <row r="27407" spans="4:5" x14ac:dyDescent="0.25">
      <c r="D27407" s="6">
        <v>4340.8069999999998</v>
      </c>
      <c r="E27407" s="6">
        <v>1531.1320000000001</v>
      </c>
    </row>
    <row r="27408" spans="4:5" x14ac:dyDescent="0.25">
      <c r="D27408" s="6">
        <v>717.00699999999995</v>
      </c>
      <c r="E27408" s="6">
        <v>2668.5819999999999</v>
      </c>
    </row>
    <row r="27409" spans="4:5" x14ac:dyDescent="0.25">
      <c r="D27409" s="6">
        <v>1730.84</v>
      </c>
      <c r="E27409" s="6">
        <v>612.22500000000002</v>
      </c>
    </row>
    <row r="27410" spans="4:5" x14ac:dyDescent="0.25">
      <c r="D27410" s="6">
        <v>943.66690000000006</v>
      </c>
      <c r="E27410" s="6">
        <v>1906.518</v>
      </c>
    </row>
    <row r="27411" spans="4:5" x14ac:dyDescent="0.25">
      <c r="D27411" s="6">
        <v>508.26819999999998</v>
      </c>
      <c r="E27411" s="6">
        <v>1720.9590000000001</v>
      </c>
    </row>
    <row r="27412" spans="4:5" x14ac:dyDescent="0.25">
      <c r="D27412" s="6">
        <v>801.7</v>
      </c>
      <c r="E27412" s="6">
        <v>598.89120000000003</v>
      </c>
    </row>
    <row r="27413" spans="4:5" x14ac:dyDescent="0.25">
      <c r="D27413" s="6">
        <v>1418.375</v>
      </c>
      <c r="E27413" s="6">
        <v>1088.7629999999999</v>
      </c>
    </row>
    <row r="27414" spans="4:5" x14ac:dyDescent="0.25">
      <c r="D27414" s="6">
        <v>1721.796</v>
      </c>
      <c r="E27414" s="6">
        <v>980.89239999999995</v>
      </c>
    </row>
    <row r="27415" spans="4:5" x14ac:dyDescent="0.25">
      <c r="D27415" s="6">
        <v>1535.6569999999999</v>
      </c>
      <c r="E27415" s="6">
        <v>4191.7359999999999</v>
      </c>
    </row>
    <row r="27416" spans="4:5" x14ac:dyDescent="0.25">
      <c r="D27416" s="6">
        <v>1123.701</v>
      </c>
      <c r="E27416" s="6">
        <v>850.02260000000001</v>
      </c>
    </row>
    <row r="27417" spans="4:5" x14ac:dyDescent="0.25">
      <c r="D27417" s="6">
        <v>619.19269999999995</v>
      </c>
      <c r="E27417" s="6">
        <v>777.8537</v>
      </c>
    </row>
    <row r="27418" spans="4:5" x14ac:dyDescent="0.25">
      <c r="D27418" s="6">
        <v>1185.68</v>
      </c>
      <c r="E27418" s="6">
        <v>903.42579999999998</v>
      </c>
    </row>
    <row r="27419" spans="4:5" x14ac:dyDescent="0.25">
      <c r="D27419" s="6">
        <v>3000.319</v>
      </c>
      <c r="E27419" s="6">
        <v>2621.7959999999998</v>
      </c>
    </row>
    <row r="27420" spans="4:5" x14ac:dyDescent="0.25">
      <c r="D27420" s="6">
        <v>3938.634</v>
      </c>
      <c r="E27420" s="6">
        <v>1440.3989999999999</v>
      </c>
    </row>
    <row r="27421" spans="4:5" x14ac:dyDescent="0.25">
      <c r="D27421" s="6">
        <v>3056.009</v>
      </c>
      <c r="E27421" s="6">
        <v>1022.269</v>
      </c>
    </row>
    <row r="27422" spans="4:5" x14ac:dyDescent="0.25">
      <c r="D27422" s="6">
        <v>747.33460000000002</v>
      </c>
      <c r="E27422" s="6">
        <v>1075.0550000000001</v>
      </c>
    </row>
    <row r="27423" spans="4:5" x14ac:dyDescent="0.25">
      <c r="D27423" s="6">
        <v>3558.3789999999999</v>
      </c>
      <c r="E27423" s="6">
        <v>2674.924</v>
      </c>
    </row>
    <row r="27424" spans="4:5" x14ac:dyDescent="0.25">
      <c r="D27424" s="6">
        <v>613.45180000000005</v>
      </c>
      <c r="E27424" s="6">
        <v>3190.9340000000002</v>
      </c>
    </row>
    <row r="27425" spans="4:5" x14ac:dyDescent="0.25">
      <c r="D27425" s="6">
        <v>2262.136</v>
      </c>
      <c r="E27425" s="6">
        <v>840.98469999999998</v>
      </c>
    </row>
    <row r="27426" spans="4:5" x14ac:dyDescent="0.25">
      <c r="D27426" s="6">
        <v>684.74480000000005</v>
      </c>
      <c r="E27426" s="6">
        <v>2210.9789999999998</v>
      </c>
    </row>
    <row r="27427" spans="4:5" x14ac:dyDescent="0.25">
      <c r="D27427" s="6">
        <v>4523.4830000000002</v>
      </c>
      <c r="E27427" s="6">
        <v>1137.5989999999999</v>
      </c>
    </row>
    <row r="27428" spans="4:5" x14ac:dyDescent="0.25">
      <c r="D27428" s="6">
        <v>1124.2570000000001</v>
      </c>
      <c r="E27428" s="6">
        <v>1135.038</v>
      </c>
    </row>
    <row r="27429" spans="4:5" x14ac:dyDescent="0.25">
      <c r="D27429" s="6">
        <v>1291.713</v>
      </c>
      <c r="E27429" s="6">
        <v>1925.0160000000001</v>
      </c>
    </row>
    <row r="27430" spans="4:5" x14ac:dyDescent="0.25">
      <c r="D27430" s="6">
        <v>4002.7089999999998</v>
      </c>
      <c r="E27430" s="6">
        <v>487.53719999999998</v>
      </c>
    </row>
    <row r="27431" spans="4:5" x14ac:dyDescent="0.25">
      <c r="D27431" s="6">
        <v>1473.0609999999999</v>
      </c>
      <c r="E27431" s="6">
        <v>1091.3710000000001</v>
      </c>
    </row>
    <row r="27432" spans="4:5" x14ac:dyDescent="0.25">
      <c r="D27432" s="6">
        <v>1278.5129999999999</v>
      </c>
      <c r="E27432" s="6">
        <v>1748.028</v>
      </c>
    </row>
    <row r="27433" spans="4:5" x14ac:dyDescent="0.25">
      <c r="D27433" s="6">
        <v>1375.8</v>
      </c>
      <c r="E27433" s="6">
        <v>2164.6579999999999</v>
      </c>
    </row>
    <row r="27434" spans="4:5" x14ac:dyDescent="0.25">
      <c r="D27434" s="6">
        <v>920.31650000000002</v>
      </c>
      <c r="E27434" s="6">
        <v>3665.7109999999998</v>
      </c>
    </row>
    <row r="27435" spans="4:5" x14ac:dyDescent="0.25">
      <c r="D27435" s="6">
        <v>3126.9549999999999</v>
      </c>
      <c r="E27435" s="6">
        <v>2230.502</v>
      </c>
    </row>
    <row r="27436" spans="4:5" x14ac:dyDescent="0.25">
      <c r="D27436" s="6">
        <v>1259.2819999999999</v>
      </c>
      <c r="E27436" s="6">
        <v>536.27620000000002</v>
      </c>
    </row>
    <row r="27437" spans="4:5" x14ac:dyDescent="0.25">
      <c r="D27437" s="6">
        <v>1620.8530000000001</v>
      </c>
      <c r="E27437" s="6">
        <v>647.09709999999995</v>
      </c>
    </row>
    <row r="27438" spans="4:5" x14ac:dyDescent="0.25">
      <c r="D27438" s="6">
        <v>901.93330000000003</v>
      </c>
      <c r="E27438" s="6">
        <v>1755.412</v>
      </c>
    </row>
    <row r="27439" spans="4:5" x14ac:dyDescent="0.25">
      <c r="D27439" s="6">
        <v>620.00250000000005</v>
      </c>
      <c r="E27439" s="6">
        <v>638.91189999999995</v>
      </c>
    </row>
    <row r="27440" spans="4:5" x14ac:dyDescent="0.25">
      <c r="D27440" s="6">
        <v>1015.621</v>
      </c>
      <c r="E27440" s="6">
        <v>544.13379999999995</v>
      </c>
    </row>
    <row r="27441" spans="4:5" x14ac:dyDescent="0.25">
      <c r="D27441" s="6">
        <v>3325.3960000000002</v>
      </c>
      <c r="E27441" s="6">
        <v>714.95489999999995</v>
      </c>
    </row>
    <row r="27442" spans="4:5" x14ac:dyDescent="0.25">
      <c r="D27442" s="6">
        <v>3740.9540000000002</v>
      </c>
      <c r="E27442" s="6">
        <v>614.10559999999998</v>
      </c>
    </row>
    <row r="27443" spans="4:5" x14ac:dyDescent="0.25">
      <c r="D27443" s="6">
        <v>2840.297</v>
      </c>
      <c r="E27443" s="6">
        <v>877.4348</v>
      </c>
    </row>
    <row r="27444" spans="4:5" x14ac:dyDescent="0.25">
      <c r="D27444" s="6">
        <v>683.23410000000001</v>
      </c>
      <c r="E27444" s="6">
        <v>770.63189999999997</v>
      </c>
    </row>
    <row r="27445" spans="4:5" x14ac:dyDescent="0.25">
      <c r="D27445" s="6">
        <v>2260.2779999999998</v>
      </c>
      <c r="E27445" s="6">
        <v>1006.217</v>
      </c>
    </row>
    <row r="27446" spans="4:5" x14ac:dyDescent="0.25">
      <c r="D27446" s="6">
        <v>995.43460000000005</v>
      </c>
      <c r="E27446" s="6">
        <v>647.94809999999995</v>
      </c>
    </row>
    <row r="27447" spans="4:5" x14ac:dyDescent="0.25">
      <c r="D27447" s="6">
        <v>1866.1780000000001</v>
      </c>
      <c r="E27447" s="6">
        <v>2168.7179999999998</v>
      </c>
    </row>
    <row r="27448" spans="4:5" x14ac:dyDescent="0.25">
      <c r="D27448" s="6">
        <v>1551.4860000000001</v>
      </c>
      <c r="E27448" s="6">
        <v>1044.1420000000001</v>
      </c>
    </row>
    <row r="27449" spans="4:5" x14ac:dyDescent="0.25">
      <c r="D27449" s="6">
        <v>1084.4059999999999</v>
      </c>
      <c r="E27449" s="6">
        <v>1073.0840000000001</v>
      </c>
    </row>
    <row r="27450" spans="4:5" x14ac:dyDescent="0.25">
      <c r="D27450" s="6">
        <v>3577.9479999999999</v>
      </c>
      <c r="E27450" s="6">
        <v>1114.703</v>
      </c>
    </row>
    <row r="27451" spans="4:5" x14ac:dyDescent="0.25">
      <c r="D27451" s="6">
        <v>1051.8599999999999</v>
      </c>
      <c r="E27451" s="6">
        <v>525.61199999999997</v>
      </c>
    </row>
    <row r="27452" spans="4:5" x14ac:dyDescent="0.25">
      <c r="D27452" s="6">
        <v>3298.3389999999999</v>
      </c>
      <c r="E27452" s="6">
        <v>579.54780000000005</v>
      </c>
    </row>
    <row r="27453" spans="4:5" x14ac:dyDescent="0.25">
      <c r="D27453" s="6">
        <v>2574.0360000000001</v>
      </c>
      <c r="E27453" s="6">
        <v>1062.922</v>
      </c>
    </row>
    <row r="27454" spans="4:5" x14ac:dyDescent="0.25">
      <c r="D27454" s="6">
        <v>1653.7449999999999</v>
      </c>
      <c r="E27454" s="6">
        <v>614.61810000000003</v>
      </c>
    </row>
    <row r="27455" spans="4:5" x14ac:dyDescent="0.25">
      <c r="D27455" s="6">
        <v>4097.0590000000002</v>
      </c>
      <c r="E27455" s="6">
        <v>562.8614</v>
      </c>
    </row>
    <row r="27456" spans="4:5" x14ac:dyDescent="0.25">
      <c r="D27456" s="6">
        <v>1428.431</v>
      </c>
      <c r="E27456" s="6">
        <v>792.91970000000003</v>
      </c>
    </row>
    <row r="27457" spans="4:5" x14ac:dyDescent="0.25">
      <c r="D27457" s="6">
        <v>2905.2620000000002</v>
      </c>
      <c r="E27457" s="6">
        <v>851.92719999999997</v>
      </c>
    </row>
    <row r="27458" spans="4:5" x14ac:dyDescent="0.25">
      <c r="D27458" s="6">
        <v>2274.7600000000002</v>
      </c>
      <c r="E27458" s="6">
        <v>1661.319</v>
      </c>
    </row>
    <row r="27459" spans="4:5" x14ac:dyDescent="0.25">
      <c r="D27459" s="6">
        <v>631.25689999999997</v>
      </c>
      <c r="E27459" s="6">
        <v>574.81380000000001</v>
      </c>
    </row>
    <row r="27460" spans="4:5" x14ac:dyDescent="0.25">
      <c r="D27460" s="6">
        <v>918.65139999999997</v>
      </c>
      <c r="E27460" s="6">
        <v>1308.434</v>
      </c>
    </row>
    <row r="27461" spans="4:5" x14ac:dyDescent="0.25">
      <c r="D27461" s="6">
        <v>474.66669999999999</v>
      </c>
      <c r="E27461" s="6">
        <v>666.9212</v>
      </c>
    </row>
    <row r="27462" spans="4:5" x14ac:dyDescent="0.25">
      <c r="D27462" s="6">
        <v>2398.739</v>
      </c>
      <c r="E27462" s="6">
        <v>519.60450000000003</v>
      </c>
    </row>
    <row r="27463" spans="4:5" x14ac:dyDescent="0.25">
      <c r="D27463" s="6">
        <v>650</v>
      </c>
      <c r="E27463" s="6">
        <v>843.40530000000001</v>
      </c>
    </row>
    <row r="27464" spans="4:5" x14ac:dyDescent="0.25">
      <c r="D27464" s="6">
        <v>3060</v>
      </c>
      <c r="E27464" s="6">
        <v>569.69770000000005</v>
      </c>
    </row>
    <row r="27465" spans="4:5" x14ac:dyDescent="0.25">
      <c r="D27465" s="6">
        <v>1018.0940000000001</v>
      </c>
      <c r="E27465" s="6">
        <v>983.48199999999997</v>
      </c>
    </row>
    <row r="27466" spans="4:5" x14ac:dyDescent="0.25">
      <c r="D27466" s="6">
        <v>2234.3629999999998</v>
      </c>
      <c r="E27466" s="6">
        <v>1914.9570000000001</v>
      </c>
    </row>
    <row r="27467" spans="4:5" x14ac:dyDescent="0.25">
      <c r="D27467" s="6">
        <v>2916.4209999999998</v>
      </c>
      <c r="E27467" s="6">
        <v>1244.472</v>
      </c>
    </row>
    <row r="27468" spans="4:5" x14ac:dyDescent="0.25">
      <c r="D27468" s="6">
        <v>3096.7539999999999</v>
      </c>
      <c r="E27468" s="6">
        <v>1491.2339999999999</v>
      </c>
    </row>
    <row r="27469" spans="4:5" x14ac:dyDescent="0.25">
      <c r="D27469" s="6">
        <v>938</v>
      </c>
      <c r="E27469" s="6">
        <v>872.67579999999998</v>
      </c>
    </row>
    <row r="27470" spans="4:5" x14ac:dyDescent="0.25">
      <c r="D27470" s="6">
        <v>1228.6110000000001</v>
      </c>
      <c r="E27470" s="6">
        <v>8131.3810000000003</v>
      </c>
    </row>
    <row r="27471" spans="4:5" x14ac:dyDescent="0.25">
      <c r="D27471" s="6">
        <v>694.59879999999998</v>
      </c>
      <c r="E27471" s="6">
        <v>1503.116</v>
      </c>
    </row>
    <row r="27472" spans="4:5" x14ac:dyDescent="0.25">
      <c r="D27472" s="6">
        <v>1331.35</v>
      </c>
      <c r="E27472" s="6">
        <v>784.80200000000002</v>
      </c>
    </row>
    <row r="27473" spans="4:5" x14ac:dyDescent="0.25">
      <c r="D27473" s="6">
        <v>1261.0930000000001</v>
      </c>
      <c r="E27473" s="6">
        <v>1115.105</v>
      </c>
    </row>
    <row r="27474" spans="4:5" x14ac:dyDescent="0.25">
      <c r="D27474" s="6">
        <v>749.70680000000004</v>
      </c>
      <c r="E27474" s="6">
        <v>2620.06</v>
      </c>
    </row>
    <row r="27475" spans="4:5" x14ac:dyDescent="0.25">
      <c r="D27475" s="6">
        <v>806.10889999999995</v>
      </c>
      <c r="E27475" s="6">
        <v>1526</v>
      </c>
    </row>
    <row r="27476" spans="4:5" x14ac:dyDescent="0.25">
      <c r="D27476" s="6">
        <v>2646.261</v>
      </c>
      <c r="E27476" s="6">
        <v>801.30870000000004</v>
      </c>
    </row>
    <row r="27477" spans="4:5" x14ac:dyDescent="0.25">
      <c r="D27477" s="6">
        <v>1250.288</v>
      </c>
      <c r="E27477" s="6">
        <v>6919</v>
      </c>
    </row>
    <row r="27478" spans="4:5" x14ac:dyDescent="0.25">
      <c r="D27478" s="6">
        <v>4084.0140000000001</v>
      </c>
      <c r="E27478" s="6">
        <v>492.16219999999998</v>
      </c>
    </row>
    <row r="27479" spans="4:5" x14ac:dyDescent="0.25">
      <c r="D27479" s="6">
        <v>5005.4579999999996</v>
      </c>
      <c r="E27479" s="6">
        <v>675.41110000000003</v>
      </c>
    </row>
    <row r="27480" spans="4:5" x14ac:dyDescent="0.25">
      <c r="D27480" s="6">
        <v>726.28639999999996</v>
      </c>
      <c r="E27480" s="6">
        <v>493.96460000000002</v>
      </c>
    </row>
    <row r="27481" spans="4:5" x14ac:dyDescent="0.25">
      <c r="D27481" s="6">
        <v>1230.328</v>
      </c>
      <c r="E27481" s="6">
        <v>567.13009999999997</v>
      </c>
    </row>
    <row r="27482" spans="4:5" x14ac:dyDescent="0.25">
      <c r="D27482" s="6">
        <v>838.35839999999996</v>
      </c>
      <c r="E27482" s="6">
        <v>1307.241</v>
      </c>
    </row>
    <row r="27483" spans="4:5" x14ac:dyDescent="0.25">
      <c r="D27483" s="6">
        <v>984.74220000000003</v>
      </c>
      <c r="E27483" s="6">
        <v>486.40469999999999</v>
      </c>
    </row>
    <row r="27484" spans="4:5" x14ac:dyDescent="0.25">
      <c r="D27484" s="6">
        <v>1119.8889999999999</v>
      </c>
      <c r="E27484" s="6">
        <v>486.39980000000003</v>
      </c>
    </row>
    <row r="27485" spans="4:5" x14ac:dyDescent="0.25">
      <c r="D27485" s="6">
        <v>2812.1149999999998</v>
      </c>
      <c r="E27485" s="6">
        <v>1270.3920000000001</v>
      </c>
    </row>
    <row r="27486" spans="4:5" x14ac:dyDescent="0.25">
      <c r="D27486" s="6">
        <v>904.87670000000003</v>
      </c>
      <c r="E27486" s="6">
        <v>545.62609999999995</v>
      </c>
    </row>
    <row r="27487" spans="4:5" x14ac:dyDescent="0.25">
      <c r="D27487" s="6">
        <v>1449.7</v>
      </c>
      <c r="E27487" s="6">
        <v>973.01589999999999</v>
      </c>
    </row>
    <row r="27488" spans="4:5" x14ac:dyDescent="0.25">
      <c r="D27488" s="6">
        <v>1578.6020000000001</v>
      </c>
      <c r="E27488" s="6">
        <v>865.02700000000004</v>
      </c>
    </row>
    <row r="27489" spans="4:5" x14ac:dyDescent="0.25">
      <c r="D27489" s="6">
        <v>776.24450000000002</v>
      </c>
      <c r="E27489" s="6">
        <v>1213.779</v>
      </c>
    </row>
    <row r="27490" spans="4:5" x14ac:dyDescent="0.25">
      <c r="D27490" s="6">
        <v>2336.2370000000001</v>
      </c>
      <c r="E27490" s="6">
        <v>1284.0820000000001</v>
      </c>
    </row>
    <row r="27491" spans="4:5" x14ac:dyDescent="0.25">
      <c r="D27491" s="6">
        <v>3885.029</v>
      </c>
      <c r="E27491" s="6">
        <v>815</v>
      </c>
    </row>
    <row r="27492" spans="4:5" x14ac:dyDescent="0.25">
      <c r="D27492" s="6">
        <v>3627.306</v>
      </c>
      <c r="E27492" s="6">
        <v>554.66160000000002</v>
      </c>
    </row>
    <row r="27493" spans="4:5" x14ac:dyDescent="0.25">
      <c r="D27493" s="6">
        <v>3505.4349999999999</v>
      </c>
      <c r="E27493" s="6">
        <v>503.625</v>
      </c>
    </row>
    <row r="27494" spans="4:5" x14ac:dyDescent="0.25">
      <c r="D27494" s="6">
        <v>529.94719999999995</v>
      </c>
      <c r="E27494" s="6">
        <v>1023.997</v>
      </c>
    </row>
    <row r="27495" spans="4:5" x14ac:dyDescent="0.25">
      <c r="D27495" s="6">
        <v>1652.5440000000001</v>
      </c>
      <c r="E27495" s="6">
        <v>1835.2070000000001</v>
      </c>
    </row>
    <row r="27496" spans="4:5" x14ac:dyDescent="0.25">
      <c r="D27496" s="6">
        <v>593.13959999999997</v>
      </c>
      <c r="E27496" s="6">
        <v>4139.7579999999998</v>
      </c>
    </row>
    <row r="27497" spans="4:5" x14ac:dyDescent="0.25">
      <c r="D27497" s="6">
        <v>3043.6619999999998</v>
      </c>
      <c r="E27497" s="6">
        <v>676.87329999999997</v>
      </c>
    </row>
    <row r="27498" spans="4:5" x14ac:dyDescent="0.25">
      <c r="D27498" s="6">
        <v>941.55930000000001</v>
      </c>
      <c r="E27498" s="6">
        <v>1193.4490000000001</v>
      </c>
    </row>
    <row r="27499" spans="4:5" x14ac:dyDescent="0.25">
      <c r="D27499" s="6">
        <v>1374.088</v>
      </c>
      <c r="E27499" s="6">
        <v>1411.855</v>
      </c>
    </row>
    <row r="27500" spans="4:5" x14ac:dyDescent="0.25">
      <c r="D27500" s="6">
        <v>838.12040000000002</v>
      </c>
      <c r="E27500" s="6">
        <v>1560.145</v>
      </c>
    </row>
    <row r="27501" spans="4:5" x14ac:dyDescent="0.25">
      <c r="D27501" s="6">
        <v>2206.3719999999998</v>
      </c>
      <c r="E27501" s="6">
        <v>4035.0430000000001</v>
      </c>
    </row>
    <row r="27502" spans="4:5" x14ac:dyDescent="0.25">
      <c r="D27502" s="6">
        <v>917.88720000000001</v>
      </c>
      <c r="E27502" s="6">
        <v>518.13670000000002</v>
      </c>
    </row>
    <row r="27503" spans="4:5" x14ac:dyDescent="0.25">
      <c r="D27503" s="6">
        <v>1689.759</v>
      </c>
      <c r="E27503" s="6">
        <v>849.47400000000005</v>
      </c>
    </row>
    <row r="27504" spans="4:5" x14ac:dyDescent="0.25">
      <c r="D27504" s="6">
        <v>3393.9670000000001</v>
      </c>
      <c r="E27504" s="6">
        <v>1414.875</v>
      </c>
    </row>
    <row r="27505" spans="4:5" x14ac:dyDescent="0.25">
      <c r="D27505" s="6">
        <v>1046.6569999999999</v>
      </c>
      <c r="E27505" s="6">
        <v>1104.232</v>
      </c>
    </row>
    <row r="27506" spans="4:5" x14ac:dyDescent="0.25">
      <c r="D27506" s="6">
        <v>640.08199999999999</v>
      </c>
      <c r="E27506" s="6">
        <v>1114.2329999999999</v>
      </c>
    </row>
    <row r="27507" spans="4:5" x14ac:dyDescent="0.25">
      <c r="D27507" s="6">
        <v>1069.0509999999999</v>
      </c>
      <c r="E27507" s="6">
        <v>543.83090000000004</v>
      </c>
    </row>
    <row r="27508" spans="4:5" x14ac:dyDescent="0.25">
      <c r="D27508" s="6">
        <v>1178.288</v>
      </c>
      <c r="E27508" s="6">
        <v>918.68050000000005</v>
      </c>
    </row>
    <row r="27509" spans="4:5" x14ac:dyDescent="0.25">
      <c r="D27509" s="6">
        <v>847.13250000000005</v>
      </c>
      <c r="E27509" s="6">
        <v>1676.5540000000001</v>
      </c>
    </row>
    <row r="27510" spans="4:5" x14ac:dyDescent="0.25">
      <c r="D27510" s="6">
        <v>4457.723</v>
      </c>
      <c r="E27510" s="6">
        <v>3144.0819999999999</v>
      </c>
    </row>
    <row r="27511" spans="4:5" x14ac:dyDescent="0.25">
      <c r="D27511" s="6">
        <v>3444.4490000000001</v>
      </c>
      <c r="E27511" s="6">
        <v>1078.309</v>
      </c>
    </row>
    <row r="27512" spans="4:5" x14ac:dyDescent="0.25">
      <c r="D27512" s="6">
        <v>1003.034</v>
      </c>
      <c r="E27512" s="6">
        <v>488.13</v>
      </c>
    </row>
    <row r="27513" spans="4:5" x14ac:dyDescent="0.25">
      <c r="D27513" s="6">
        <v>1295.5940000000001</v>
      </c>
      <c r="E27513" s="6">
        <v>1115.027</v>
      </c>
    </row>
    <row r="27514" spans="4:5" x14ac:dyDescent="0.25">
      <c r="D27514" s="6">
        <v>1778.7760000000001</v>
      </c>
      <c r="E27514" s="6">
        <v>1484.71</v>
      </c>
    </row>
    <row r="27515" spans="4:5" x14ac:dyDescent="0.25">
      <c r="D27515" s="6">
        <v>3780.2759999999998</v>
      </c>
      <c r="E27515" s="6">
        <v>1220.31</v>
      </c>
    </row>
    <row r="27516" spans="4:5" x14ac:dyDescent="0.25">
      <c r="D27516" s="6">
        <v>990.46879999999999</v>
      </c>
      <c r="E27516" s="6">
        <v>959.59749999999997</v>
      </c>
    </row>
    <row r="27517" spans="4:5" x14ac:dyDescent="0.25">
      <c r="D27517" s="6">
        <v>1156.579</v>
      </c>
      <c r="E27517" s="6">
        <v>819.72559999999999</v>
      </c>
    </row>
    <row r="27518" spans="4:5" x14ac:dyDescent="0.25">
      <c r="D27518" s="6">
        <v>1823.03</v>
      </c>
      <c r="E27518" s="6">
        <v>709.90150000000006</v>
      </c>
    </row>
    <row r="27519" spans="4:5" x14ac:dyDescent="0.25">
      <c r="D27519" s="6">
        <v>1247.578</v>
      </c>
      <c r="E27519" s="6">
        <v>970.14760000000001</v>
      </c>
    </row>
    <row r="27520" spans="4:5" x14ac:dyDescent="0.25">
      <c r="D27520" s="6">
        <v>1173.365</v>
      </c>
      <c r="E27520" s="6">
        <v>1408.0889999999999</v>
      </c>
    </row>
    <row r="27521" spans="4:5" x14ac:dyDescent="0.25">
      <c r="D27521" s="6">
        <v>867.89089999999999</v>
      </c>
      <c r="E27521" s="6">
        <v>456.82889999999998</v>
      </c>
    </row>
    <row r="27522" spans="4:5" x14ac:dyDescent="0.25">
      <c r="D27522" s="6">
        <v>2398.9079999999999</v>
      </c>
      <c r="E27522" s="6">
        <v>509.78370000000001</v>
      </c>
    </row>
    <row r="27523" spans="4:5" x14ac:dyDescent="0.25">
      <c r="D27523" s="6">
        <v>1496.3489999999999</v>
      </c>
      <c r="E27523" s="6">
        <v>474.30450000000002</v>
      </c>
    </row>
    <row r="27524" spans="4:5" x14ac:dyDescent="0.25">
      <c r="D27524" s="6">
        <v>480.572</v>
      </c>
      <c r="E27524" s="6">
        <v>1374.6379999999999</v>
      </c>
    </row>
    <row r="27525" spans="4:5" x14ac:dyDescent="0.25">
      <c r="D27525" s="6">
        <v>1102.595</v>
      </c>
      <c r="E27525" s="6">
        <v>1198.607</v>
      </c>
    </row>
    <row r="27526" spans="4:5" x14ac:dyDescent="0.25">
      <c r="D27526" s="6">
        <v>3258.14</v>
      </c>
      <c r="E27526" s="6">
        <v>896.63810000000001</v>
      </c>
    </row>
    <row r="27527" spans="4:5" x14ac:dyDescent="0.25">
      <c r="D27527" s="6">
        <v>1255.4760000000001</v>
      </c>
      <c r="E27527" s="6">
        <v>3098.3240000000001</v>
      </c>
    </row>
    <row r="27528" spans="4:5" x14ac:dyDescent="0.25">
      <c r="D27528" s="6">
        <v>3238.7240000000002</v>
      </c>
      <c r="E27528" s="6">
        <v>568.54909999999995</v>
      </c>
    </row>
    <row r="27529" spans="4:5" x14ac:dyDescent="0.25">
      <c r="D27529" s="6">
        <v>4822.0420000000004</v>
      </c>
      <c r="E27529" s="6">
        <v>11422.37</v>
      </c>
    </row>
    <row r="27530" spans="4:5" x14ac:dyDescent="0.25">
      <c r="D27530" s="6">
        <v>1182.971</v>
      </c>
      <c r="E27530" s="6">
        <v>1062.5429999999999</v>
      </c>
    </row>
    <row r="27531" spans="4:5" x14ac:dyDescent="0.25">
      <c r="D27531" s="6">
        <v>2001.1020000000001</v>
      </c>
      <c r="E27531" s="6">
        <v>1376.7819999999999</v>
      </c>
    </row>
    <row r="27532" spans="4:5" x14ac:dyDescent="0.25">
      <c r="D27532" s="6">
        <v>8776.4490000000005</v>
      </c>
      <c r="E27532" s="6">
        <v>990.85180000000003</v>
      </c>
    </row>
    <row r="27533" spans="4:5" x14ac:dyDescent="0.25">
      <c r="D27533" s="6">
        <v>851.5308</v>
      </c>
      <c r="E27533" s="6">
        <v>515.44680000000005</v>
      </c>
    </row>
    <row r="27534" spans="4:5" x14ac:dyDescent="0.25">
      <c r="D27534" s="6">
        <v>1547.7349999999999</v>
      </c>
      <c r="E27534" s="6">
        <v>1527.326</v>
      </c>
    </row>
    <row r="27535" spans="4:5" x14ac:dyDescent="0.25">
      <c r="D27535" s="6">
        <v>568.9357</v>
      </c>
      <c r="E27535" s="6">
        <v>944.81020000000001</v>
      </c>
    </row>
    <row r="27536" spans="4:5" x14ac:dyDescent="0.25">
      <c r="D27536" s="6">
        <v>8995.9130000000005</v>
      </c>
      <c r="E27536" s="6">
        <v>4637.5810000000001</v>
      </c>
    </row>
    <row r="27537" spans="4:5" x14ac:dyDescent="0.25">
      <c r="D27537" s="6">
        <v>706.31179999999995</v>
      </c>
      <c r="E27537" s="6">
        <v>550.94870000000003</v>
      </c>
    </row>
    <row r="27538" spans="4:5" x14ac:dyDescent="0.25">
      <c r="D27538" s="6">
        <v>1731.3920000000001</v>
      </c>
      <c r="E27538" s="6">
        <v>1242.848</v>
      </c>
    </row>
    <row r="27539" spans="4:5" x14ac:dyDescent="0.25">
      <c r="D27539" s="6">
        <v>1493.4770000000001</v>
      </c>
      <c r="E27539" s="6">
        <v>748.36379999999997</v>
      </c>
    </row>
    <row r="27540" spans="4:5" x14ac:dyDescent="0.25">
      <c r="D27540" s="6">
        <v>1164.1279999999999</v>
      </c>
      <c r="E27540" s="6">
        <v>720.2423</v>
      </c>
    </row>
    <row r="27541" spans="4:5" x14ac:dyDescent="0.25">
      <c r="D27541" s="6">
        <v>4071.51</v>
      </c>
      <c r="E27541" s="6">
        <v>1173.4870000000001</v>
      </c>
    </row>
    <row r="27542" spans="4:5" x14ac:dyDescent="0.25">
      <c r="D27542" s="6">
        <v>2876.8879999999999</v>
      </c>
      <c r="E27542" s="6">
        <v>1361.624</v>
      </c>
    </row>
    <row r="27543" spans="4:5" x14ac:dyDescent="0.25">
      <c r="D27543" s="6">
        <v>1708.471</v>
      </c>
      <c r="E27543" s="6">
        <v>729.15110000000004</v>
      </c>
    </row>
    <row r="27544" spans="4:5" x14ac:dyDescent="0.25">
      <c r="D27544" s="6">
        <v>512.84569999999997</v>
      </c>
      <c r="E27544" s="6">
        <v>3552.1709999999998</v>
      </c>
    </row>
    <row r="27545" spans="4:5" x14ac:dyDescent="0.25">
      <c r="D27545" s="6">
        <v>1497.605</v>
      </c>
      <c r="E27545" s="6">
        <v>994.77430000000004</v>
      </c>
    </row>
    <row r="27546" spans="4:5" x14ac:dyDescent="0.25">
      <c r="D27546" s="6">
        <v>1462.7449999999999</v>
      </c>
      <c r="E27546" s="6">
        <v>3902.8890000000001</v>
      </c>
    </row>
    <row r="27547" spans="4:5" x14ac:dyDescent="0.25">
      <c r="D27547" s="6">
        <v>1420.3510000000001</v>
      </c>
      <c r="E27547" s="6">
        <v>770.31169999999997</v>
      </c>
    </row>
    <row r="27548" spans="4:5" x14ac:dyDescent="0.25">
      <c r="D27548" s="6">
        <v>577.13340000000005</v>
      </c>
      <c r="E27548" s="6">
        <v>747.42939999999999</v>
      </c>
    </row>
    <row r="27549" spans="4:5" x14ac:dyDescent="0.25">
      <c r="D27549" s="6">
        <v>2418.143</v>
      </c>
      <c r="E27549" s="6">
        <v>979.58550000000002</v>
      </c>
    </row>
    <row r="27550" spans="4:5" x14ac:dyDescent="0.25">
      <c r="D27550" s="6">
        <v>602.14179999999999</v>
      </c>
      <c r="E27550" s="6">
        <v>593.1232</v>
      </c>
    </row>
    <row r="27551" spans="4:5" x14ac:dyDescent="0.25">
      <c r="D27551" s="6">
        <v>817.50670000000002</v>
      </c>
      <c r="E27551" s="6">
        <v>223.08330000000001</v>
      </c>
    </row>
    <row r="27552" spans="4:5" x14ac:dyDescent="0.25">
      <c r="D27552" s="6">
        <v>1934.0319999999999</v>
      </c>
      <c r="E27552" s="6">
        <v>725.25739999999996</v>
      </c>
    </row>
    <row r="27553" spans="4:5" x14ac:dyDescent="0.25">
      <c r="D27553" s="6">
        <v>3014.527</v>
      </c>
      <c r="E27553" s="6">
        <v>1406.567</v>
      </c>
    </row>
    <row r="27554" spans="4:5" x14ac:dyDescent="0.25">
      <c r="D27554" s="6">
        <v>1113.3489999999999</v>
      </c>
      <c r="E27554" s="6">
        <v>1450.809</v>
      </c>
    </row>
    <row r="27555" spans="4:5" x14ac:dyDescent="0.25">
      <c r="D27555" s="6">
        <v>1138.998</v>
      </c>
      <c r="E27555" s="6">
        <v>550.9633</v>
      </c>
    </row>
    <row r="27556" spans="4:5" x14ac:dyDescent="0.25">
      <c r="D27556" s="6">
        <v>1265.376</v>
      </c>
      <c r="E27556" s="6">
        <v>1377.221</v>
      </c>
    </row>
    <row r="27557" spans="4:5" x14ac:dyDescent="0.25">
      <c r="D27557" s="6">
        <v>3521.5219999999999</v>
      </c>
      <c r="E27557" s="6">
        <v>593.39099999999996</v>
      </c>
    </row>
    <row r="27558" spans="4:5" x14ac:dyDescent="0.25">
      <c r="D27558" s="6">
        <v>3478.2260000000001</v>
      </c>
      <c r="E27558" s="6">
        <v>730.79690000000005</v>
      </c>
    </row>
    <row r="27559" spans="4:5" x14ac:dyDescent="0.25">
      <c r="D27559" s="6">
        <v>1362.9849999999999</v>
      </c>
      <c r="E27559" s="6">
        <v>489.37169999999998</v>
      </c>
    </row>
    <row r="27560" spans="4:5" x14ac:dyDescent="0.25">
      <c r="D27560" s="6">
        <v>1038</v>
      </c>
      <c r="E27560" s="6">
        <v>2464.8519999999999</v>
      </c>
    </row>
    <row r="27561" spans="4:5" x14ac:dyDescent="0.25">
      <c r="D27561" s="6">
        <v>670.93589999999995</v>
      </c>
      <c r="E27561" s="6">
        <v>543.02290000000005</v>
      </c>
    </row>
    <row r="27562" spans="4:5" x14ac:dyDescent="0.25">
      <c r="D27562" s="6">
        <v>841.26700000000005</v>
      </c>
      <c r="E27562" s="6">
        <v>1014.582</v>
      </c>
    </row>
    <row r="27563" spans="4:5" x14ac:dyDescent="0.25">
      <c r="D27563" s="6">
        <v>771.31899999999996</v>
      </c>
      <c r="E27563" s="6">
        <v>1148.5920000000001</v>
      </c>
    </row>
    <row r="27564" spans="4:5" x14ac:dyDescent="0.25">
      <c r="D27564" s="6">
        <v>12115.17</v>
      </c>
      <c r="E27564" s="6">
        <v>522.54160000000002</v>
      </c>
    </row>
    <row r="27565" spans="4:5" x14ac:dyDescent="0.25">
      <c r="D27565" s="6">
        <v>1148.51</v>
      </c>
      <c r="E27565" s="6">
        <v>531.1952</v>
      </c>
    </row>
    <row r="27566" spans="4:5" x14ac:dyDescent="0.25">
      <c r="D27566" s="6">
        <v>651.11040000000003</v>
      </c>
      <c r="E27566" s="6">
        <v>872.4896</v>
      </c>
    </row>
    <row r="27567" spans="4:5" x14ac:dyDescent="0.25">
      <c r="D27567" s="6">
        <v>2751.1849999999999</v>
      </c>
      <c r="E27567" s="6">
        <v>975.87530000000004</v>
      </c>
    </row>
    <row r="27568" spans="4:5" x14ac:dyDescent="0.25">
      <c r="D27568" s="6">
        <v>965.54570000000001</v>
      </c>
      <c r="E27568" s="6">
        <v>584.58489999999995</v>
      </c>
    </row>
    <row r="27569" spans="4:5" x14ac:dyDescent="0.25">
      <c r="D27569" s="6">
        <v>1369.874</v>
      </c>
      <c r="E27569" s="6">
        <v>5786.933</v>
      </c>
    </row>
    <row r="27570" spans="4:5" x14ac:dyDescent="0.25">
      <c r="D27570" s="6">
        <v>1301.21</v>
      </c>
      <c r="E27570" s="6">
        <v>1031.3430000000001</v>
      </c>
    </row>
    <row r="27571" spans="4:5" x14ac:dyDescent="0.25">
      <c r="D27571" s="6">
        <v>559.81470000000002</v>
      </c>
      <c r="E27571" s="6">
        <v>2077.7849999999999</v>
      </c>
    </row>
    <row r="27572" spans="4:5" x14ac:dyDescent="0.25">
      <c r="D27572" s="6">
        <v>4683.8680000000004</v>
      </c>
      <c r="E27572" s="6">
        <v>1611.6849999999999</v>
      </c>
    </row>
    <row r="27573" spans="4:5" x14ac:dyDescent="0.25">
      <c r="D27573" s="6">
        <v>1043.162</v>
      </c>
      <c r="E27573" s="6">
        <v>9525.3529999999992</v>
      </c>
    </row>
    <row r="27574" spans="4:5" x14ac:dyDescent="0.25">
      <c r="D27574" s="6">
        <v>2169.2890000000002</v>
      </c>
      <c r="E27574" s="6">
        <v>562.14200000000005</v>
      </c>
    </row>
    <row r="27575" spans="4:5" x14ac:dyDescent="0.25">
      <c r="D27575" s="6">
        <v>3119.277</v>
      </c>
      <c r="E27575" s="6">
        <v>597.65639999999996</v>
      </c>
    </row>
    <row r="27576" spans="4:5" x14ac:dyDescent="0.25">
      <c r="D27576" s="6">
        <v>978.39819999999997</v>
      </c>
      <c r="E27576" s="6">
        <v>663.43169999999998</v>
      </c>
    </row>
    <row r="27577" spans="4:5" x14ac:dyDescent="0.25">
      <c r="D27577" s="6">
        <v>3348.2379999999998</v>
      </c>
      <c r="E27577" s="6">
        <v>537.92960000000005</v>
      </c>
    </row>
    <row r="27578" spans="4:5" x14ac:dyDescent="0.25">
      <c r="D27578" s="6">
        <v>1400.846</v>
      </c>
      <c r="E27578" s="6">
        <v>1509.1310000000001</v>
      </c>
    </row>
    <row r="27579" spans="4:5" x14ac:dyDescent="0.25">
      <c r="D27579" s="6">
        <v>3079.5390000000002</v>
      </c>
      <c r="E27579" s="6">
        <v>460.82429999999999</v>
      </c>
    </row>
    <row r="27580" spans="4:5" x14ac:dyDescent="0.25">
      <c r="D27580" s="6">
        <v>1928.6880000000001</v>
      </c>
      <c r="E27580" s="6">
        <v>4107.2359999999999</v>
      </c>
    </row>
    <row r="27581" spans="4:5" x14ac:dyDescent="0.25">
      <c r="D27581" s="6">
        <v>737.15039999999999</v>
      </c>
      <c r="E27581" s="6">
        <v>1398.154</v>
      </c>
    </row>
    <row r="27582" spans="4:5" x14ac:dyDescent="0.25">
      <c r="D27582" s="6">
        <v>1530.615</v>
      </c>
      <c r="E27582" s="6">
        <v>1082.8699999999999</v>
      </c>
    </row>
    <row r="27583" spans="4:5" x14ac:dyDescent="0.25">
      <c r="D27583" s="6">
        <v>833.18119999999999</v>
      </c>
      <c r="E27583" s="6">
        <v>484.54309999999998</v>
      </c>
    </row>
    <row r="27584" spans="4:5" x14ac:dyDescent="0.25">
      <c r="D27584" s="6">
        <v>947.9606</v>
      </c>
      <c r="E27584" s="6">
        <v>929.16679999999997</v>
      </c>
    </row>
    <row r="27585" spans="4:5" x14ac:dyDescent="0.25">
      <c r="D27585" s="6">
        <v>1407.431</v>
      </c>
      <c r="E27585" s="6">
        <v>1667.799</v>
      </c>
    </row>
    <row r="27586" spans="4:5" x14ac:dyDescent="0.25">
      <c r="D27586" s="6">
        <v>1844.9159999999999</v>
      </c>
      <c r="E27586" s="6">
        <v>898.6309</v>
      </c>
    </row>
    <row r="27587" spans="4:5" x14ac:dyDescent="0.25">
      <c r="D27587" s="6">
        <v>918.0308</v>
      </c>
      <c r="E27587" s="6">
        <v>1738.9359999999999</v>
      </c>
    </row>
    <row r="27588" spans="4:5" x14ac:dyDescent="0.25">
      <c r="D27588" s="6">
        <v>1803.242</v>
      </c>
      <c r="E27588" s="6">
        <v>945.05460000000005</v>
      </c>
    </row>
    <row r="27589" spans="4:5" x14ac:dyDescent="0.25">
      <c r="D27589" s="6">
        <v>3508.4940000000001</v>
      </c>
      <c r="E27589" s="6">
        <v>1098.0830000000001</v>
      </c>
    </row>
    <row r="27590" spans="4:5" x14ac:dyDescent="0.25">
      <c r="D27590" s="6">
        <v>1278.3430000000001</v>
      </c>
      <c r="E27590" s="6">
        <v>905.83320000000003</v>
      </c>
    </row>
    <row r="27591" spans="4:5" x14ac:dyDescent="0.25">
      <c r="D27591" s="6">
        <v>677.42669999999998</v>
      </c>
      <c r="E27591" s="6">
        <v>3922.42</v>
      </c>
    </row>
    <row r="27592" spans="4:5" x14ac:dyDescent="0.25">
      <c r="D27592" s="6">
        <v>4495.0780000000004</v>
      </c>
      <c r="E27592" s="6">
        <v>1262.854</v>
      </c>
    </row>
    <row r="27593" spans="4:5" x14ac:dyDescent="0.25">
      <c r="D27593" s="6">
        <v>524.14009999999996</v>
      </c>
      <c r="E27593" s="6">
        <v>461.43970000000002</v>
      </c>
    </row>
    <row r="27594" spans="4:5" x14ac:dyDescent="0.25">
      <c r="D27594" s="6">
        <v>280.14640000000003</v>
      </c>
      <c r="E27594" s="6">
        <v>565.44110000000001</v>
      </c>
    </row>
    <row r="27595" spans="4:5" x14ac:dyDescent="0.25">
      <c r="D27595" s="6">
        <v>586.62450000000001</v>
      </c>
      <c r="E27595" s="6">
        <v>984.6123</v>
      </c>
    </row>
    <row r="27596" spans="4:5" x14ac:dyDescent="0.25">
      <c r="D27596" s="6">
        <v>2466.2860000000001</v>
      </c>
      <c r="E27596" s="6">
        <v>762.46100000000001</v>
      </c>
    </row>
    <row r="27597" spans="4:5" x14ac:dyDescent="0.25">
      <c r="D27597" s="6">
        <v>1294.1079999999999</v>
      </c>
      <c r="E27597" s="6">
        <v>4474.3760000000002</v>
      </c>
    </row>
    <row r="27598" spans="4:5" x14ac:dyDescent="0.25">
      <c r="D27598" s="6">
        <v>617.31799999999998</v>
      </c>
      <c r="E27598" s="6">
        <v>1004.5</v>
      </c>
    </row>
    <row r="27599" spans="4:5" x14ac:dyDescent="0.25">
      <c r="D27599" s="6">
        <v>3861.3989999999999</v>
      </c>
      <c r="E27599" s="6">
        <v>489.92039999999997</v>
      </c>
    </row>
    <row r="27600" spans="4:5" x14ac:dyDescent="0.25">
      <c r="D27600" s="6">
        <v>1877.826</v>
      </c>
      <c r="E27600" s="6">
        <v>2767.8519999999999</v>
      </c>
    </row>
    <row r="27601" spans="4:5" x14ac:dyDescent="0.25">
      <c r="D27601" s="6">
        <v>698.97400000000005</v>
      </c>
      <c r="E27601" s="6">
        <v>861.1191</v>
      </c>
    </row>
    <row r="27602" spans="4:5" x14ac:dyDescent="0.25">
      <c r="D27602" s="6">
        <v>1957.0640000000001</v>
      </c>
      <c r="E27602" s="6">
        <v>921.64440000000002</v>
      </c>
    </row>
    <row r="27603" spans="4:5" x14ac:dyDescent="0.25">
      <c r="D27603" s="6">
        <v>1048.2249999999999</v>
      </c>
      <c r="E27603" s="6">
        <v>753.64620000000002</v>
      </c>
    </row>
    <row r="27604" spans="4:5" x14ac:dyDescent="0.25">
      <c r="D27604" s="6">
        <v>3810.53</v>
      </c>
      <c r="E27604" s="6">
        <v>958.83579999999995</v>
      </c>
    </row>
    <row r="27605" spans="4:5" x14ac:dyDescent="0.25">
      <c r="D27605" s="6">
        <v>954.72339999999997</v>
      </c>
      <c r="E27605" s="6">
        <v>939</v>
      </c>
    </row>
    <row r="27606" spans="4:5" x14ac:dyDescent="0.25">
      <c r="D27606" s="6">
        <v>648.68269999999995</v>
      </c>
      <c r="E27606" s="6">
        <v>1337.7429999999999</v>
      </c>
    </row>
    <row r="27607" spans="4:5" x14ac:dyDescent="0.25">
      <c r="D27607" s="6">
        <v>848.69380000000001</v>
      </c>
      <c r="E27607" s="6">
        <v>630.48609999999996</v>
      </c>
    </row>
    <row r="27608" spans="4:5" x14ac:dyDescent="0.25">
      <c r="D27608" s="6">
        <v>4271.7120000000004</v>
      </c>
      <c r="E27608" s="6">
        <v>2489.029</v>
      </c>
    </row>
    <row r="27609" spans="4:5" x14ac:dyDescent="0.25">
      <c r="D27609" s="6">
        <v>514.75879999999995</v>
      </c>
      <c r="E27609" s="6">
        <v>1301.8869999999999</v>
      </c>
    </row>
    <row r="27610" spans="4:5" x14ac:dyDescent="0.25">
      <c r="D27610" s="6">
        <v>1539.451</v>
      </c>
      <c r="E27610" s="6">
        <v>2035.4190000000001</v>
      </c>
    </row>
    <row r="27611" spans="4:5" x14ac:dyDescent="0.25">
      <c r="D27611" s="6">
        <v>1375.607</v>
      </c>
      <c r="E27611" s="6">
        <v>1638.22</v>
      </c>
    </row>
    <row r="27612" spans="4:5" x14ac:dyDescent="0.25">
      <c r="D27612" s="6">
        <v>3353.9470000000001</v>
      </c>
      <c r="E27612" s="6">
        <v>1517.258</v>
      </c>
    </row>
    <row r="27613" spans="4:5" x14ac:dyDescent="0.25">
      <c r="D27613" s="6">
        <v>2459.201</v>
      </c>
      <c r="E27613" s="6">
        <v>1232.252</v>
      </c>
    </row>
    <row r="27614" spans="4:5" x14ac:dyDescent="0.25">
      <c r="D27614" s="6">
        <v>1010.526</v>
      </c>
      <c r="E27614" s="6">
        <v>2010.1489999999999</v>
      </c>
    </row>
    <row r="27615" spans="4:5" x14ac:dyDescent="0.25">
      <c r="D27615" s="6">
        <v>1278.4269999999999</v>
      </c>
      <c r="E27615" s="6">
        <v>1288.6759999999999</v>
      </c>
    </row>
    <row r="27616" spans="4:5" x14ac:dyDescent="0.25">
      <c r="D27616" s="6">
        <v>1947.4960000000001</v>
      </c>
      <c r="E27616" s="6">
        <v>1070.4259999999999</v>
      </c>
    </row>
    <row r="27617" spans="4:5" x14ac:dyDescent="0.25">
      <c r="D27617" s="6">
        <v>1167.26</v>
      </c>
      <c r="E27617" s="6">
        <v>388.83359999999999</v>
      </c>
    </row>
    <row r="27618" spans="4:5" x14ac:dyDescent="0.25">
      <c r="D27618" s="6">
        <v>714.18280000000004</v>
      </c>
      <c r="E27618" s="6">
        <v>470.55880000000002</v>
      </c>
    </row>
    <row r="27619" spans="4:5" x14ac:dyDescent="0.25">
      <c r="D27619" s="6">
        <v>1507.19</v>
      </c>
      <c r="E27619" s="6">
        <v>476.28480000000002</v>
      </c>
    </row>
    <row r="27620" spans="4:5" x14ac:dyDescent="0.25">
      <c r="D27620" s="6">
        <v>8498.6</v>
      </c>
      <c r="E27620" s="6">
        <v>549.90480000000002</v>
      </c>
    </row>
    <row r="27621" spans="4:5" x14ac:dyDescent="0.25">
      <c r="D27621" s="6">
        <v>1771.373</v>
      </c>
      <c r="E27621" s="6">
        <v>986.20420000000001</v>
      </c>
    </row>
    <row r="27622" spans="4:5" x14ac:dyDescent="0.25">
      <c r="D27622" s="6">
        <v>985.92660000000001</v>
      </c>
      <c r="E27622" s="6">
        <v>576.64290000000005</v>
      </c>
    </row>
    <row r="27623" spans="4:5" x14ac:dyDescent="0.25">
      <c r="D27623" s="6">
        <v>4036.4079999999999</v>
      </c>
      <c r="E27623" s="6">
        <v>519.40880000000004</v>
      </c>
    </row>
    <row r="27624" spans="4:5" x14ac:dyDescent="0.25">
      <c r="D27624" s="6">
        <v>1030.9929999999999</v>
      </c>
      <c r="E27624" s="6">
        <v>1860.57</v>
      </c>
    </row>
    <row r="27625" spans="4:5" x14ac:dyDescent="0.25">
      <c r="D27625" s="6">
        <v>2862.9960000000001</v>
      </c>
      <c r="E27625" s="6">
        <v>474.15379999999999</v>
      </c>
    </row>
    <row r="27626" spans="4:5" x14ac:dyDescent="0.25">
      <c r="D27626" s="6">
        <v>1286.06</v>
      </c>
      <c r="E27626" s="6">
        <v>975.34820000000002</v>
      </c>
    </row>
    <row r="27627" spans="4:5" x14ac:dyDescent="0.25">
      <c r="D27627" s="6">
        <v>1344.2070000000001</v>
      </c>
      <c r="E27627" s="6">
        <v>971.22709999999995</v>
      </c>
    </row>
    <row r="27628" spans="4:5" x14ac:dyDescent="0.25">
      <c r="D27628" s="6">
        <v>1446.049</v>
      </c>
      <c r="E27628" s="6">
        <v>608.38430000000005</v>
      </c>
    </row>
    <row r="27629" spans="4:5" x14ac:dyDescent="0.25">
      <c r="D27629" s="6">
        <v>650.82500000000005</v>
      </c>
      <c r="E27629" s="6">
        <v>1267.931</v>
      </c>
    </row>
    <row r="27630" spans="4:5" x14ac:dyDescent="0.25">
      <c r="D27630" s="6">
        <v>880.96519999999998</v>
      </c>
      <c r="E27630" s="6">
        <v>548.85519999999997</v>
      </c>
    </row>
    <row r="27631" spans="4:5" x14ac:dyDescent="0.25">
      <c r="D27631" s="6">
        <v>1141.7449999999999</v>
      </c>
      <c r="E27631" s="6">
        <v>1197.357</v>
      </c>
    </row>
    <row r="27632" spans="4:5" x14ac:dyDescent="0.25">
      <c r="D27632" s="6">
        <v>3441.8589999999999</v>
      </c>
      <c r="E27632" s="6">
        <v>528.5729</v>
      </c>
    </row>
    <row r="27633" spans="4:5" x14ac:dyDescent="0.25">
      <c r="D27633" s="6">
        <v>1952.5029999999999</v>
      </c>
      <c r="E27633" s="6">
        <v>631.89639999999997</v>
      </c>
    </row>
    <row r="27634" spans="4:5" x14ac:dyDescent="0.25">
      <c r="D27634" s="6">
        <v>875.36300000000006</v>
      </c>
      <c r="E27634" s="6">
        <v>1343.068</v>
      </c>
    </row>
    <row r="27635" spans="4:5" x14ac:dyDescent="0.25">
      <c r="D27635" s="6">
        <v>749.73940000000005</v>
      </c>
      <c r="E27635" s="6">
        <v>689.25</v>
      </c>
    </row>
    <row r="27636" spans="4:5" x14ac:dyDescent="0.25">
      <c r="D27636" s="6">
        <v>831.78650000000005</v>
      </c>
      <c r="E27636" s="6">
        <v>1224.692</v>
      </c>
    </row>
    <row r="27637" spans="4:5" x14ac:dyDescent="0.25">
      <c r="D27637" s="6">
        <v>743.90229999999997</v>
      </c>
      <c r="E27637" s="6">
        <v>7173</v>
      </c>
    </row>
    <row r="27638" spans="4:5" x14ac:dyDescent="0.25">
      <c r="D27638" s="6">
        <v>504.4735</v>
      </c>
      <c r="E27638" s="6">
        <v>1802.8979999999999</v>
      </c>
    </row>
    <row r="27639" spans="4:5" x14ac:dyDescent="0.25">
      <c r="D27639" s="6">
        <v>2645.8969999999999</v>
      </c>
      <c r="E27639" s="6">
        <v>618.22460000000001</v>
      </c>
    </row>
    <row r="27640" spans="4:5" x14ac:dyDescent="0.25">
      <c r="D27640" s="6">
        <v>1938.7360000000001</v>
      </c>
      <c r="E27640" s="6">
        <v>522.79290000000003</v>
      </c>
    </row>
    <row r="27641" spans="4:5" x14ac:dyDescent="0.25">
      <c r="D27641" s="6">
        <v>1306.5719999999999</v>
      </c>
      <c r="E27641" s="6">
        <v>1258.2180000000001</v>
      </c>
    </row>
    <row r="27642" spans="4:5" x14ac:dyDescent="0.25">
      <c r="D27642" s="6">
        <v>4226.0429999999997</v>
      </c>
      <c r="E27642" s="6">
        <v>1324.5129999999999</v>
      </c>
    </row>
    <row r="27643" spans="4:5" x14ac:dyDescent="0.25">
      <c r="D27643" s="6">
        <v>1654.7239999999999</v>
      </c>
      <c r="E27643" s="6">
        <v>3379.4589999999998</v>
      </c>
    </row>
    <row r="27644" spans="4:5" x14ac:dyDescent="0.25">
      <c r="D27644" s="6">
        <v>1059.752</v>
      </c>
      <c r="E27644" s="6">
        <v>935.35919999999999</v>
      </c>
    </row>
    <row r="27645" spans="4:5" x14ac:dyDescent="0.25">
      <c r="D27645" s="6">
        <v>1476.001</v>
      </c>
      <c r="E27645" s="6">
        <v>2029.7</v>
      </c>
    </row>
    <row r="27646" spans="4:5" x14ac:dyDescent="0.25">
      <c r="D27646" s="6">
        <v>626.79690000000005</v>
      </c>
      <c r="E27646" s="6">
        <v>1001.444</v>
      </c>
    </row>
    <row r="27647" spans="4:5" x14ac:dyDescent="0.25">
      <c r="D27647" s="6">
        <v>3783.8029999999999</v>
      </c>
      <c r="E27647" s="6">
        <v>976.51930000000004</v>
      </c>
    </row>
    <row r="27648" spans="4:5" x14ac:dyDescent="0.25">
      <c r="D27648" s="6">
        <v>479.84199999999998</v>
      </c>
      <c r="E27648" s="6">
        <v>581.62239999999997</v>
      </c>
    </row>
    <row r="27649" spans="4:5" x14ac:dyDescent="0.25">
      <c r="D27649" s="6">
        <v>904.88710000000003</v>
      </c>
      <c r="E27649" s="6">
        <v>659.1739</v>
      </c>
    </row>
    <row r="27650" spans="4:5" x14ac:dyDescent="0.25">
      <c r="D27650" s="6">
        <v>2701.3449999999998</v>
      </c>
      <c r="E27650" s="6">
        <v>2025.7349999999999</v>
      </c>
    </row>
    <row r="27651" spans="4:5" x14ac:dyDescent="0.25">
      <c r="D27651" s="6">
        <v>508.41640000000001</v>
      </c>
      <c r="E27651" s="6">
        <v>956.64639999999997</v>
      </c>
    </row>
    <row r="27652" spans="4:5" x14ac:dyDescent="0.25">
      <c r="D27652" s="6">
        <v>1312.6990000000001</v>
      </c>
      <c r="E27652" s="6">
        <v>1131.0029999999999</v>
      </c>
    </row>
    <row r="27653" spans="4:5" x14ac:dyDescent="0.25">
      <c r="D27653" s="6">
        <v>1239.808</v>
      </c>
      <c r="E27653" s="6">
        <v>620.18309999999997</v>
      </c>
    </row>
    <row r="27654" spans="4:5" x14ac:dyDescent="0.25">
      <c r="D27654" s="6">
        <v>1487.9949999999999</v>
      </c>
      <c r="E27654" s="6">
        <v>518.67349999999999</v>
      </c>
    </row>
    <row r="27655" spans="4:5" x14ac:dyDescent="0.25">
      <c r="D27655" s="6">
        <v>963.6481</v>
      </c>
      <c r="E27655" s="6">
        <v>1025.529</v>
      </c>
    </row>
    <row r="27656" spans="4:5" x14ac:dyDescent="0.25">
      <c r="D27656" s="6">
        <v>1201.1759999999999</v>
      </c>
      <c r="E27656" s="6">
        <v>568.80610000000001</v>
      </c>
    </row>
    <row r="27657" spans="4:5" x14ac:dyDescent="0.25">
      <c r="D27657" s="6">
        <v>2165.134</v>
      </c>
      <c r="E27657" s="6">
        <v>644.66669999999999</v>
      </c>
    </row>
    <row r="27658" spans="4:5" x14ac:dyDescent="0.25">
      <c r="D27658" s="6">
        <v>430.60500000000002</v>
      </c>
      <c r="E27658" s="6">
        <v>2997.547</v>
      </c>
    </row>
    <row r="27659" spans="4:5" x14ac:dyDescent="0.25">
      <c r="D27659" s="6">
        <v>903.28380000000004</v>
      </c>
      <c r="E27659" s="6">
        <v>971.04759999999999</v>
      </c>
    </row>
    <row r="27660" spans="4:5" x14ac:dyDescent="0.25">
      <c r="D27660" s="6">
        <v>1788.6220000000001</v>
      </c>
      <c r="E27660" s="6">
        <v>1861.038</v>
      </c>
    </row>
    <row r="27661" spans="4:5" x14ac:dyDescent="0.25">
      <c r="D27661" s="6">
        <v>542.1943</v>
      </c>
      <c r="E27661" s="6">
        <v>861.09929999999997</v>
      </c>
    </row>
    <row r="27662" spans="4:5" x14ac:dyDescent="0.25">
      <c r="D27662" s="6">
        <v>4474.2700000000004</v>
      </c>
      <c r="E27662" s="6">
        <v>1646.443</v>
      </c>
    </row>
    <row r="27663" spans="4:5" x14ac:dyDescent="0.25">
      <c r="D27663" s="6">
        <v>3041.9549999999999</v>
      </c>
      <c r="E27663" s="6">
        <v>570.89869999999996</v>
      </c>
    </row>
    <row r="27664" spans="4:5" x14ac:dyDescent="0.25">
      <c r="D27664" s="6">
        <v>515.42100000000005</v>
      </c>
      <c r="E27664" s="6">
        <v>2461.989</v>
      </c>
    </row>
    <row r="27665" spans="4:5" x14ac:dyDescent="0.25">
      <c r="D27665" s="6">
        <v>744.79430000000002</v>
      </c>
      <c r="E27665" s="6">
        <v>802.5729</v>
      </c>
    </row>
    <row r="27666" spans="4:5" x14ac:dyDescent="0.25">
      <c r="D27666" s="6">
        <v>1579.143</v>
      </c>
      <c r="E27666" s="6">
        <v>1115.4000000000001</v>
      </c>
    </row>
    <row r="27667" spans="4:5" x14ac:dyDescent="0.25">
      <c r="D27667" s="6">
        <v>1054.3209999999999</v>
      </c>
      <c r="E27667" s="6">
        <v>2134.1080000000002</v>
      </c>
    </row>
    <row r="27668" spans="4:5" x14ac:dyDescent="0.25">
      <c r="D27668" s="6">
        <v>2484.6489999999999</v>
      </c>
      <c r="E27668" s="6">
        <v>507.26049999999998</v>
      </c>
    </row>
    <row r="27669" spans="4:5" x14ac:dyDescent="0.25">
      <c r="D27669" s="6">
        <v>802.78060000000005</v>
      </c>
      <c r="E27669" s="6">
        <v>1092.68</v>
      </c>
    </row>
    <row r="27670" spans="4:5" x14ac:dyDescent="0.25">
      <c r="D27670" s="6">
        <v>1148.394</v>
      </c>
      <c r="E27670" s="6">
        <v>542.59690000000001</v>
      </c>
    </row>
    <row r="27671" spans="4:5" x14ac:dyDescent="0.25">
      <c r="D27671" s="6">
        <v>2397.6370000000002</v>
      </c>
      <c r="E27671" s="6">
        <v>1050.645</v>
      </c>
    </row>
    <row r="27672" spans="4:5" x14ac:dyDescent="0.25">
      <c r="D27672" s="6">
        <v>1552.7149999999999</v>
      </c>
      <c r="E27672" s="6">
        <v>1740.249</v>
      </c>
    </row>
    <row r="27673" spans="4:5" x14ac:dyDescent="0.25">
      <c r="D27673" s="6">
        <v>698.66499999999996</v>
      </c>
      <c r="E27673" s="6">
        <v>812.92100000000005</v>
      </c>
    </row>
    <row r="27674" spans="4:5" x14ac:dyDescent="0.25">
      <c r="D27674" s="6">
        <v>932.99760000000003</v>
      </c>
      <c r="E27674" s="6">
        <v>1065.942</v>
      </c>
    </row>
    <row r="27675" spans="4:5" x14ac:dyDescent="0.25">
      <c r="D27675" s="6">
        <v>1465.905</v>
      </c>
      <c r="E27675" s="6">
        <v>530.90179999999998</v>
      </c>
    </row>
    <row r="27676" spans="4:5" x14ac:dyDescent="0.25">
      <c r="D27676" s="6">
        <v>2753.4760000000001</v>
      </c>
      <c r="E27676" s="6">
        <v>1529.9849999999999</v>
      </c>
    </row>
    <row r="27677" spans="4:5" x14ac:dyDescent="0.25">
      <c r="D27677" s="6">
        <v>1516.6089999999999</v>
      </c>
      <c r="E27677" s="6">
        <v>1297.6600000000001</v>
      </c>
    </row>
    <row r="27678" spans="4:5" x14ac:dyDescent="0.25">
      <c r="D27678" s="6">
        <v>3418.489</v>
      </c>
      <c r="E27678" s="6">
        <v>3283.1410000000001</v>
      </c>
    </row>
    <row r="27679" spans="4:5" x14ac:dyDescent="0.25">
      <c r="D27679" s="6">
        <v>3655.5590000000002</v>
      </c>
      <c r="E27679" s="6">
        <v>949.6259</v>
      </c>
    </row>
    <row r="27680" spans="4:5" x14ac:dyDescent="0.25">
      <c r="D27680" s="6">
        <v>3276.4850000000001</v>
      </c>
      <c r="E27680" s="6">
        <v>935.31960000000004</v>
      </c>
    </row>
    <row r="27681" spans="4:5" x14ac:dyDescent="0.25">
      <c r="D27681" s="6">
        <v>433.91669999999999</v>
      </c>
      <c r="E27681" s="6">
        <v>484.98719999999997</v>
      </c>
    </row>
    <row r="27682" spans="4:5" x14ac:dyDescent="0.25">
      <c r="D27682" s="6">
        <v>918.82320000000004</v>
      </c>
      <c r="E27682" s="6">
        <v>1251.741</v>
      </c>
    </row>
    <row r="27683" spans="4:5" x14ac:dyDescent="0.25">
      <c r="D27683" s="6">
        <v>605.08870000000002</v>
      </c>
      <c r="E27683" s="6">
        <v>542.83789999999999</v>
      </c>
    </row>
    <row r="27684" spans="4:5" x14ac:dyDescent="0.25">
      <c r="D27684" s="6">
        <v>1401.8209999999999</v>
      </c>
      <c r="E27684" s="6">
        <v>6223.6989999999996</v>
      </c>
    </row>
    <row r="27685" spans="4:5" x14ac:dyDescent="0.25">
      <c r="D27685" s="6">
        <v>697.98230000000001</v>
      </c>
      <c r="E27685" s="6">
        <v>745.55359999999996</v>
      </c>
    </row>
    <row r="27686" spans="4:5" x14ac:dyDescent="0.25">
      <c r="D27686" s="6">
        <v>1942.5309999999999</v>
      </c>
      <c r="E27686" s="6">
        <v>4278.7280000000001</v>
      </c>
    </row>
    <row r="27687" spans="4:5" x14ac:dyDescent="0.25">
      <c r="D27687" s="6">
        <v>533.83759999999995</v>
      </c>
      <c r="E27687" s="6">
        <v>5093.4279999999999</v>
      </c>
    </row>
    <row r="27688" spans="4:5" x14ac:dyDescent="0.25">
      <c r="D27688" s="6">
        <v>834.31479999999999</v>
      </c>
      <c r="E27688" s="6">
        <v>847.91780000000006</v>
      </c>
    </row>
    <row r="27689" spans="4:5" x14ac:dyDescent="0.25">
      <c r="D27689" s="6">
        <v>2132.625</v>
      </c>
      <c r="E27689" s="6">
        <v>1479.29</v>
      </c>
    </row>
    <row r="27690" spans="4:5" x14ac:dyDescent="0.25">
      <c r="D27690" s="6">
        <v>1241.2940000000001</v>
      </c>
      <c r="E27690" s="6">
        <v>539.74</v>
      </c>
    </row>
    <row r="27691" spans="4:5" x14ac:dyDescent="0.25">
      <c r="D27691" s="6">
        <v>852.22249999999997</v>
      </c>
      <c r="E27691" s="6">
        <v>560.13599999999997</v>
      </c>
    </row>
    <row r="27692" spans="4:5" x14ac:dyDescent="0.25">
      <c r="D27692" s="6">
        <v>919.45150000000001</v>
      </c>
      <c r="E27692" s="6">
        <v>1678.01</v>
      </c>
    </row>
    <row r="27693" spans="4:5" x14ac:dyDescent="0.25">
      <c r="D27693" s="6">
        <v>1591.038</v>
      </c>
      <c r="E27693" s="6">
        <v>646.71749999999997</v>
      </c>
    </row>
    <row r="27694" spans="4:5" x14ac:dyDescent="0.25">
      <c r="D27694" s="6">
        <v>582.29750000000001</v>
      </c>
      <c r="E27694" s="6">
        <v>875.30240000000003</v>
      </c>
    </row>
    <row r="27695" spans="4:5" x14ac:dyDescent="0.25">
      <c r="D27695" s="6">
        <v>4180.78</v>
      </c>
      <c r="E27695" s="6">
        <v>501.1429</v>
      </c>
    </row>
    <row r="27696" spans="4:5" x14ac:dyDescent="0.25">
      <c r="D27696" s="6">
        <v>2784.3310000000001</v>
      </c>
      <c r="E27696" s="6">
        <v>690.61630000000002</v>
      </c>
    </row>
    <row r="27697" spans="4:5" x14ac:dyDescent="0.25">
      <c r="D27697" s="6">
        <v>1545.635</v>
      </c>
      <c r="E27697" s="6">
        <v>1688.9079999999999</v>
      </c>
    </row>
    <row r="27698" spans="4:5" x14ac:dyDescent="0.25">
      <c r="D27698" s="6">
        <v>3141.0410000000002</v>
      </c>
      <c r="E27698" s="6">
        <v>500.55880000000002</v>
      </c>
    </row>
    <row r="27699" spans="4:5" x14ac:dyDescent="0.25">
      <c r="D27699" s="6">
        <v>595.19079999999997</v>
      </c>
      <c r="E27699" s="6">
        <v>545.16579999999999</v>
      </c>
    </row>
    <row r="27700" spans="4:5" x14ac:dyDescent="0.25">
      <c r="D27700" s="6">
        <v>1442.9469999999999</v>
      </c>
      <c r="E27700" s="6">
        <v>1201.123</v>
      </c>
    </row>
    <row r="27701" spans="4:5" x14ac:dyDescent="0.25">
      <c r="D27701" s="6">
        <v>1086.5809999999999</v>
      </c>
      <c r="E27701" s="6">
        <v>705.24850000000004</v>
      </c>
    </row>
    <row r="27702" spans="4:5" x14ac:dyDescent="0.25">
      <c r="D27702" s="6">
        <v>1017.707</v>
      </c>
      <c r="E27702" s="6">
        <v>1397.066</v>
      </c>
    </row>
    <row r="27703" spans="4:5" x14ac:dyDescent="0.25">
      <c r="D27703" s="6">
        <v>2352.6880000000001</v>
      </c>
      <c r="E27703" s="6">
        <v>1105.6020000000001</v>
      </c>
    </row>
    <row r="27704" spans="4:5" x14ac:dyDescent="0.25">
      <c r="D27704" s="6">
        <v>959.31640000000004</v>
      </c>
      <c r="E27704" s="6">
        <v>5926.8469999999998</v>
      </c>
    </row>
    <row r="27705" spans="4:5" x14ac:dyDescent="0.25">
      <c r="D27705" s="6">
        <v>1697.779</v>
      </c>
      <c r="E27705" s="6">
        <v>558.85059999999999</v>
      </c>
    </row>
    <row r="27706" spans="4:5" x14ac:dyDescent="0.25">
      <c r="D27706" s="6">
        <v>1765.9970000000001</v>
      </c>
      <c r="E27706" s="6">
        <v>1611.0329999999999</v>
      </c>
    </row>
    <row r="27707" spans="4:5" x14ac:dyDescent="0.25">
      <c r="D27707" s="6">
        <v>2541.2199999999998</v>
      </c>
      <c r="E27707" s="6">
        <v>745.44439999999997</v>
      </c>
    </row>
    <row r="27708" spans="4:5" x14ac:dyDescent="0.25">
      <c r="D27708" s="6">
        <v>1386.4110000000001</v>
      </c>
      <c r="E27708" s="6">
        <v>4550.4260000000004</v>
      </c>
    </row>
    <row r="27709" spans="4:5" x14ac:dyDescent="0.25">
      <c r="D27709" s="6">
        <v>527.9973</v>
      </c>
      <c r="E27709" s="6">
        <v>455.82069999999999</v>
      </c>
    </row>
    <row r="27710" spans="4:5" x14ac:dyDescent="0.25">
      <c r="D27710" s="6">
        <v>901.8569</v>
      </c>
      <c r="E27710" s="6">
        <v>1254.731</v>
      </c>
    </row>
    <row r="27711" spans="4:5" x14ac:dyDescent="0.25">
      <c r="D27711" s="6">
        <v>2311.5259999999998</v>
      </c>
      <c r="E27711" s="6">
        <v>1552.9749999999999</v>
      </c>
    </row>
    <row r="27712" spans="4:5" x14ac:dyDescent="0.25">
      <c r="D27712" s="6">
        <v>1066.8050000000001</v>
      </c>
      <c r="E27712" s="6">
        <v>473.89769999999999</v>
      </c>
    </row>
    <row r="27713" spans="4:5" x14ac:dyDescent="0.25">
      <c r="D27713" s="6">
        <v>1546.8810000000001</v>
      </c>
      <c r="E27713" s="6">
        <v>940.88499999999999</v>
      </c>
    </row>
    <row r="27714" spans="4:5" x14ac:dyDescent="0.25">
      <c r="D27714" s="6">
        <v>1291.7829999999999</v>
      </c>
      <c r="E27714" s="6">
        <v>1141.085</v>
      </c>
    </row>
    <row r="27715" spans="4:5" x14ac:dyDescent="0.25">
      <c r="D27715" s="6">
        <v>1746.2460000000001</v>
      </c>
      <c r="E27715" s="6">
        <v>3003.2530000000002</v>
      </c>
    </row>
    <row r="27716" spans="4:5" x14ac:dyDescent="0.25">
      <c r="D27716" s="6">
        <v>2111.982</v>
      </c>
      <c r="E27716" s="6">
        <v>928.32169999999996</v>
      </c>
    </row>
    <row r="27717" spans="4:5" x14ac:dyDescent="0.25">
      <c r="D27717" s="6">
        <v>1603.9369999999999</v>
      </c>
      <c r="E27717" s="6">
        <v>1013.7569999999999</v>
      </c>
    </row>
    <row r="27718" spans="4:5" x14ac:dyDescent="0.25">
      <c r="D27718" s="6">
        <v>1418.9570000000001</v>
      </c>
      <c r="E27718" s="6">
        <v>1580.8979999999999</v>
      </c>
    </row>
    <row r="27719" spans="4:5" x14ac:dyDescent="0.25">
      <c r="D27719" s="6">
        <v>1436.2539999999999</v>
      </c>
      <c r="E27719" s="6">
        <v>1299.741</v>
      </c>
    </row>
    <row r="27720" spans="4:5" x14ac:dyDescent="0.25">
      <c r="D27720" s="6">
        <v>1366.799</v>
      </c>
      <c r="E27720" s="6">
        <v>612</v>
      </c>
    </row>
    <row r="27721" spans="4:5" x14ac:dyDescent="0.25">
      <c r="D27721" s="6">
        <v>1717</v>
      </c>
      <c r="E27721" s="6">
        <v>3657.3809999999999</v>
      </c>
    </row>
    <row r="27722" spans="4:5" x14ac:dyDescent="0.25">
      <c r="D27722" s="6">
        <v>1163.123</v>
      </c>
      <c r="E27722" s="6">
        <v>1490.182</v>
      </c>
    </row>
    <row r="27723" spans="4:5" x14ac:dyDescent="0.25">
      <c r="D27723" s="6">
        <v>4720.0780000000004</v>
      </c>
      <c r="E27723" s="6">
        <v>3138.7510000000002</v>
      </c>
    </row>
    <row r="27724" spans="4:5" x14ac:dyDescent="0.25">
      <c r="D27724" s="6">
        <v>607.98220000000003</v>
      </c>
      <c r="E27724" s="6">
        <v>225.94300000000001</v>
      </c>
    </row>
    <row r="27725" spans="4:5" x14ac:dyDescent="0.25">
      <c r="D27725" s="6">
        <v>754.70230000000004</v>
      </c>
      <c r="E27725" s="6">
        <v>915.17729999999995</v>
      </c>
    </row>
    <row r="27726" spans="4:5" x14ac:dyDescent="0.25">
      <c r="D27726" s="6">
        <v>2285.279</v>
      </c>
      <c r="E27726" s="6">
        <v>973.07010000000002</v>
      </c>
    </row>
    <row r="27727" spans="4:5" x14ac:dyDescent="0.25">
      <c r="D27727" s="6">
        <v>1553.539</v>
      </c>
      <c r="E27727" s="6">
        <v>4982.9520000000002</v>
      </c>
    </row>
    <row r="27728" spans="4:5" x14ac:dyDescent="0.25">
      <c r="D27728" s="6">
        <v>633.50340000000006</v>
      </c>
      <c r="E27728" s="6">
        <v>549.15250000000003</v>
      </c>
    </row>
    <row r="27729" spans="4:5" x14ac:dyDescent="0.25">
      <c r="D27729" s="6">
        <v>1046.72</v>
      </c>
      <c r="E27729" s="6">
        <v>696.24109999999996</v>
      </c>
    </row>
    <row r="27730" spans="4:5" x14ac:dyDescent="0.25">
      <c r="D27730" s="6">
        <v>1212.779</v>
      </c>
      <c r="E27730" s="6">
        <v>2394.85</v>
      </c>
    </row>
    <row r="27731" spans="4:5" x14ac:dyDescent="0.25">
      <c r="D27731" s="6">
        <v>1676.9549999999999</v>
      </c>
      <c r="E27731" s="6">
        <v>1880.1569999999999</v>
      </c>
    </row>
    <row r="27732" spans="4:5" x14ac:dyDescent="0.25">
      <c r="D27732" s="6">
        <v>1582.115</v>
      </c>
      <c r="E27732" s="6">
        <v>1364.0350000000001</v>
      </c>
    </row>
    <row r="27733" spans="4:5" x14ac:dyDescent="0.25">
      <c r="D27733" s="6">
        <v>787.39369999999997</v>
      </c>
      <c r="E27733" s="6">
        <v>1683.973</v>
      </c>
    </row>
    <row r="27734" spans="4:5" x14ac:dyDescent="0.25">
      <c r="D27734" s="6">
        <v>1113.76</v>
      </c>
      <c r="E27734" s="6">
        <v>518.72640000000001</v>
      </c>
    </row>
    <row r="27735" spans="4:5" x14ac:dyDescent="0.25">
      <c r="D27735" s="6">
        <v>1734.4390000000001</v>
      </c>
      <c r="E27735" s="6">
        <v>1054.0360000000001</v>
      </c>
    </row>
    <row r="27736" spans="4:5" x14ac:dyDescent="0.25">
      <c r="D27736" s="6">
        <v>1340.3969999999999</v>
      </c>
      <c r="E27736" s="6">
        <v>1141.492</v>
      </c>
    </row>
    <row r="27737" spans="4:5" x14ac:dyDescent="0.25">
      <c r="D27737" s="6">
        <v>1112</v>
      </c>
      <c r="E27737" s="6">
        <v>1172.3720000000001</v>
      </c>
    </row>
    <row r="27738" spans="4:5" x14ac:dyDescent="0.25">
      <c r="D27738" s="6">
        <v>2533.538</v>
      </c>
      <c r="E27738" s="6">
        <v>1671.491</v>
      </c>
    </row>
    <row r="27739" spans="4:5" x14ac:dyDescent="0.25">
      <c r="D27739" s="6">
        <v>1684.384</v>
      </c>
      <c r="E27739" s="6">
        <v>1543.752</v>
      </c>
    </row>
    <row r="27740" spans="4:5" x14ac:dyDescent="0.25">
      <c r="D27740" s="6">
        <v>1375.1379999999999</v>
      </c>
      <c r="E27740" s="6">
        <v>668.78290000000004</v>
      </c>
    </row>
    <row r="27741" spans="4:5" x14ac:dyDescent="0.25">
      <c r="D27741" s="6">
        <v>1304.3800000000001</v>
      </c>
      <c r="E27741" s="6">
        <v>1484.44</v>
      </c>
    </row>
    <row r="27742" spans="4:5" x14ac:dyDescent="0.25">
      <c r="D27742" s="6">
        <v>1755.1210000000001</v>
      </c>
      <c r="E27742" s="6">
        <v>2115.59</v>
      </c>
    </row>
    <row r="27743" spans="4:5" x14ac:dyDescent="0.25">
      <c r="D27743" s="6">
        <v>547.39419999999996</v>
      </c>
      <c r="E27743" s="6">
        <v>3398.5709999999999</v>
      </c>
    </row>
    <row r="27744" spans="4:5" x14ac:dyDescent="0.25">
      <c r="D27744" s="6">
        <v>937.94240000000002</v>
      </c>
      <c r="E27744" s="6">
        <v>1258.4000000000001</v>
      </c>
    </row>
    <row r="27745" spans="4:5" x14ac:dyDescent="0.25">
      <c r="D27745" s="6">
        <v>1175.133</v>
      </c>
      <c r="E27745" s="6">
        <v>1572.8230000000001</v>
      </c>
    </row>
    <row r="27746" spans="4:5" x14ac:dyDescent="0.25">
      <c r="D27746" s="6">
        <v>1308.559</v>
      </c>
      <c r="E27746" s="6">
        <v>1164.07</v>
      </c>
    </row>
    <row r="27747" spans="4:5" x14ac:dyDescent="0.25">
      <c r="D27747" s="6">
        <v>761.01750000000004</v>
      </c>
      <c r="E27747" s="6">
        <v>1289.453</v>
      </c>
    </row>
    <row r="27748" spans="4:5" x14ac:dyDescent="0.25">
      <c r="D27748" s="6">
        <v>1837.385</v>
      </c>
      <c r="E27748" s="6">
        <v>1002.08</v>
      </c>
    </row>
    <row r="27749" spans="4:5" x14ac:dyDescent="0.25">
      <c r="D27749" s="6">
        <v>625.48699999999997</v>
      </c>
      <c r="E27749" s="6">
        <v>954.85940000000005</v>
      </c>
    </row>
    <row r="27750" spans="4:5" x14ac:dyDescent="0.25">
      <c r="D27750" s="6">
        <v>1558.5160000000001</v>
      </c>
      <c r="E27750" s="6">
        <v>1021.948</v>
      </c>
    </row>
    <row r="27751" spans="4:5" x14ac:dyDescent="0.25">
      <c r="D27751" s="6">
        <v>1332.78</v>
      </c>
      <c r="E27751" s="6">
        <v>1084.9949999999999</v>
      </c>
    </row>
    <row r="27752" spans="4:5" x14ac:dyDescent="0.25">
      <c r="D27752" s="6">
        <v>1198.6479999999999</v>
      </c>
      <c r="E27752" s="6">
        <v>1188.6489999999999</v>
      </c>
    </row>
    <row r="27753" spans="4:5" x14ac:dyDescent="0.25">
      <c r="D27753" s="6">
        <v>1141.5609999999999</v>
      </c>
      <c r="E27753" s="6">
        <v>2879.2130000000002</v>
      </c>
    </row>
    <row r="27754" spans="4:5" x14ac:dyDescent="0.25">
      <c r="D27754" s="6">
        <v>2367.9609999999998</v>
      </c>
      <c r="E27754" s="6">
        <v>795.07529999999997</v>
      </c>
    </row>
    <row r="27755" spans="4:5" x14ac:dyDescent="0.25">
      <c r="D27755" s="6">
        <v>1539.8989999999999</v>
      </c>
      <c r="E27755" s="6">
        <v>829.13919999999996</v>
      </c>
    </row>
    <row r="27756" spans="4:5" x14ac:dyDescent="0.25">
      <c r="D27756" s="6">
        <v>1438.644</v>
      </c>
      <c r="E27756" s="6">
        <v>902.44849999999997</v>
      </c>
    </row>
    <row r="27757" spans="4:5" x14ac:dyDescent="0.25">
      <c r="D27757" s="6">
        <v>3709.7979999999998</v>
      </c>
      <c r="E27757" s="6">
        <v>3120.4540000000002</v>
      </c>
    </row>
    <row r="27758" spans="4:5" x14ac:dyDescent="0.25">
      <c r="D27758" s="6">
        <v>745.45809999999994</v>
      </c>
      <c r="E27758" s="6">
        <v>2289.9270000000001</v>
      </c>
    </row>
    <row r="27759" spans="4:5" x14ac:dyDescent="0.25">
      <c r="D27759" s="6">
        <v>1098.9280000000001</v>
      </c>
      <c r="E27759" s="6">
        <v>851.56140000000005</v>
      </c>
    </row>
    <row r="27760" spans="4:5" x14ac:dyDescent="0.25">
      <c r="D27760" s="6">
        <v>833.32159999999999</v>
      </c>
      <c r="E27760" s="6">
        <v>1293.848</v>
      </c>
    </row>
    <row r="27761" spans="4:5" x14ac:dyDescent="0.25">
      <c r="D27761" s="6">
        <v>960.54390000000001</v>
      </c>
      <c r="E27761" s="6">
        <v>1109.402</v>
      </c>
    </row>
    <row r="27762" spans="4:5" x14ac:dyDescent="0.25">
      <c r="D27762" s="6">
        <v>311.27269999999999</v>
      </c>
      <c r="E27762" s="6">
        <v>770.12019999999995</v>
      </c>
    </row>
    <row r="27763" spans="4:5" x14ac:dyDescent="0.25">
      <c r="D27763" s="6">
        <v>1958.4380000000001</v>
      </c>
      <c r="E27763" s="6">
        <v>514.47080000000005</v>
      </c>
    </row>
    <row r="27764" spans="4:5" x14ac:dyDescent="0.25">
      <c r="D27764" s="6">
        <v>4850.3339999999998</v>
      </c>
      <c r="E27764" s="6">
        <v>1089.1880000000001</v>
      </c>
    </row>
    <row r="27765" spans="4:5" x14ac:dyDescent="0.25">
      <c r="D27765" s="6">
        <v>1199.4159999999999</v>
      </c>
      <c r="E27765" s="6">
        <v>1866.6559999999999</v>
      </c>
    </row>
    <row r="27766" spans="4:5" x14ac:dyDescent="0.25">
      <c r="D27766" s="6">
        <v>812.9769</v>
      </c>
      <c r="E27766" s="6">
        <v>1002.722</v>
      </c>
    </row>
    <row r="27767" spans="4:5" x14ac:dyDescent="0.25">
      <c r="D27767" s="6">
        <v>1630.692</v>
      </c>
      <c r="E27767" s="6">
        <v>642.97040000000004</v>
      </c>
    </row>
    <row r="27768" spans="4:5" x14ac:dyDescent="0.25">
      <c r="D27768" s="6">
        <v>1884.739</v>
      </c>
      <c r="E27768" s="6">
        <v>1324.64</v>
      </c>
    </row>
    <row r="27769" spans="4:5" x14ac:dyDescent="0.25">
      <c r="D27769" s="6">
        <v>1648.9659999999999</v>
      </c>
      <c r="E27769" s="6">
        <v>1104.6569999999999</v>
      </c>
    </row>
    <row r="27770" spans="4:5" x14ac:dyDescent="0.25">
      <c r="D27770" s="6">
        <v>1825.1410000000001</v>
      </c>
      <c r="E27770" s="6">
        <v>4618.5140000000001</v>
      </c>
    </row>
    <row r="27771" spans="4:5" x14ac:dyDescent="0.25">
      <c r="D27771" s="6">
        <v>894.94719999999995</v>
      </c>
      <c r="E27771" s="6">
        <v>1157.2529999999999</v>
      </c>
    </row>
    <row r="27772" spans="4:5" x14ac:dyDescent="0.25">
      <c r="D27772" s="6">
        <v>1529.4280000000001</v>
      </c>
      <c r="E27772" s="6">
        <v>830.22170000000006</v>
      </c>
    </row>
    <row r="27773" spans="4:5" x14ac:dyDescent="0.25">
      <c r="D27773" s="6">
        <v>1206.845</v>
      </c>
      <c r="E27773" s="6">
        <v>882.38990000000001</v>
      </c>
    </row>
    <row r="27774" spans="4:5" x14ac:dyDescent="0.25">
      <c r="D27774" s="6">
        <v>1508.511</v>
      </c>
      <c r="E27774" s="6">
        <v>913.29579999999999</v>
      </c>
    </row>
    <row r="27775" spans="4:5" x14ac:dyDescent="0.25">
      <c r="D27775" s="6">
        <v>2397.2350000000001</v>
      </c>
      <c r="E27775" s="6">
        <v>462.54469999999998</v>
      </c>
    </row>
    <row r="27776" spans="4:5" x14ac:dyDescent="0.25">
      <c r="D27776" s="6">
        <v>520.28459999999995</v>
      </c>
      <c r="E27776" s="6">
        <v>574.96609999999998</v>
      </c>
    </row>
    <row r="27777" spans="4:5" x14ac:dyDescent="0.25">
      <c r="D27777" s="6">
        <v>779.50850000000003</v>
      </c>
      <c r="E27777" s="6">
        <v>1538.9390000000001</v>
      </c>
    </row>
    <row r="27778" spans="4:5" x14ac:dyDescent="0.25">
      <c r="D27778" s="6">
        <v>1986.546</v>
      </c>
      <c r="E27778" s="6">
        <v>935.50919999999996</v>
      </c>
    </row>
    <row r="27779" spans="4:5" x14ac:dyDescent="0.25">
      <c r="D27779" s="6">
        <v>360.58800000000002</v>
      </c>
      <c r="E27779" s="6">
        <v>3833.7730000000001</v>
      </c>
    </row>
    <row r="27780" spans="4:5" x14ac:dyDescent="0.25">
      <c r="D27780" s="6">
        <v>1189.2639999999999</v>
      </c>
      <c r="E27780" s="6">
        <v>982.7627</v>
      </c>
    </row>
    <row r="27781" spans="4:5" x14ac:dyDescent="0.25">
      <c r="D27781" s="6">
        <v>1577.1089999999999</v>
      </c>
      <c r="E27781" s="6">
        <v>1157.3409999999999</v>
      </c>
    </row>
    <row r="27782" spans="4:5" x14ac:dyDescent="0.25">
      <c r="D27782" s="6">
        <v>3143.3270000000002</v>
      </c>
      <c r="E27782" s="6">
        <v>892.6902</v>
      </c>
    </row>
    <row r="27783" spans="4:5" x14ac:dyDescent="0.25">
      <c r="D27783" s="6">
        <v>898.38070000000005</v>
      </c>
      <c r="E27783" s="6">
        <v>1217.3009999999999</v>
      </c>
    </row>
    <row r="27784" spans="4:5" x14ac:dyDescent="0.25">
      <c r="D27784" s="6">
        <v>1649.3869999999999</v>
      </c>
      <c r="E27784" s="6">
        <v>880.73009999999999</v>
      </c>
    </row>
    <row r="27785" spans="4:5" x14ac:dyDescent="0.25">
      <c r="D27785" s="6">
        <v>581.899</v>
      </c>
      <c r="E27785" s="6">
        <v>1020.05</v>
      </c>
    </row>
    <row r="27786" spans="4:5" x14ac:dyDescent="0.25">
      <c r="D27786" s="6">
        <v>1458.01</v>
      </c>
      <c r="E27786" s="6">
        <v>1034</v>
      </c>
    </row>
    <row r="27787" spans="4:5" x14ac:dyDescent="0.25">
      <c r="D27787" s="6">
        <v>1514.4169999999999</v>
      </c>
      <c r="E27787" s="6">
        <v>853.38189999999997</v>
      </c>
    </row>
    <row r="27788" spans="4:5" x14ac:dyDescent="0.25">
      <c r="D27788" s="6">
        <v>1430.2159999999999</v>
      </c>
      <c r="E27788" s="6">
        <v>451.80189999999999</v>
      </c>
    </row>
    <row r="27789" spans="4:5" x14ac:dyDescent="0.25">
      <c r="D27789" s="6">
        <v>1322.6510000000001</v>
      </c>
      <c r="E27789" s="6">
        <v>1026.2750000000001</v>
      </c>
    </row>
    <row r="27790" spans="4:5" x14ac:dyDescent="0.25">
      <c r="D27790" s="6">
        <v>663.53589999999997</v>
      </c>
      <c r="E27790" s="6">
        <v>1066.6099999999999</v>
      </c>
    </row>
    <row r="27791" spans="4:5" x14ac:dyDescent="0.25">
      <c r="D27791" s="6">
        <v>1138.4649999999999</v>
      </c>
      <c r="E27791" s="6">
        <v>3169.491</v>
      </c>
    </row>
    <row r="27792" spans="4:5" x14ac:dyDescent="0.25">
      <c r="D27792" s="6">
        <v>1367.652</v>
      </c>
      <c r="E27792" s="6">
        <v>941.67989999999998</v>
      </c>
    </row>
    <row r="27793" spans="4:5" x14ac:dyDescent="0.25">
      <c r="D27793" s="6">
        <v>1223.9770000000001</v>
      </c>
      <c r="E27793" s="6">
        <v>587.16</v>
      </c>
    </row>
    <row r="27794" spans="4:5" x14ac:dyDescent="0.25">
      <c r="D27794" s="6">
        <v>1402.3920000000001</v>
      </c>
      <c r="E27794" s="6">
        <v>590.69259999999997</v>
      </c>
    </row>
    <row r="27795" spans="4:5" x14ac:dyDescent="0.25">
      <c r="D27795" s="6">
        <v>773.57680000000005</v>
      </c>
      <c r="E27795" s="6">
        <v>1052.3579999999999</v>
      </c>
    </row>
    <row r="27796" spans="4:5" x14ac:dyDescent="0.25">
      <c r="D27796" s="6">
        <v>1740</v>
      </c>
      <c r="E27796" s="6">
        <v>511.68740000000003</v>
      </c>
    </row>
    <row r="27797" spans="4:5" x14ac:dyDescent="0.25">
      <c r="D27797" s="6">
        <v>1610.8019999999999</v>
      </c>
      <c r="E27797" s="6">
        <v>4692.9690000000001</v>
      </c>
    </row>
    <row r="27798" spans="4:5" x14ac:dyDescent="0.25">
      <c r="D27798" s="6">
        <v>1289.163</v>
      </c>
      <c r="E27798" s="6">
        <v>546.94640000000004</v>
      </c>
    </row>
    <row r="27799" spans="4:5" x14ac:dyDescent="0.25">
      <c r="D27799" s="6">
        <v>1044.8610000000001</v>
      </c>
      <c r="E27799" s="6">
        <v>480.63869999999997</v>
      </c>
    </row>
    <row r="27800" spans="4:5" x14ac:dyDescent="0.25">
      <c r="D27800" s="6">
        <v>5342</v>
      </c>
      <c r="E27800" s="6">
        <v>524.89850000000001</v>
      </c>
    </row>
    <row r="27801" spans="4:5" x14ac:dyDescent="0.25">
      <c r="D27801" s="6">
        <v>600.5</v>
      </c>
      <c r="E27801" s="6">
        <v>2713.2179999999998</v>
      </c>
    </row>
    <row r="27802" spans="4:5" x14ac:dyDescent="0.25">
      <c r="D27802" s="6">
        <v>952.73630000000003</v>
      </c>
      <c r="E27802" s="6">
        <v>596.88850000000002</v>
      </c>
    </row>
    <row r="27803" spans="4:5" x14ac:dyDescent="0.25">
      <c r="D27803" s="6">
        <v>1748.771</v>
      </c>
      <c r="E27803" s="6">
        <v>1013.739</v>
      </c>
    </row>
    <row r="27804" spans="4:5" x14ac:dyDescent="0.25">
      <c r="D27804" s="6">
        <v>2927.7220000000002</v>
      </c>
      <c r="E27804" s="6">
        <v>668.63760000000002</v>
      </c>
    </row>
    <row r="27805" spans="4:5" x14ac:dyDescent="0.25">
      <c r="D27805" s="6">
        <v>846.03539999999998</v>
      </c>
      <c r="E27805" s="6">
        <v>579.21990000000005</v>
      </c>
    </row>
    <row r="27806" spans="4:5" x14ac:dyDescent="0.25">
      <c r="D27806" s="6">
        <v>1307.585</v>
      </c>
      <c r="E27806" s="6">
        <v>2922.0949999999998</v>
      </c>
    </row>
    <row r="27807" spans="4:5" x14ac:dyDescent="0.25">
      <c r="D27807" s="6">
        <v>1586.9469999999999</v>
      </c>
      <c r="E27807" s="6">
        <v>4656.9610000000002</v>
      </c>
    </row>
    <row r="27808" spans="4:5" x14ac:dyDescent="0.25">
      <c r="D27808" s="6">
        <v>1390.3610000000001</v>
      </c>
      <c r="E27808" s="6">
        <v>1480.5340000000001</v>
      </c>
    </row>
    <row r="27809" spans="4:5" x14ac:dyDescent="0.25">
      <c r="D27809" s="6">
        <v>4153.4809999999998</v>
      </c>
      <c r="E27809" s="6">
        <v>1922.05</v>
      </c>
    </row>
    <row r="27810" spans="4:5" x14ac:dyDescent="0.25">
      <c r="D27810" s="6">
        <v>2993.3850000000002</v>
      </c>
      <c r="E27810" s="6">
        <v>1698.384</v>
      </c>
    </row>
    <row r="27811" spans="4:5" x14ac:dyDescent="0.25">
      <c r="D27811" s="6">
        <v>1548.8109999999999</v>
      </c>
      <c r="E27811" s="6">
        <v>464.88170000000002</v>
      </c>
    </row>
    <row r="27812" spans="4:5" x14ac:dyDescent="0.25">
      <c r="D27812" s="6">
        <v>1101.7049999999999</v>
      </c>
      <c r="E27812" s="6">
        <v>871</v>
      </c>
    </row>
    <row r="27813" spans="4:5" x14ac:dyDescent="0.25">
      <c r="D27813" s="6">
        <v>5173.9290000000001</v>
      </c>
      <c r="E27813" s="6">
        <v>1828.085</v>
      </c>
    </row>
    <row r="27814" spans="4:5" x14ac:dyDescent="0.25">
      <c r="D27814" s="6">
        <v>1430.7260000000001</v>
      </c>
      <c r="E27814" s="6">
        <v>975.59969999999998</v>
      </c>
    </row>
    <row r="27815" spans="4:5" x14ac:dyDescent="0.25">
      <c r="D27815" s="6">
        <v>1450.0239999999999</v>
      </c>
      <c r="E27815" s="6">
        <v>1406.902</v>
      </c>
    </row>
    <row r="27816" spans="4:5" x14ac:dyDescent="0.25">
      <c r="D27816" s="6">
        <v>884.37890000000004</v>
      </c>
      <c r="E27816" s="6">
        <v>1042.123</v>
      </c>
    </row>
    <row r="27817" spans="4:5" x14ac:dyDescent="0.25">
      <c r="D27817" s="6">
        <v>2018.3430000000001</v>
      </c>
      <c r="E27817" s="6">
        <v>1262.3440000000001</v>
      </c>
    </row>
    <row r="27818" spans="4:5" x14ac:dyDescent="0.25">
      <c r="D27818" s="6">
        <v>1894.3810000000001</v>
      </c>
      <c r="E27818" s="6">
        <v>1695.902</v>
      </c>
    </row>
    <row r="27819" spans="4:5" x14ac:dyDescent="0.25">
      <c r="D27819" s="6">
        <v>1248.623</v>
      </c>
      <c r="E27819" s="6">
        <v>1095.52</v>
      </c>
    </row>
    <row r="27820" spans="4:5" x14ac:dyDescent="0.25">
      <c r="D27820" s="6">
        <v>928.97649999999999</v>
      </c>
      <c r="E27820" s="6">
        <v>6975.902</v>
      </c>
    </row>
    <row r="27821" spans="4:5" x14ac:dyDescent="0.25">
      <c r="D27821" s="6">
        <v>2198.308</v>
      </c>
      <c r="E27821" s="6">
        <v>936.35119999999995</v>
      </c>
    </row>
    <row r="27822" spans="4:5" x14ac:dyDescent="0.25">
      <c r="D27822" s="6">
        <v>1332.3520000000001</v>
      </c>
      <c r="E27822" s="6">
        <v>1875.8</v>
      </c>
    </row>
    <row r="27823" spans="4:5" x14ac:dyDescent="0.25">
      <c r="D27823" s="6">
        <v>2989.0529999999999</v>
      </c>
      <c r="E27823" s="6">
        <v>506.79270000000002</v>
      </c>
    </row>
    <row r="27824" spans="4:5" x14ac:dyDescent="0.25">
      <c r="D27824" s="6">
        <v>4791.6769999999997</v>
      </c>
      <c r="E27824" s="6">
        <v>6455.7839999999997</v>
      </c>
    </row>
    <row r="27825" spans="4:5" x14ac:dyDescent="0.25">
      <c r="D27825" s="6">
        <v>1341.673</v>
      </c>
      <c r="E27825" s="6">
        <v>1043.125</v>
      </c>
    </row>
    <row r="27826" spans="4:5" x14ac:dyDescent="0.25">
      <c r="D27826" s="6">
        <v>711.79909999999995</v>
      </c>
      <c r="E27826" s="6">
        <v>473.09219999999999</v>
      </c>
    </row>
    <row r="27827" spans="4:5" x14ac:dyDescent="0.25">
      <c r="D27827" s="6">
        <v>935.62130000000002</v>
      </c>
      <c r="E27827" s="6">
        <v>1394.9159999999999</v>
      </c>
    </row>
    <row r="27828" spans="4:5" x14ac:dyDescent="0.25">
      <c r="D27828" s="6">
        <v>1375.5989999999999</v>
      </c>
      <c r="E27828" s="6">
        <v>881.64970000000005</v>
      </c>
    </row>
    <row r="27829" spans="4:5" x14ac:dyDescent="0.25">
      <c r="D27829" s="6">
        <v>921.11839999999995</v>
      </c>
      <c r="E27829" s="6">
        <v>1858.8530000000001</v>
      </c>
    </row>
    <row r="27830" spans="4:5" x14ac:dyDescent="0.25">
      <c r="D27830" s="6">
        <v>1686.771</v>
      </c>
      <c r="E27830" s="6">
        <v>1838.761</v>
      </c>
    </row>
    <row r="27831" spans="4:5" x14ac:dyDescent="0.25">
      <c r="D27831" s="6">
        <v>867.37120000000004</v>
      </c>
      <c r="E27831" s="6">
        <v>2054.576</v>
      </c>
    </row>
    <row r="27832" spans="4:5" x14ac:dyDescent="0.25">
      <c r="D27832" s="6">
        <v>349.66669999999999</v>
      </c>
      <c r="E27832" s="6">
        <v>522.43129999999996</v>
      </c>
    </row>
    <row r="27833" spans="4:5" x14ac:dyDescent="0.25">
      <c r="D27833" s="6">
        <v>885.71429999999998</v>
      </c>
      <c r="E27833" s="6">
        <v>2521.3470000000002</v>
      </c>
    </row>
    <row r="27834" spans="4:5" x14ac:dyDescent="0.25">
      <c r="D27834" s="6">
        <v>5302.8649999999998</v>
      </c>
      <c r="E27834" s="6">
        <v>457.65989999999999</v>
      </c>
    </row>
    <row r="27835" spans="4:5" x14ac:dyDescent="0.25">
      <c r="D27835" s="6">
        <v>1001.907</v>
      </c>
      <c r="E27835" s="6">
        <v>438.52269999999999</v>
      </c>
    </row>
    <row r="27836" spans="4:5" x14ac:dyDescent="0.25">
      <c r="D27836" s="6">
        <v>1987.1010000000001</v>
      </c>
      <c r="E27836" s="6">
        <v>742.67719999999997</v>
      </c>
    </row>
    <row r="27837" spans="4:5" x14ac:dyDescent="0.25">
      <c r="D27837" s="6">
        <v>1503.027</v>
      </c>
      <c r="E27837" s="6">
        <v>576.44690000000003</v>
      </c>
    </row>
    <row r="27838" spans="4:5" x14ac:dyDescent="0.25">
      <c r="D27838" s="6">
        <v>2870.8069999999998</v>
      </c>
      <c r="E27838" s="6">
        <v>1524.182</v>
      </c>
    </row>
    <row r="27839" spans="4:5" x14ac:dyDescent="0.25">
      <c r="D27839" s="6">
        <v>1459.2429999999999</v>
      </c>
      <c r="E27839" s="6">
        <v>1230.5509999999999</v>
      </c>
    </row>
    <row r="27840" spans="4:5" x14ac:dyDescent="0.25">
      <c r="D27840" s="6">
        <v>1544.502</v>
      </c>
      <c r="E27840" s="6">
        <v>916.68179999999995</v>
      </c>
    </row>
    <row r="27841" spans="4:5" x14ac:dyDescent="0.25">
      <c r="D27841" s="6">
        <v>4693.6750000000002</v>
      </c>
      <c r="E27841" s="6">
        <v>2568.2910000000002</v>
      </c>
    </row>
    <row r="27842" spans="4:5" x14ac:dyDescent="0.25">
      <c r="D27842" s="6">
        <v>3037.6979999999999</v>
      </c>
      <c r="E27842" s="6">
        <v>992.61170000000004</v>
      </c>
    </row>
    <row r="27843" spans="4:5" x14ac:dyDescent="0.25">
      <c r="D27843" s="6">
        <v>7470.8329999999996</v>
      </c>
      <c r="E27843" s="6">
        <v>1206.0309999999999</v>
      </c>
    </row>
    <row r="27844" spans="4:5" x14ac:dyDescent="0.25">
      <c r="D27844" s="6">
        <v>1515.7049999999999</v>
      </c>
      <c r="E27844" s="6">
        <v>559.1318</v>
      </c>
    </row>
    <row r="27845" spans="4:5" x14ac:dyDescent="0.25">
      <c r="D27845" s="6">
        <v>1187.3920000000001</v>
      </c>
      <c r="E27845" s="6">
        <v>1496.2249999999999</v>
      </c>
    </row>
    <row r="27846" spans="4:5" x14ac:dyDescent="0.25">
      <c r="D27846" s="6">
        <v>1110.3320000000001</v>
      </c>
      <c r="E27846" s="6">
        <v>888.52719999999999</v>
      </c>
    </row>
    <row r="27847" spans="4:5" x14ac:dyDescent="0.25">
      <c r="D27847" s="6">
        <v>1428.326</v>
      </c>
      <c r="E27847" s="6">
        <v>796.59649999999999</v>
      </c>
    </row>
    <row r="27848" spans="4:5" x14ac:dyDescent="0.25">
      <c r="D27848" s="6">
        <v>1352.6089999999999</v>
      </c>
      <c r="E27848" s="6">
        <v>2415.6860000000001</v>
      </c>
    </row>
    <row r="27849" spans="4:5" x14ac:dyDescent="0.25">
      <c r="D27849" s="6">
        <v>1506.864</v>
      </c>
      <c r="E27849" s="6">
        <v>835.18600000000004</v>
      </c>
    </row>
    <row r="27850" spans="4:5" x14ac:dyDescent="0.25">
      <c r="D27850" s="6">
        <v>1488.212</v>
      </c>
      <c r="E27850" s="6">
        <v>493.03309999999999</v>
      </c>
    </row>
    <row r="27851" spans="4:5" x14ac:dyDescent="0.25">
      <c r="D27851" s="6">
        <v>837.1</v>
      </c>
      <c r="E27851" s="6">
        <v>765.53110000000004</v>
      </c>
    </row>
    <row r="27852" spans="4:5" x14ac:dyDescent="0.25">
      <c r="D27852" s="6">
        <v>4571.2870000000003</v>
      </c>
      <c r="E27852" s="6">
        <v>497.20089999999999</v>
      </c>
    </row>
    <row r="27853" spans="4:5" x14ac:dyDescent="0.25">
      <c r="D27853" s="6">
        <v>3727.1849999999999</v>
      </c>
      <c r="E27853" s="6">
        <v>2547.585</v>
      </c>
    </row>
    <row r="27854" spans="4:5" x14ac:dyDescent="0.25">
      <c r="D27854" s="6">
        <v>660.29960000000005</v>
      </c>
      <c r="E27854" s="6">
        <v>489.4058</v>
      </c>
    </row>
    <row r="27855" spans="4:5" x14ac:dyDescent="0.25">
      <c r="D27855" s="6">
        <v>1047.318</v>
      </c>
      <c r="E27855" s="6">
        <v>894.37750000000005</v>
      </c>
    </row>
    <row r="27856" spans="4:5" x14ac:dyDescent="0.25">
      <c r="D27856" s="6">
        <v>3236.2240000000002</v>
      </c>
      <c r="E27856" s="6">
        <v>1016.131</v>
      </c>
    </row>
    <row r="27857" spans="4:5" x14ac:dyDescent="0.25">
      <c r="D27857" s="6">
        <v>3097.7330000000002</v>
      </c>
      <c r="E27857" s="6">
        <v>2879.5</v>
      </c>
    </row>
    <row r="27858" spans="4:5" x14ac:dyDescent="0.25">
      <c r="D27858" s="6">
        <v>1116.278</v>
      </c>
      <c r="E27858" s="6">
        <v>1005.611</v>
      </c>
    </row>
    <row r="27859" spans="4:5" x14ac:dyDescent="0.25">
      <c r="D27859" s="6">
        <v>4728.4520000000002</v>
      </c>
      <c r="E27859" s="6">
        <v>1346.9870000000001</v>
      </c>
    </row>
    <row r="27860" spans="4:5" x14ac:dyDescent="0.25">
      <c r="D27860" s="6">
        <v>898.77110000000005</v>
      </c>
      <c r="E27860" s="6">
        <v>590.55719999999997</v>
      </c>
    </row>
    <row r="27861" spans="4:5" x14ac:dyDescent="0.25">
      <c r="D27861" s="6">
        <v>4956.4530000000004</v>
      </c>
      <c r="E27861" s="6">
        <v>2330.2429999999999</v>
      </c>
    </row>
    <row r="27862" spans="4:5" x14ac:dyDescent="0.25">
      <c r="D27862" s="6">
        <v>530.09230000000002</v>
      </c>
      <c r="E27862" s="6">
        <v>2446.1990000000001</v>
      </c>
    </row>
    <row r="27863" spans="4:5" x14ac:dyDescent="0.25">
      <c r="D27863" s="6">
        <v>1580.6469999999999</v>
      </c>
      <c r="E27863" s="6">
        <v>608.89580000000001</v>
      </c>
    </row>
    <row r="27864" spans="4:5" x14ac:dyDescent="0.25">
      <c r="D27864" s="6">
        <v>1475.0889999999999</v>
      </c>
      <c r="E27864" s="6">
        <v>2802.433</v>
      </c>
    </row>
    <row r="27865" spans="4:5" x14ac:dyDescent="0.25">
      <c r="D27865" s="6">
        <v>1695.3340000000001</v>
      </c>
      <c r="E27865" s="6">
        <v>829.48099999999999</v>
      </c>
    </row>
    <row r="27866" spans="4:5" x14ac:dyDescent="0.25">
      <c r="D27866" s="6">
        <v>2776.3980000000001</v>
      </c>
      <c r="E27866" s="6">
        <v>1541.521</v>
      </c>
    </row>
    <row r="27867" spans="4:5" x14ac:dyDescent="0.25">
      <c r="D27867" s="6">
        <v>1621.7059999999999</v>
      </c>
      <c r="E27867" s="6">
        <v>3846.2359999999999</v>
      </c>
    </row>
    <row r="27868" spans="4:5" x14ac:dyDescent="0.25">
      <c r="D27868" s="6">
        <v>802.8365</v>
      </c>
      <c r="E27868" s="6">
        <v>596.20650000000001</v>
      </c>
    </row>
    <row r="27869" spans="4:5" x14ac:dyDescent="0.25">
      <c r="D27869" s="6">
        <v>978.40030000000002</v>
      </c>
      <c r="E27869" s="6">
        <v>1210.4290000000001</v>
      </c>
    </row>
    <row r="27870" spans="4:5" x14ac:dyDescent="0.25">
      <c r="D27870" s="6">
        <v>1274.0319999999999</v>
      </c>
      <c r="E27870" s="6">
        <v>2276.8319999999999</v>
      </c>
    </row>
    <row r="27871" spans="4:5" x14ac:dyDescent="0.25">
      <c r="D27871" s="6">
        <v>1176.856</v>
      </c>
      <c r="E27871" s="6">
        <v>820.55010000000004</v>
      </c>
    </row>
    <row r="27872" spans="4:5" x14ac:dyDescent="0.25">
      <c r="D27872" s="6">
        <v>1152.5</v>
      </c>
      <c r="E27872" s="6">
        <v>2942.0630000000001</v>
      </c>
    </row>
    <row r="27873" spans="4:5" x14ac:dyDescent="0.25">
      <c r="D27873" s="6">
        <v>1046.5820000000001</v>
      </c>
      <c r="E27873" s="6">
        <v>1599.3240000000001</v>
      </c>
    </row>
    <row r="27874" spans="4:5" x14ac:dyDescent="0.25">
      <c r="D27874" s="6">
        <v>1977.143</v>
      </c>
      <c r="E27874" s="6">
        <v>1105.854</v>
      </c>
    </row>
    <row r="27875" spans="4:5" x14ac:dyDescent="0.25">
      <c r="D27875" s="6">
        <v>611.63620000000003</v>
      </c>
      <c r="E27875" s="6">
        <v>1362.568</v>
      </c>
    </row>
    <row r="27876" spans="4:5" x14ac:dyDescent="0.25">
      <c r="D27876" s="6">
        <v>4702.0280000000002</v>
      </c>
      <c r="E27876" s="6">
        <v>529.5</v>
      </c>
    </row>
    <row r="27877" spans="4:5" x14ac:dyDescent="0.25">
      <c r="D27877" s="6">
        <v>641.74990000000003</v>
      </c>
      <c r="E27877" s="6">
        <v>587.39779999999996</v>
      </c>
    </row>
    <row r="27878" spans="4:5" x14ac:dyDescent="0.25">
      <c r="D27878" s="6">
        <v>1223.4290000000001</v>
      </c>
      <c r="E27878" s="6">
        <v>1013.558</v>
      </c>
    </row>
    <row r="27879" spans="4:5" x14ac:dyDescent="0.25">
      <c r="D27879" s="6">
        <v>1657.2570000000001</v>
      </c>
      <c r="E27879" s="6">
        <v>1540.1189999999999</v>
      </c>
    </row>
    <row r="27880" spans="4:5" x14ac:dyDescent="0.25">
      <c r="D27880" s="6">
        <v>1487.0039999999999</v>
      </c>
      <c r="E27880" s="6">
        <v>253.84780000000001</v>
      </c>
    </row>
    <row r="27881" spans="4:5" x14ac:dyDescent="0.25">
      <c r="D27881" s="6">
        <v>1691.443</v>
      </c>
      <c r="E27881" s="6">
        <v>637.18910000000005</v>
      </c>
    </row>
    <row r="27882" spans="4:5" x14ac:dyDescent="0.25">
      <c r="D27882" s="6">
        <v>953.64949999999999</v>
      </c>
      <c r="E27882" s="6">
        <v>10373.459999999999</v>
      </c>
    </row>
    <row r="27883" spans="4:5" x14ac:dyDescent="0.25">
      <c r="D27883" s="6">
        <v>4453.45</v>
      </c>
      <c r="E27883" s="6">
        <v>3312.893</v>
      </c>
    </row>
    <row r="27884" spans="4:5" x14ac:dyDescent="0.25">
      <c r="D27884" s="6">
        <v>748.22069999999997</v>
      </c>
      <c r="E27884" s="6">
        <v>559.98900000000003</v>
      </c>
    </row>
    <row r="27885" spans="4:5" x14ac:dyDescent="0.25">
      <c r="D27885" s="6">
        <v>1260.4159999999999</v>
      </c>
      <c r="E27885" s="6">
        <v>1582.3889999999999</v>
      </c>
    </row>
    <row r="27886" spans="4:5" x14ac:dyDescent="0.25">
      <c r="D27886" s="6">
        <v>8596.0720000000001</v>
      </c>
      <c r="E27886" s="6">
        <v>1017.657</v>
      </c>
    </row>
    <row r="27887" spans="4:5" x14ac:dyDescent="0.25">
      <c r="D27887" s="6">
        <v>1937.835</v>
      </c>
      <c r="E27887" s="6">
        <v>2463.828</v>
      </c>
    </row>
    <row r="27888" spans="4:5" x14ac:dyDescent="0.25">
      <c r="D27888" s="6">
        <v>1200.1279999999999</v>
      </c>
      <c r="E27888" s="6">
        <v>2313.92</v>
      </c>
    </row>
    <row r="27889" spans="4:5" x14ac:dyDescent="0.25">
      <c r="D27889" s="6">
        <v>1054.6849999999999</v>
      </c>
      <c r="E27889" s="6">
        <v>926.48689999999999</v>
      </c>
    </row>
    <row r="27890" spans="4:5" x14ac:dyDescent="0.25">
      <c r="D27890" s="6">
        <v>1125.6880000000001</v>
      </c>
      <c r="E27890" s="6">
        <v>1485.7049999999999</v>
      </c>
    </row>
    <row r="27891" spans="4:5" x14ac:dyDescent="0.25">
      <c r="D27891" s="6">
        <v>1529.597</v>
      </c>
      <c r="E27891" s="6">
        <v>1510.0550000000001</v>
      </c>
    </row>
    <row r="27892" spans="4:5" x14ac:dyDescent="0.25">
      <c r="D27892" s="6">
        <v>2597.7620000000002</v>
      </c>
      <c r="E27892" s="6">
        <v>856.67660000000001</v>
      </c>
    </row>
    <row r="27893" spans="4:5" x14ac:dyDescent="0.25">
      <c r="D27893" s="6">
        <v>1155.2850000000001</v>
      </c>
      <c r="E27893" s="6">
        <v>551.46759999999995</v>
      </c>
    </row>
    <row r="27894" spans="4:5" x14ac:dyDescent="0.25">
      <c r="D27894" s="6">
        <v>748.6739</v>
      </c>
      <c r="E27894" s="6">
        <v>784.61450000000002</v>
      </c>
    </row>
    <row r="27895" spans="4:5" x14ac:dyDescent="0.25">
      <c r="D27895" s="6">
        <v>2121.1999999999998</v>
      </c>
      <c r="E27895" s="6">
        <v>462.55220000000003</v>
      </c>
    </row>
    <row r="27896" spans="4:5" x14ac:dyDescent="0.25">
      <c r="D27896" s="6">
        <v>12984.5</v>
      </c>
      <c r="E27896" s="6">
        <v>855.22460000000001</v>
      </c>
    </row>
    <row r="27897" spans="4:5" x14ac:dyDescent="0.25">
      <c r="D27897" s="6">
        <v>2960.6950000000002</v>
      </c>
      <c r="E27897" s="6">
        <v>835.57270000000005</v>
      </c>
    </row>
    <row r="27898" spans="4:5" x14ac:dyDescent="0.25">
      <c r="D27898" s="6">
        <v>3639.4380000000001</v>
      </c>
      <c r="E27898" s="6">
        <v>662.98320000000001</v>
      </c>
    </row>
    <row r="27899" spans="4:5" x14ac:dyDescent="0.25">
      <c r="D27899" s="6">
        <v>1729.3009999999999</v>
      </c>
      <c r="E27899" s="6">
        <v>677.68619999999999</v>
      </c>
    </row>
    <row r="27900" spans="4:5" x14ac:dyDescent="0.25">
      <c r="D27900" s="6">
        <v>598.96860000000004</v>
      </c>
      <c r="E27900" s="6">
        <v>1497.4670000000001</v>
      </c>
    </row>
    <row r="27901" spans="4:5" x14ac:dyDescent="0.25">
      <c r="D27901" s="6">
        <v>1892.104</v>
      </c>
      <c r="E27901" s="6">
        <v>508.33330000000001</v>
      </c>
    </row>
    <row r="27902" spans="4:5" x14ac:dyDescent="0.25">
      <c r="D27902" s="6">
        <v>4460.357</v>
      </c>
      <c r="E27902" s="6">
        <v>1728.5709999999999</v>
      </c>
    </row>
    <row r="27903" spans="4:5" x14ac:dyDescent="0.25">
      <c r="D27903" s="6">
        <v>1224.26</v>
      </c>
      <c r="E27903" s="6">
        <v>681.18889999999999</v>
      </c>
    </row>
    <row r="27904" spans="4:5" x14ac:dyDescent="0.25">
      <c r="D27904" s="6">
        <v>2792.4670000000001</v>
      </c>
      <c r="E27904" s="6">
        <v>1131.1279999999999</v>
      </c>
    </row>
    <row r="27905" spans="4:5" x14ac:dyDescent="0.25">
      <c r="D27905" s="6">
        <v>1506.8330000000001</v>
      </c>
      <c r="E27905" s="6">
        <v>899.86980000000005</v>
      </c>
    </row>
    <row r="27906" spans="4:5" x14ac:dyDescent="0.25">
      <c r="D27906" s="6">
        <v>1765.2460000000001</v>
      </c>
      <c r="E27906" s="6">
        <v>493.15109999999999</v>
      </c>
    </row>
    <row r="27907" spans="4:5" x14ac:dyDescent="0.25">
      <c r="D27907" s="6">
        <v>824.91269999999997</v>
      </c>
      <c r="E27907" s="6">
        <v>1273.8330000000001</v>
      </c>
    </row>
    <row r="27908" spans="4:5" x14ac:dyDescent="0.25">
      <c r="D27908" s="6">
        <v>594.50800000000004</v>
      </c>
      <c r="E27908" s="6">
        <v>2185.127</v>
      </c>
    </row>
    <row r="27909" spans="4:5" x14ac:dyDescent="0.25">
      <c r="D27909" s="6">
        <v>1490.271</v>
      </c>
      <c r="E27909" s="6">
        <v>1208.8679999999999</v>
      </c>
    </row>
    <row r="27910" spans="4:5" x14ac:dyDescent="0.25">
      <c r="D27910" s="6">
        <v>4692.7920000000004</v>
      </c>
      <c r="E27910" s="6">
        <v>693.63139999999999</v>
      </c>
    </row>
    <row r="27911" spans="4:5" x14ac:dyDescent="0.25">
      <c r="D27911" s="6">
        <v>1822.681</v>
      </c>
      <c r="E27911" s="6">
        <v>926.56849999999997</v>
      </c>
    </row>
    <row r="27912" spans="4:5" x14ac:dyDescent="0.25">
      <c r="D27912" s="6">
        <v>1430.5350000000001</v>
      </c>
      <c r="E27912" s="6">
        <v>2398.0300000000002</v>
      </c>
    </row>
    <row r="27913" spans="4:5" x14ac:dyDescent="0.25">
      <c r="D27913" s="6">
        <v>502.22410000000002</v>
      </c>
      <c r="E27913" s="6">
        <v>1073.125</v>
      </c>
    </row>
    <row r="27914" spans="4:5" x14ac:dyDescent="0.25">
      <c r="D27914" s="6">
        <v>1319.472</v>
      </c>
      <c r="E27914" s="6">
        <v>760.49379999999996</v>
      </c>
    </row>
    <row r="27915" spans="4:5" x14ac:dyDescent="0.25">
      <c r="D27915" s="6">
        <v>3695.9520000000002</v>
      </c>
      <c r="E27915" s="6">
        <v>480.88229999999999</v>
      </c>
    </row>
    <row r="27916" spans="4:5" x14ac:dyDescent="0.25">
      <c r="D27916" s="6">
        <v>781.42439999999999</v>
      </c>
      <c r="E27916" s="6">
        <v>2362.8510000000001</v>
      </c>
    </row>
    <row r="27917" spans="4:5" x14ac:dyDescent="0.25">
      <c r="D27917" s="6">
        <v>494.39179999999999</v>
      </c>
      <c r="E27917" s="6">
        <v>515.447</v>
      </c>
    </row>
    <row r="27918" spans="4:5" x14ac:dyDescent="0.25">
      <c r="D27918" s="6">
        <v>1287.9649999999999</v>
      </c>
      <c r="E27918" s="6">
        <v>1068.078</v>
      </c>
    </row>
    <row r="27919" spans="4:5" x14ac:dyDescent="0.25">
      <c r="D27919" s="6">
        <v>1186.3610000000001</v>
      </c>
      <c r="E27919" s="6">
        <v>1724.3320000000001</v>
      </c>
    </row>
    <row r="27920" spans="4:5" x14ac:dyDescent="0.25">
      <c r="D27920" s="6">
        <v>868.07659999999998</v>
      </c>
      <c r="E27920" s="6">
        <v>1118.7760000000001</v>
      </c>
    </row>
    <row r="27921" spans="4:5" x14ac:dyDescent="0.25">
      <c r="D27921" s="6">
        <v>736.40440000000001</v>
      </c>
      <c r="E27921" s="6">
        <v>633.44579999999996</v>
      </c>
    </row>
    <row r="27922" spans="4:5" x14ac:dyDescent="0.25">
      <c r="D27922" s="6">
        <v>492.44</v>
      </c>
      <c r="E27922" s="6">
        <v>522.19820000000004</v>
      </c>
    </row>
    <row r="27923" spans="4:5" x14ac:dyDescent="0.25">
      <c r="D27923" s="6">
        <v>974.72490000000005</v>
      </c>
      <c r="E27923" s="6">
        <v>500.5154</v>
      </c>
    </row>
    <row r="27924" spans="4:5" x14ac:dyDescent="0.25">
      <c r="D27924" s="6">
        <v>1332.586</v>
      </c>
      <c r="E27924" s="6">
        <v>662.59730000000002</v>
      </c>
    </row>
    <row r="27925" spans="4:5" x14ac:dyDescent="0.25">
      <c r="D27925" s="6">
        <v>1379.5940000000001</v>
      </c>
      <c r="E27925" s="6">
        <v>1422.4829999999999</v>
      </c>
    </row>
    <row r="27926" spans="4:5" x14ac:dyDescent="0.25">
      <c r="D27926" s="6">
        <v>936.05930000000001</v>
      </c>
      <c r="E27926" s="6">
        <v>640.3297</v>
      </c>
    </row>
    <row r="27927" spans="4:5" x14ac:dyDescent="0.25">
      <c r="D27927" s="6">
        <v>1237.758</v>
      </c>
      <c r="E27927" s="6">
        <v>1006.74</v>
      </c>
    </row>
    <row r="27928" spans="4:5" x14ac:dyDescent="0.25">
      <c r="D27928" s="6">
        <v>631.33839999999998</v>
      </c>
      <c r="E27928" s="6">
        <v>2653.3829999999998</v>
      </c>
    </row>
    <row r="27929" spans="4:5" x14ac:dyDescent="0.25">
      <c r="D27929" s="6">
        <v>1219.3910000000001</v>
      </c>
      <c r="E27929" s="6">
        <v>477.18810000000002</v>
      </c>
    </row>
    <row r="27930" spans="4:5" x14ac:dyDescent="0.25">
      <c r="D27930" s="6">
        <v>885.83410000000003</v>
      </c>
      <c r="E27930" s="6">
        <v>924.0335</v>
      </c>
    </row>
    <row r="27931" spans="4:5" x14ac:dyDescent="0.25">
      <c r="D27931" s="6">
        <v>2833.2080000000001</v>
      </c>
      <c r="E27931" s="6">
        <v>2226.5749999999998</v>
      </c>
    </row>
    <row r="27932" spans="4:5" x14ac:dyDescent="0.25">
      <c r="D27932" s="6">
        <v>469.28100000000001</v>
      </c>
      <c r="E27932" s="6">
        <v>916.54589999999996</v>
      </c>
    </row>
    <row r="27933" spans="4:5" x14ac:dyDescent="0.25">
      <c r="D27933" s="6">
        <v>2889.6669999999999</v>
      </c>
      <c r="E27933" s="6">
        <v>517.99670000000003</v>
      </c>
    </row>
    <row r="27934" spans="4:5" x14ac:dyDescent="0.25">
      <c r="D27934" s="6">
        <v>1346.4570000000001</v>
      </c>
      <c r="E27934" s="6">
        <v>460.10129999999998</v>
      </c>
    </row>
    <row r="27935" spans="4:5" x14ac:dyDescent="0.25">
      <c r="D27935" s="6">
        <v>624.46</v>
      </c>
      <c r="E27935" s="6">
        <v>649.31949999999995</v>
      </c>
    </row>
    <row r="27936" spans="4:5" x14ac:dyDescent="0.25">
      <c r="D27936" s="6">
        <v>713.91399999999999</v>
      </c>
      <c r="E27936" s="6">
        <v>1632.8340000000001</v>
      </c>
    </row>
    <row r="27937" spans="4:5" x14ac:dyDescent="0.25">
      <c r="D27937" s="6">
        <v>873.42420000000004</v>
      </c>
      <c r="E27937" s="6">
        <v>637.63739999999996</v>
      </c>
    </row>
    <row r="27938" spans="4:5" x14ac:dyDescent="0.25">
      <c r="D27938" s="6">
        <v>1223.444</v>
      </c>
      <c r="E27938" s="6">
        <v>667.44870000000003</v>
      </c>
    </row>
    <row r="27939" spans="4:5" x14ac:dyDescent="0.25">
      <c r="D27939" s="6">
        <v>1429.328</v>
      </c>
      <c r="E27939" s="6">
        <v>507.98039999999997</v>
      </c>
    </row>
    <row r="27940" spans="4:5" x14ac:dyDescent="0.25">
      <c r="D27940" s="6">
        <v>602.9194</v>
      </c>
      <c r="E27940" s="6">
        <v>1067.7180000000001</v>
      </c>
    </row>
    <row r="27941" spans="4:5" x14ac:dyDescent="0.25">
      <c r="D27941" s="6">
        <v>1059.703</v>
      </c>
      <c r="E27941" s="6">
        <v>1261.462</v>
      </c>
    </row>
    <row r="27942" spans="4:5" x14ac:dyDescent="0.25">
      <c r="D27942" s="6">
        <v>4927.643</v>
      </c>
      <c r="E27942" s="6">
        <v>498.5455</v>
      </c>
    </row>
    <row r="27943" spans="4:5" x14ac:dyDescent="0.25">
      <c r="D27943" s="6">
        <v>1115.299</v>
      </c>
      <c r="E27943" s="6">
        <v>1097.1279999999999</v>
      </c>
    </row>
    <row r="27944" spans="4:5" x14ac:dyDescent="0.25">
      <c r="D27944" s="6">
        <v>1318.2650000000001</v>
      </c>
      <c r="E27944" s="6">
        <v>1060.6310000000001</v>
      </c>
    </row>
    <row r="27945" spans="4:5" x14ac:dyDescent="0.25">
      <c r="D27945" s="6">
        <v>3595.3110000000001</v>
      </c>
      <c r="E27945" s="6">
        <v>867.4085</v>
      </c>
    </row>
    <row r="27946" spans="4:5" x14ac:dyDescent="0.25">
      <c r="D27946" s="6">
        <v>887.55939999999998</v>
      </c>
      <c r="E27946" s="6">
        <v>1406.8920000000001</v>
      </c>
    </row>
    <row r="27947" spans="4:5" x14ac:dyDescent="0.25">
      <c r="D27947" s="6">
        <v>4840.1000000000004</v>
      </c>
      <c r="E27947" s="6">
        <v>896.50540000000001</v>
      </c>
    </row>
    <row r="27948" spans="4:5" x14ac:dyDescent="0.25">
      <c r="D27948" s="6">
        <v>3777.502</v>
      </c>
      <c r="E27948" s="6">
        <v>1288.6769999999999</v>
      </c>
    </row>
    <row r="27949" spans="4:5" x14ac:dyDescent="0.25">
      <c r="D27949" s="6">
        <v>1213.0039999999999</v>
      </c>
      <c r="E27949" s="6">
        <v>1181.1600000000001</v>
      </c>
    </row>
    <row r="27950" spans="4:5" x14ac:dyDescent="0.25">
      <c r="D27950" s="6">
        <v>1354.9970000000001</v>
      </c>
      <c r="E27950" s="6">
        <v>1268.684</v>
      </c>
    </row>
    <row r="27951" spans="4:5" x14ac:dyDescent="0.25">
      <c r="D27951" s="6">
        <v>860.05719999999997</v>
      </c>
      <c r="E27951" s="6">
        <v>598.90790000000004</v>
      </c>
    </row>
    <row r="27952" spans="4:5" x14ac:dyDescent="0.25">
      <c r="D27952" s="6">
        <v>1147.2639999999999</v>
      </c>
      <c r="E27952" s="6">
        <v>591.67460000000005</v>
      </c>
    </row>
    <row r="27953" spans="4:5" x14ac:dyDescent="0.25">
      <c r="D27953" s="6">
        <v>1075.2059999999999</v>
      </c>
      <c r="E27953" s="6">
        <v>1102.2449999999999</v>
      </c>
    </row>
    <row r="27954" spans="4:5" x14ac:dyDescent="0.25">
      <c r="D27954" s="6">
        <v>2563.84</v>
      </c>
      <c r="E27954" s="6">
        <v>3016.723</v>
      </c>
    </row>
    <row r="27955" spans="4:5" x14ac:dyDescent="0.25">
      <c r="D27955" s="6">
        <v>2016.674</v>
      </c>
      <c r="E27955" s="6">
        <v>485.6121</v>
      </c>
    </row>
    <row r="27956" spans="4:5" x14ac:dyDescent="0.25">
      <c r="D27956" s="6">
        <v>1811.376</v>
      </c>
      <c r="E27956" s="6">
        <v>547.13679999999999</v>
      </c>
    </row>
    <row r="27957" spans="4:5" x14ac:dyDescent="0.25">
      <c r="D27957" s="6">
        <v>753.92169999999999</v>
      </c>
      <c r="E27957" s="6">
        <v>944.03150000000005</v>
      </c>
    </row>
    <row r="27958" spans="4:5" x14ac:dyDescent="0.25">
      <c r="D27958" s="6">
        <v>1475.2829999999999</v>
      </c>
      <c r="E27958" s="6">
        <v>1287.2750000000001</v>
      </c>
    </row>
    <row r="27959" spans="4:5" x14ac:dyDescent="0.25">
      <c r="D27959" s="6">
        <v>1212.778</v>
      </c>
      <c r="E27959" s="6">
        <v>428.52809999999999</v>
      </c>
    </row>
    <row r="27960" spans="4:5" x14ac:dyDescent="0.25">
      <c r="D27960" s="6">
        <v>630.50609999999995</v>
      </c>
      <c r="E27960" s="6">
        <v>1822.0070000000001</v>
      </c>
    </row>
    <row r="27961" spans="4:5" x14ac:dyDescent="0.25">
      <c r="D27961" s="6">
        <v>1038.0920000000001</v>
      </c>
      <c r="E27961" s="6">
        <v>1649.059</v>
      </c>
    </row>
    <row r="27962" spans="4:5" x14ac:dyDescent="0.25">
      <c r="D27962" s="6">
        <v>1028.6869999999999</v>
      </c>
      <c r="E27962" s="6">
        <v>651.29300000000001</v>
      </c>
    </row>
    <row r="27963" spans="4:5" x14ac:dyDescent="0.25">
      <c r="D27963" s="6">
        <v>1263.529</v>
      </c>
      <c r="E27963" s="6">
        <v>773.6771</v>
      </c>
    </row>
    <row r="27964" spans="4:5" x14ac:dyDescent="0.25">
      <c r="D27964" s="6">
        <v>2047.289</v>
      </c>
      <c r="E27964" s="6">
        <v>3718.9209999999998</v>
      </c>
    </row>
    <row r="27965" spans="4:5" x14ac:dyDescent="0.25">
      <c r="D27965" s="6">
        <v>484.60879999999997</v>
      </c>
      <c r="E27965" s="6">
        <v>1525.0050000000001</v>
      </c>
    </row>
    <row r="27966" spans="4:5" x14ac:dyDescent="0.25">
      <c r="D27966" s="6">
        <v>967.30089999999996</v>
      </c>
      <c r="E27966" s="6">
        <v>3311.2080000000001</v>
      </c>
    </row>
    <row r="27967" spans="4:5" x14ac:dyDescent="0.25">
      <c r="D27967" s="6">
        <v>1027.598</v>
      </c>
      <c r="E27967" s="6">
        <v>1925.9760000000001</v>
      </c>
    </row>
    <row r="27968" spans="4:5" x14ac:dyDescent="0.25">
      <c r="D27968" s="6">
        <v>3109.8760000000002</v>
      </c>
      <c r="E27968" s="6">
        <v>16383</v>
      </c>
    </row>
    <row r="27969" spans="4:5" x14ac:dyDescent="0.25">
      <c r="D27969" s="6">
        <v>1213.1780000000001</v>
      </c>
      <c r="E27969" s="6">
        <v>542.73779999999999</v>
      </c>
    </row>
    <row r="27970" spans="4:5" x14ac:dyDescent="0.25">
      <c r="D27970" s="6">
        <v>1108.096</v>
      </c>
      <c r="E27970" s="6">
        <v>1500.4369999999999</v>
      </c>
    </row>
    <row r="27971" spans="4:5" x14ac:dyDescent="0.25">
      <c r="D27971" s="6">
        <v>614.42439999999999</v>
      </c>
      <c r="E27971" s="6">
        <v>843.72270000000003</v>
      </c>
    </row>
    <row r="27972" spans="4:5" x14ac:dyDescent="0.25">
      <c r="D27972" s="6">
        <v>189.55760000000001</v>
      </c>
      <c r="E27972" s="6">
        <v>679.58640000000003</v>
      </c>
    </row>
    <row r="27973" spans="4:5" x14ac:dyDescent="0.25">
      <c r="D27973" s="6">
        <v>943.49720000000002</v>
      </c>
      <c r="E27973" s="6">
        <v>1181.942</v>
      </c>
    </row>
    <row r="27974" spans="4:5" x14ac:dyDescent="0.25">
      <c r="D27974" s="6">
        <v>827.95079999999996</v>
      </c>
      <c r="E27974" s="6">
        <v>909.64059999999995</v>
      </c>
    </row>
    <row r="27975" spans="4:5" x14ac:dyDescent="0.25">
      <c r="D27975" s="6">
        <v>1018.693</v>
      </c>
      <c r="E27975" s="6">
        <v>504.5795</v>
      </c>
    </row>
    <row r="27976" spans="4:5" x14ac:dyDescent="0.25">
      <c r="D27976" s="6">
        <v>3525.56</v>
      </c>
      <c r="E27976" s="6">
        <v>3524.4580000000001</v>
      </c>
    </row>
    <row r="27977" spans="4:5" x14ac:dyDescent="0.25">
      <c r="D27977" s="6">
        <v>2703.8330000000001</v>
      </c>
      <c r="E27977" s="6">
        <v>953.03020000000004</v>
      </c>
    </row>
    <row r="27978" spans="4:5" x14ac:dyDescent="0.25">
      <c r="D27978" s="6">
        <v>4041.2060000000001</v>
      </c>
      <c r="E27978" s="6">
        <v>1040.3579999999999</v>
      </c>
    </row>
    <row r="27979" spans="4:5" x14ac:dyDescent="0.25">
      <c r="D27979" s="6">
        <v>1294.2470000000001</v>
      </c>
      <c r="E27979" s="6">
        <v>1227.066</v>
      </c>
    </row>
    <row r="27980" spans="4:5" x14ac:dyDescent="0.25">
      <c r="D27980" s="6">
        <v>1332.463</v>
      </c>
      <c r="E27980" s="6">
        <v>763.50350000000003</v>
      </c>
    </row>
    <row r="27981" spans="4:5" x14ac:dyDescent="0.25">
      <c r="D27981" s="6">
        <v>511.57209999999998</v>
      </c>
      <c r="E27981" s="6">
        <v>3940.712</v>
      </c>
    </row>
    <row r="27982" spans="4:5" x14ac:dyDescent="0.25">
      <c r="D27982" s="6">
        <v>1441.8430000000001</v>
      </c>
      <c r="E27982" s="6">
        <v>517.99350000000004</v>
      </c>
    </row>
    <row r="27983" spans="4:5" x14ac:dyDescent="0.25">
      <c r="D27983" s="6">
        <v>1049.153</v>
      </c>
      <c r="E27983" s="6">
        <v>816.96450000000004</v>
      </c>
    </row>
    <row r="27984" spans="4:5" x14ac:dyDescent="0.25">
      <c r="D27984" s="6">
        <v>1704.165</v>
      </c>
      <c r="E27984" s="6">
        <v>868.95529999999997</v>
      </c>
    </row>
    <row r="27985" spans="4:5" x14ac:dyDescent="0.25">
      <c r="D27985" s="6">
        <v>792.09460000000001</v>
      </c>
      <c r="E27985" s="6">
        <v>2924</v>
      </c>
    </row>
    <row r="27986" spans="4:5" x14ac:dyDescent="0.25">
      <c r="D27986" s="6">
        <v>1427.0509999999999</v>
      </c>
      <c r="E27986" s="6">
        <v>1080.3910000000001</v>
      </c>
    </row>
    <row r="27987" spans="4:5" x14ac:dyDescent="0.25">
      <c r="D27987" s="6">
        <v>1299.249</v>
      </c>
      <c r="E27987" s="6">
        <v>1010.629</v>
      </c>
    </row>
    <row r="27988" spans="4:5" x14ac:dyDescent="0.25">
      <c r="D27988" s="6">
        <v>1113.617</v>
      </c>
      <c r="E27988" s="6">
        <v>954.84230000000002</v>
      </c>
    </row>
    <row r="27989" spans="4:5" x14ac:dyDescent="0.25">
      <c r="D27989" s="6">
        <v>1742.075</v>
      </c>
      <c r="E27989" s="6">
        <v>753.60919999999999</v>
      </c>
    </row>
    <row r="27990" spans="4:5" x14ac:dyDescent="0.25">
      <c r="D27990" s="6">
        <v>708.52710000000002</v>
      </c>
      <c r="E27990" s="6">
        <v>1632.194</v>
      </c>
    </row>
    <row r="27991" spans="4:5" x14ac:dyDescent="0.25">
      <c r="D27991" s="6">
        <v>1292.3330000000001</v>
      </c>
      <c r="E27991" s="6">
        <v>3703.3240000000001</v>
      </c>
    </row>
    <row r="27992" spans="4:5" x14ac:dyDescent="0.25">
      <c r="D27992" s="6">
        <v>1419.3969999999999</v>
      </c>
      <c r="E27992" s="6">
        <v>1111.088</v>
      </c>
    </row>
    <row r="27993" spans="4:5" x14ac:dyDescent="0.25">
      <c r="D27993" s="6">
        <v>1291.47</v>
      </c>
      <c r="E27993" s="6">
        <v>827.02880000000005</v>
      </c>
    </row>
    <row r="27994" spans="4:5" x14ac:dyDescent="0.25">
      <c r="D27994" s="6">
        <v>1313.0519999999999</v>
      </c>
      <c r="E27994" s="6">
        <v>1986.7619999999999</v>
      </c>
    </row>
    <row r="27995" spans="4:5" x14ac:dyDescent="0.25">
      <c r="D27995" s="6">
        <v>1053.086</v>
      </c>
      <c r="E27995" s="6">
        <v>643.29139999999995</v>
      </c>
    </row>
    <row r="27996" spans="4:5" x14ac:dyDescent="0.25">
      <c r="D27996" s="6">
        <v>672.47400000000005</v>
      </c>
      <c r="E27996" s="6">
        <v>528.99839999999995</v>
      </c>
    </row>
    <row r="27997" spans="4:5" x14ac:dyDescent="0.25">
      <c r="D27997" s="6">
        <v>1380.5429999999999</v>
      </c>
      <c r="E27997" s="6">
        <v>969.80539999999996</v>
      </c>
    </row>
    <row r="27998" spans="4:5" x14ac:dyDescent="0.25">
      <c r="D27998" s="6">
        <v>1422.8610000000001</v>
      </c>
      <c r="E27998" s="6">
        <v>701.97580000000005</v>
      </c>
    </row>
    <row r="27999" spans="4:5" x14ac:dyDescent="0.25">
      <c r="D27999" s="6">
        <v>1416.337</v>
      </c>
      <c r="E27999" s="6">
        <v>621.84609999999998</v>
      </c>
    </row>
    <row r="28000" spans="4:5" x14ac:dyDescent="0.25">
      <c r="D28000" s="6">
        <v>1121.067</v>
      </c>
      <c r="E28000" s="6">
        <v>3214.2669999999998</v>
      </c>
    </row>
    <row r="28001" spans="4:5" x14ac:dyDescent="0.25">
      <c r="D28001" s="6">
        <v>3635.0059999999999</v>
      </c>
      <c r="E28001" s="6">
        <v>1369.0820000000001</v>
      </c>
    </row>
    <row r="28002" spans="4:5" x14ac:dyDescent="0.25">
      <c r="D28002" s="6">
        <v>1220.4459999999999</v>
      </c>
      <c r="E28002" s="6">
        <v>524.70590000000004</v>
      </c>
    </row>
    <row r="28003" spans="4:5" x14ac:dyDescent="0.25">
      <c r="D28003" s="6">
        <v>2480.377</v>
      </c>
      <c r="E28003" s="6">
        <v>624.45000000000005</v>
      </c>
    </row>
    <row r="28004" spans="4:5" x14ac:dyDescent="0.25">
      <c r="D28004" s="6">
        <v>2627.672</v>
      </c>
      <c r="E28004" s="6">
        <v>970.66899999999998</v>
      </c>
    </row>
    <row r="28005" spans="4:5" x14ac:dyDescent="0.25">
      <c r="D28005" s="6">
        <v>1523.809</v>
      </c>
      <c r="E28005" s="6">
        <v>922.68719999999996</v>
      </c>
    </row>
    <row r="28006" spans="4:5" x14ac:dyDescent="0.25">
      <c r="D28006" s="6">
        <v>1080.82</v>
      </c>
      <c r="E28006" s="6">
        <v>501.68380000000002</v>
      </c>
    </row>
    <row r="28007" spans="4:5" x14ac:dyDescent="0.25">
      <c r="D28007" s="6">
        <v>2414.0010000000002</v>
      </c>
      <c r="E28007" s="6">
        <v>623.93150000000003</v>
      </c>
    </row>
    <row r="28008" spans="4:5" x14ac:dyDescent="0.25">
      <c r="D28008" s="6">
        <v>639.30370000000005</v>
      </c>
      <c r="E28008" s="6">
        <v>455.75</v>
      </c>
    </row>
    <row r="28009" spans="4:5" x14ac:dyDescent="0.25">
      <c r="D28009" s="6">
        <v>810.16510000000005</v>
      </c>
      <c r="E28009" s="6">
        <v>2184.0369999999998</v>
      </c>
    </row>
    <row r="28010" spans="4:5" x14ac:dyDescent="0.25">
      <c r="D28010" s="6">
        <v>1585.1510000000001</v>
      </c>
      <c r="E28010" s="6">
        <v>2343.7060000000001</v>
      </c>
    </row>
    <row r="28011" spans="4:5" x14ac:dyDescent="0.25">
      <c r="D28011" s="6">
        <v>844.64660000000003</v>
      </c>
      <c r="E28011" s="6">
        <v>559.74450000000002</v>
      </c>
    </row>
    <row r="28012" spans="4:5" x14ac:dyDescent="0.25">
      <c r="D28012" s="6">
        <v>1145.0050000000001</v>
      </c>
      <c r="E28012" s="6">
        <v>1324.002</v>
      </c>
    </row>
    <row r="28013" spans="4:5" x14ac:dyDescent="0.25">
      <c r="D28013" s="6">
        <v>1556.403</v>
      </c>
      <c r="E28013" s="6">
        <v>473.43520000000001</v>
      </c>
    </row>
    <row r="28014" spans="4:5" x14ac:dyDescent="0.25">
      <c r="D28014" s="6">
        <v>1652.7719999999999</v>
      </c>
      <c r="E28014" s="6">
        <v>2007.4780000000001</v>
      </c>
    </row>
    <row r="28015" spans="4:5" x14ac:dyDescent="0.25">
      <c r="D28015" s="6">
        <v>1035.4449999999999</v>
      </c>
      <c r="E28015" s="6">
        <v>508.16329999999999</v>
      </c>
    </row>
    <row r="28016" spans="4:5" x14ac:dyDescent="0.25">
      <c r="D28016" s="6">
        <v>1459.049</v>
      </c>
      <c r="E28016" s="6">
        <v>1920.4190000000001</v>
      </c>
    </row>
    <row r="28017" spans="4:5" x14ac:dyDescent="0.25">
      <c r="D28017" s="6">
        <v>6608.3940000000002</v>
      </c>
      <c r="E28017" s="6">
        <v>463.83330000000001</v>
      </c>
    </row>
    <row r="28018" spans="4:5" x14ac:dyDescent="0.25">
      <c r="D28018" s="6">
        <v>1500.895</v>
      </c>
      <c r="E28018" s="6">
        <v>1920.058</v>
      </c>
    </row>
    <row r="28019" spans="4:5" x14ac:dyDescent="0.25">
      <c r="D28019" s="6">
        <v>1293.029</v>
      </c>
      <c r="E28019" s="6">
        <v>1099.5709999999999</v>
      </c>
    </row>
    <row r="28020" spans="4:5" x14ac:dyDescent="0.25">
      <c r="D28020" s="6">
        <v>3179.24</v>
      </c>
      <c r="E28020" s="6">
        <v>682.51289999999995</v>
      </c>
    </row>
    <row r="28021" spans="4:5" x14ac:dyDescent="0.25">
      <c r="D28021" s="6">
        <v>1426.6669999999999</v>
      </c>
      <c r="E28021" s="6">
        <v>1427.242</v>
      </c>
    </row>
    <row r="28022" spans="4:5" x14ac:dyDescent="0.25">
      <c r="D28022" s="6">
        <v>1007.18</v>
      </c>
      <c r="E28022" s="6">
        <v>1054.896</v>
      </c>
    </row>
    <row r="28023" spans="4:5" x14ac:dyDescent="0.25">
      <c r="D28023" s="6">
        <v>4839.2700000000004</v>
      </c>
      <c r="E28023" s="6">
        <v>636.62</v>
      </c>
    </row>
    <row r="28024" spans="4:5" x14ac:dyDescent="0.25">
      <c r="D28024" s="6">
        <v>3276.9369999999999</v>
      </c>
      <c r="E28024" s="6">
        <v>1526.8679999999999</v>
      </c>
    </row>
    <row r="28025" spans="4:5" x14ac:dyDescent="0.25">
      <c r="D28025" s="6">
        <v>733</v>
      </c>
      <c r="E28025" s="6">
        <v>1475.2629999999999</v>
      </c>
    </row>
    <row r="28026" spans="4:5" x14ac:dyDescent="0.25">
      <c r="D28026" s="6">
        <v>1050.6579999999999</v>
      </c>
      <c r="E28026" s="6">
        <v>3513.127</v>
      </c>
    </row>
    <row r="28027" spans="4:5" x14ac:dyDescent="0.25">
      <c r="D28027" s="6">
        <v>567.45699999999999</v>
      </c>
      <c r="E28027" s="6">
        <v>1203.9369999999999</v>
      </c>
    </row>
    <row r="28028" spans="4:5" x14ac:dyDescent="0.25">
      <c r="D28028" s="6">
        <v>1216.646</v>
      </c>
      <c r="E28028" s="6">
        <v>947.79669999999999</v>
      </c>
    </row>
    <row r="28029" spans="4:5" x14ac:dyDescent="0.25">
      <c r="D28029" s="6">
        <v>3432.5279999999998</v>
      </c>
      <c r="E28029" s="6">
        <v>5585.5690000000004</v>
      </c>
    </row>
    <row r="28030" spans="4:5" x14ac:dyDescent="0.25">
      <c r="D28030" s="6">
        <v>2455.3429999999998</v>
      </c>
      <c r="E28030" s="6">
        <v>1044.4690000000001</v>
      </c>
    </row>
    <row r="28031" spans="4:5" x14ac:dyDescent="0.25">
      <c r="D28031" s="6">
        <v>1030.751</v>
      </c>
      <c r="E28031" s="6">
        <v>1292.971</v>
      </c>
    </row>
    <row r="28032" spans="4:5" x14ac:dyDescent="0.25">
      <c r="D28032" s="6">
        <v>1690.6220000000001</v>
      </c>
      <c r="E28032" s="6">
        <v>622.28880000000004</v>
      </c>
    </row>
    <row r="28033" spans="4:5" x14ac:dyDescent="0.25">
      <c r="D28033" s="6">
        <v>1685.8720000000001</v>
      </c>
      <c r="E28033" s="6">
        <v>1392.3109999999999</v>
      </c>
    </row>
    <row r="28034" spans="4:5" x14ac:dyDescent="0.25">
      <c r="D28034" s="6">
        <v>1161.7909999999999</v>
      </c>
      <c r="E28034" s="6">
        <v>604.89549999999997</v>
      </c>
    </row>
    <row r="28035" spans="4:5" x14ac:dyDescent="0.25">
      <c r="D28035" s="6">
        <v>1384.681</v>
      </c>
      <c r="E28035" s="6">
        <v>1097.2650000000001</v>
      </c>
    </row>
    <row r="28036" spans="4:5" x14ac:dyDescent="0.25">
      <c r="D28036" s="6">
        <v>1095.8620000000001</v>
      </c>
      <c r="E28036" s="6">
        <v>3216.509</v>
      </c>
    </row>
    <row r="28037" spans="4:5" x14ac:dyDescent="0.25">
      <c r="D28037" s="6">
        <v>3724.2710000000002</v>
      </c>
      <c r="E28037" s="6">
        <v>713.21810000000005</v>
      </c>
    </row>
    <row r="28038" spans="4:5" x14ac:dyDescent="0.25">
      <c r="D28038" s="6">
        <v>1730.7629999999999</v>
      </c>
      <c r="E28038" s="6">
        <v>892.05290000000002</v>
      </c>
    </row>
    <row r="28039" spans="4:5" x14ac:dyDescent="0.25">
      <c r="D28039" s="6">
        <v>1159.7349999999999</v>
      </c>
      <c r="E28039" s="6">
        <v>1693.12</v>
      </c>
    </row>
    <row r="28040" spans="4:5" x14ac:dyDescent="0.25">
      <c r="D28040" s="6">
        <v>1167.42</v>
      </c>
      <c r="E28040" s="6">
        <v>993.19510000000002</v>
      </c>
    </row>
    <row r="28041" spans="4:5" x14ac:dyDescent="0.25">
      <c r="D28041" s="6">
        <v>640.06640000000004</v>
      </c>
      <c r="E28041" s="6">
        <v>660.73180000000002</v>
      </c>
    </row>
    <row r="28042" spans="4:5" x14ac:dyDescent="0.25">
      <c r="D28042" s="6">
        <v>1771.444</v>
      </c>
      <c r="E28042" s="6">
        <v>1052.1199999999999</v>
      </c>
    </row>
    <row r="28043" spans="4:5" x14ac:dyDescent="0.25">
      <c r="D28043" s="6">
        <v>437.5</v>
      </c>
      <c r="E28043" s="6">
        <v>1093.2919999999999</v>
      </c>
    </row>
    <row r="28044" spans="4:5" x14ac:dyDescent="0.25">
      <c r="D28044" s="6">
        <v>893.59190000000001</v>
      </c>
      <c r="E28044" s="6">
        <v>1720.297</v>
      </c>
    </row>
    <row r="28045" spans="4:5" x14ac:dyDescent="0.25">
      <c r="D28045" s="6">
        <v>1435.3869999999999</v>
      </c>
      <c r="E28045" s="6">
        <v>879.30050000000006</v>
      </c>
    </row>
    <row r="28046" spans="4:5" x14ac:dyDescent="0.25">
      <c r="D28046" s="6">
        <v>2322.4589999999998</v>
      </c>
      <c r="E28046" s="6">
        <v>1626.0329999999999</v>
      </c>
    </row>
    <row r="28047" spans="4:5" x14ac:dyDescent="0.25">
      <c r="D28047" s="6">
        <v>1049.6479999999999</v>
      </c>
      <c r="E28047" s="6">
        <v>492.81509999999997</v>
      </c>
    </row>
    <row r="28048" spans="4:5" x14ac:dyDescent="0.25">
      <c r="D28048" s="6">
        <v>1030.7090000000001</v>
      </c>
      <c r="E28048" s="6">
        <v>1319.4860000000001</v>
      </c>
    </row>
    <row r="28049" spans="4:5" x14ac:dyDescent="0.25">
      <c r="D28049" s="6">
        <v>2943.9259999999999</v>
      </c>
      <c r="E28049" s="6">
        <v>1037.51</v>
      </c>
    </row>
    <row r="28050" spans="4:5" x14ac:dyDescent="0.25">
      <c r="D28050" s="6">
        <v>715.60770000000002</v>
      </c>
      <c r="E28050" s="6">
        <v>464</v>
      </c>
    </row>
    <row r="28051" spans="4:5" x14ac:dyDescent="0.25">
      <c r="D28051" s="6">
        <v>4266</v>
      </c>
      <c r="E28051" s="6">
        <v>1971.518</v>
      </c>
    </row>
    <row r="28052" spans="4:5" x14ac:dyDescent="0.25">
      <c r="D28052" s="6">
        <v>974.65329999999994</v>
      </c>
      <c r="E28052" s="6">
        <v>1172.971</v>
      </c>
    </row>
    <row r="28053" spans="4:5" x14ac:dyDescent="0.25">
      <c r="D28053" s="6">
        <v>2669.7220000000002</v>
      </c>
      <c r="E28053" s="6">
        <v>566.53869999999995</v>
      </c>
    </row>
    <row r="28054" spans="4:5" x14ac:dyDescent="0.25">
      <c r="D28054" s="6">
        <v>752.59490000000005</v>
      </c>
      <c r="E28054" s="6">
        <v>1136.088</v>
      </c>
    </row>
    <row r="28055" spans="4:5" x14ac:dyDescent="0.25">
      <c r="D28055" s="6">
        <v>3339.9340000000002</v>
      </c>
      <c r="E28055" s="6">
        <v>1208.502</v>
      </c>
    </row>
    <row r="28056" spans="4:5" x14ac:dyDescent="0.25">
      <c r="D28056" s="6">
        <v>1586.136</v>
      </c>
      <c r="E28056" s="6">
        <v>1507.4359999999999</v>
      </c>
    </row>
    <row r="28057" spans="4:5" x14ac:dyDescent="0.25">
      <c r="D28057" s="6">
        <v>1231.5619999999999</v>
      </c>
      <c r="E28057" s="6">
        <v>491.10730000000001</v>
      </c>
    </row>
    <row r="28058" spans="4:5" x14ac:dyDescent="0.25">
      <c r="D28058" s="6">
        <v>1248.462</v>
      </c>
      <c r="E28058" s="6">
        <v>3931.8780000000002</v>
      </c>
    </row>
    <row r="28059" spans="4:5" x14ac:dyDescent="0.25">
      <c r="D28059" s="6">
        <v>2134.7260000000001</v>
      </c>
      <c r="E28059" s="6">
        <v>2246.4870000000001</v>
      </c>
    </row>
    <row r="28060" spans="4:5" x14ac:dyDescent="0.25">
      <c r="D28060" s="6">
        <v>555.20209999999997</v>
      </c>
      <c r="E28060" s="6">
        <v>1031.1959999999999</v>
      </c>
    </row>
    <row r="28061" spans="4:5" x14ac:dyDescent="0.25">
      <c r="D28061" s="6">
        <v>3334.337</v>
      </c>
      <c r="E28061" s="6">
        <v>950.47170000000006</v>
      </c>
    </row>
    <row r="28062" spans="4:5" x14ac:dyDescent="0.25">
      <c r="D28062" s="6">
        <v>4570.7950000000001</v>
      </c>
      <c r="E28062" s="6">
        <v>1679.0989999999999</v>
      </c>
    </row>
    <row r="28063" spans="4:5" x14ac:dyDescent="0.25">
      <c r="D28063" s="6">
        <v>1106.646</v>
      </c>
      <c r="E28063" s="6">
        <v>445.2</v>
      </c>
    </row>
    <row r="28064" spans="4:5" x14ac:dyDescent="0.25">
      <c r="D28064" s="6">
        <v>2282.7860000000001</v>
      </c>
      <c r="E28064" s="6">
        <v>2014.7739999999999</v>
      </c>
    </row>
    <row r="28065" spans="4:5" x14ac:dyDescent="0.25">
      <c r="D28065" s="6">
        <v>932.66489999999999</v>
      </c>
      <c r="E28065" s="6">
        <v>470.7679</v>
      </c>
    </row>
    <row r="28066" spans="4:5" x14ac:dyDescent="0.25">
      <c r="D28066" s="6">
        <v>831.20219999999995</v>
      </c>
      <c r="E28066" s="6">
        <v>1576.934</v>
      </c>
    </row>
    <row r="28067" spans="4:5" x14ac:dyDescent="0.25">
      <c r="D28067" s="6">
        <v>1399.6210000000001</v>
      </c>
      <c r="E28067" s="6">
        <v>1452.3779999999999</v>
      </c>
    </row>
    <row r="28068" spans="4:5" x14ac:dyDescent="0.25">
      <c r="D28068" s="6">
        <v>653.15200000000004</v>
      </c>
      <c r="E28068" s="6">
        <v>1262.3330000000001</v>
      </c>
    </row>
    <row r="28069" spans="4:5" x14ac:dyDescent="0.25">
      <c r="D28069" s="6">
        <v>2621.605</v>
      </c>
      <c r="E28069" s="6">
        <v>2011.33</v>
      </c>
    </row>
    <row r="28070" spans="4:5" x14ac:dyDescent="0.25">
      <c r="D28070" s="6">
        <v>642.09540000000004</v>
      </c>
      <c r="E28070" s="6">
        <v>1384.0419999999999</v>
      </c>
    </row>
    <row r="28071" spans="4:5" x14ac:dyDescent="0.25">
      <c r="D28071" s="6">
        <v>1562.248</v>
      </c>
      <c r="E28071" s="6">
        <v>707.04190000000006</v>
      </c>
    </row>
    <row r="28072" spans="4:5" x14ac:dyDescent="0.25">
      <c r="D28072" s="6">
        <v>1482.172</v>
      </c>
      <c r="E28072" s="6">
        <v>1555.5360000000001</v>
      </c>
    </row>
    <row r="28073" spans="4:5" x14ac:dyDescent="0.25">
      <c r="D28073" s="6">
        <v>1556.3889999999999</v>
      </c>
      <c r="E28073" s="6">
        <v>10732.34</v>
      </c>
    </row>
    <row r="28074" spans="4:5" x14ac:dyDescent="0.25">
      <c r="D28074" s="6">
        <v>1498.412</v>
      </c>
      <c r="E28074" s="6">
        <v>527.78420000000006</v>
      </c>
    </row>
    <row r="28075" spans="4:5" x14ac:dyDescent="0.25">
      <c r="D28075" s="6">
        <v>1140.953</v>
      </c>
      <c r="E28075" s="6">
        <v>482.36149999999998</v>
      </c>
    </row>
    <row r="28076" spans="4:5" x14ac:dyDescent="0.25">
      <c r="D28076" s="6">
        <v>1671.462</v>
      </c>
      <c r="E28076" s="6">
        <v>698.51430000000005</v>
      </c>
    </row>
    <row r="28077" spans="4:5" x14ac:dyDescent="0.25">
      <c r="D28077" s="6">
        <v>1318.25</v>
      </c>
      <c r="E28077" s="6">
        <v>2518.5129999999999</v>
      </c>
    </row>
    <row r="28078" spans="4:5" x14ac:dyDescent="0.25">
      <c r="D28078" s="6">
        <v>3635.7379999999998</v>
      </c>
      <c r="E28078" s="6">
        <v>972.00930000000005</v>
      </c>
    </row>
    <row r="28079" spans="4:5" x14ac:dyDescent="0.25">
      <c r="D28079" s="6">
        <v>3603.9119999999998</v>
      </c>
      <c r="E28079" s="6">
        <v>1490.05</v>
      </c>
    </row>
    <row r="28080" spans="4:5" x14ac:dyDescent="0.25">
      <c r="D28080" s="6">
        <v>950.09960000000001</v>
      </c>
      <c r="E28080" s="6">
        <v>728.94230000000005</v>
      </c>
    </row>
    <row r="28081" spans="4:5" x14ac:dyDescent="0.25">
      <c r="D28081" s="6">
        <v>808.8451</v>
      </c>
      <c r="E28081" s="6">
        <v>564.92309999999998</v>
      </c>
    </row>
    <row r="28082" spans="4:5" x14ac:dyDescent="0.25">
      <c r="D28082" s="6">
        <v>647.96420000000001</v>
      </c>
      <c r="E28082" s="6">
        <v>191.07040000000001</v>
      </c>
    </row>
    <row r="28083" spans="4:5" x14ac:dyDescent="0.25">
      <c r="D28083" s="6">
        <v>1403.271</v>
      </c>
      <c r="E28083" s="6">
        <v>1022.818</v>
      </c>
    </row>
    <row r="28084" spans="4:5" x14ac:dyDescent="0.25">
      <c r="D28084" s="6">
        <v>1021.075</v>
      </c>
      <c r="E28084" s="6">
        <v>869.18499999999995</v>
      </c>
    </row>
    <row r="28085" spans="4:5" x14ac:dyDescent="0.25">
      <c r="D28085" s="6">
        <v>929.13049999999998</v>
      </c>
      <c r="E28085" s="6">
        <v>1160.431</v>
      </c>
    </row>
    <row r="28086" spans="4:5" x14ac:dyDescent="0.25">
      <c r="D28086" s="6">
        <v>1124.146</v>
      </c>
      <c r="E28086" s="6">
        <v>957.9941</v>
      </c>
    </row>
    <row r="28087" spans="4:5" x14ac:dyDescent="0.25">
      <c r="D28087" s="6">
        <v>1382.973</v>
      </c>
      <c r="E28087" s="6">
        <v>1050.8499999999999</v>
      </c>
    </row>
    <row r="28088" spans="4:5" x14ac:dyDescent="0.25">
      <c r="D28088" s="6">
        <v>2862.04</v>
      </c>
      <c r="E28088" s="6">
        <v>837.65819999999997</v>
      </c>
    </row>
    <row r="28089" spans="4:5" x14ac:dyDescent="0.25">
      <c r="D28089" s="6">
        <v>2499.989</v>
      </c>
      <c r="E28089" s="6">
        <v>1184.252</v>
      </c>
    </row>
    <row r="28090" spans="4:5" x14ac:dyDescent="0.25">
      <c r="D28090" s="6">
        <v>1335.953</v>
      </c>
      <c r="E28090" s="6">
        <v>645.61850000000004</v>
      </c>
    </row>
    <row r="28091" spans="4:5" x14ac:dyDescent="0.25">
      <c r="D28091" s="6">
        <v>1556.6790000000001</v>
      </c>
      <c r="E28091" s="6">
        <v>516.26189999999997</v>
      </c>
    </row>
    <row r="28092" spans="4:5" x14ac:dyDescent="0.25">
      <c r="D28092" s="6">
        <v>767.40639999999996</v>
      </c>
      <c r="E28092" s="6">
        <v>819.2663</v>
      </c>
    </row>
    <row r="28093" spans="4:5" x14ac:dyDescent="0.25">
      <c r="D28093" s="6">
        <v>689.5335</v>
      </c>
      <c r="E28093" s="6">
        <v>1296.0319999999999</v>
      </c>
    </row>
    <row r="28094" spans="4:5" x14ac:dyDescent="0.25">
      <c r="D28094" s="6">
        <v>2873.02</v>
      </c>
      <c r="E28094" s="6">
        <v>860.73050000000001</v>
      </c>
    </row>
    <row r="28095" spans="4:5" x14ac:dyDescent="0.25">
      <c r="D28095" s="6">
        <v>7960.5069999999996</v>
      </c>
      <c r="E28095" s="6">
        <v>684.71360000000004</v>
      </c>
    </row>
    <row r="28096" spans="4:5" x14ac:dyDescent="0.25">
      <c r="D28096" s="6">
        <v>1195.2080000000001</v>
      </c>
      <c r="E28096" s="6">
        <v>3186.19</v>
      </c>
    </row>
    <row r="28097" spans="4:5" x14ac:dyDescent="0.25">
      <c r="D28097" s="6">
        <v>4573.7</v>
      </c>
      <c r="E28097" s="6">
        <v>2616.3029999999999</v>
      </c>
    </row>
    <row r="28098" spans="4:5" x14ac:dyDescent="0.25">
      <c r="D28098" s="6">
        <v>492.8689</v>
      </c>
      <c r="E28098" s="6">
        <v>4567.1329999999998</v>
      </c>
    </row>
    <row r="28099" spans="4:5" x14ac:dyDescent="0.25">
      <c r="D28099" s="6">
        <v>6055.0839999999998</v>
      </c>
      <c r="E28099" s="6">
        <v>999.36080000000004</v>
      </c>
    </row>
    <row r="28100" spans="4:5" x14ac:dyDescent="0.25">
      <c r="D28100" s="6">
        <v>1680.7380000000001</v>
      </c>
      <c r="E28100" s="6">
        <v>484</v>
      </c>
    </row>
    <row r="28101" spans="4:5" x14ac:dyDescent="0.25">
      <c r="D28101" s="6">
        <v>1226.8140000000001</v>
      </c>
      <c r="E28101" s="6">
        <v>900.43730000000005</v>
      </c>
    </row>
    <row r="28102" spans="4:5" x14ac:dyDescent="0.25">
      <c r="D28102" s="6">
        <v>1232.1559999999999</v>
      </c>
      <c r="E28102" s="6">
        <v>9829.6790000000001</v>
      </c>
    </row>
    <row r="28103" spans="4:5" x14ac:dyDescent="0.25">
      <c r="D28103" s="6">
        <v>857.02449999999999</v>
      </c>
      <c r="E28103" s="6">
        <v>765.12400000000002</v>
      </c>
    </row>
    <row r="28104" spans="4:5" x14ac:dyDescent="0.25">
      <c r="D28104" s="6">
        <v>1183.8969999999999</v>
      </c>
      <c r="E28104" s="6">
        <v>7419.4690000000001</v>
      </c>
    </row>
    <row r="28105" spans="4:5" x14ac:dyDescent="0.25">
      <c r="D28105" s="6">
        <v>550.57619999999997</v>
      </c>
      <c r="E28105" s="6">
        <v>1026.175</v>
      </c>
    </row>
    <row r="28106" spans="4:5" x14ac:dyDescent="0.25">
      <c r="D28106" s="6">
        <v>672.05679999999995</v>
      </c>
      <c r="E28106" s="6">
        <v>704.0385</v>
      </c>
    </row>
    <row r="28107" spans="4:5" x14ac:dyDescent="0.25">
      <c r="D28107" s="6">
        <v>1628.6469999999999</v>
      </c>
      <c r="E28107" s="6">
        <v>1076</v>
      </c>
    </row>
    <row r="28108" spans="4:5" x14ac:dyDescent="0.25">
      <c r="D28108" s="6">
        <v>1871.973</v>
      </c>
      <c r="E28108" s="6">
        <v>2799.4259999999999</v>
      </c>
    </row>
    <row r="28109" spans="4:5" x14ac:dyDescent="0.25">
      <c r="D28109" s="6">
        <v>1352.34</v>
      </c>
      <c r="E28109" s="6">
        <v>3984.7890000000002</v>
      </c>
    </row>
    <row r="28110" spans="4:5" x14ac:dyDescent="0.25">
      <c r="D28110" s="6">
        <v>537.54960000000005</v>
      </c>
      <c r="E28110" s="6">
        <v>1979.9290000000001</v>
      </c>
    </row>
    <row r="28111" spans="4:5" x14ac:dyDescent="0.25">
      <c r="D28111" s="6">
        <v>887.98900000000003</v>
      </c>
      <c r="E28111" s="6">
        <v>1556.739</v>
      </c>
    </row>
    <row r="28112" spans="4:5" x14ac:dyDescent="0.25">
      <c r="D28112" s="6">
        <v>565.625</v>
      </c>
      <c r="E28112" s="6">
        <v>929.0675</v>
      </c>
    </row>
    <row r="28113" spans="4:5" x14ac:dyDescent="0.25">
      <c r="D28113" s="6">
        <v>1164.9490000000001</v>
      </c>
      <c r="E28113" s="6">
        <v>503.02929999999998</v>
      </c>
    </row>
    <row r="28114" spans="4:5" x14ac:dyDescent="0.25">
      <c r="D28114" s="6">
        <v>1133.2360000000001</v>
      </c>
      <c r="E28114" s="6">
        <v>1069.694</v>
      </c>
    </row>
    <row r="28115" spans="4:5" x14ac:dyDescent="0.25">
      <c r="D28115" s="6">
        <v>1895.1469999999999</v>
      </c>
      <c r="E28115" s="6">
        <v>3041.886</v>
      </c>
    </row>
    <row r="28116" spans="4:5" x14ac:dyDescent="0.25">
      <c r="D28116" s="6">
        <v>1913.2180000000001</v>
      </c>
      <c r="E28116" s="6">
        <v>850.11329999999998</v>
      </c>
    </row>
    <row r="28117" spans="4:5" x14ac:dyDescent="0.25">
      <c r="D28117" s="6">
        <v>2958.422</v>
      </c>
      <c r="E28117" s="6">
        <v>1403.144</v>
      </c>
    </row>
    <row r="28118" spans="4:5" x14ac:dyDescent="0.25">
      <c r="D28118" s="6">
        <v>3684.9279999999999</v>
      </c>
      <c r="E28118" s="6">
        <v>968.47220000000004</v>
      </c>
    </row>
    <row r="28119" spans="4:5" x14ac:dyDescent="0.25">
      <c r="D28119" s="6">
        <v>1413.8610000000001</v>
      </c>
      <c r="E28119" s="6">
        <v>4894.567</v>
      </c>
    </row>
    <row r="28120" spans="4:5" x14ac:dyDescent="0.25">
      <c r="D28120" s="6">
        <v>2704.6959999999999</v>
      </c>
      <c r="E28120" s="6">
        <v>611.2432</v>
      </c>
    </row>
    <row r="28121" spans="4:5" x14ac:dyDescent="0.25">
      <c r="D28121" s="6">
        <v>1818.62</v>
      </c>
      <c r="E28121" s="6">
        <v>6269.11</v>
      </c>
    </row>
    <row r="28122" spans="4:5" x14ac:dyDescent="0.25">
      <c r="D28122" s="6">
        <v>1979.385</v>
      </c>
      <c r="E28122" s="6">
        <v>1019.8440000000001</v>
      </c>
    </row>
    <row r="28123" spans="4:5" x14ac:dyDescent="0.25">
      <c r="D28123" s="6">
        <v>1069.258</v>
      </c>
      <c r="E28123" s="6">
        <v>480.98770000000002</v>
      </c>
    </row>
    <row r="28124" spans="4:5" x14ac:dyDescent="0.25">
      <c r="D28124" s="6">
        <v>2641.7939999999999</v>
      </c>
      <c r="E28124" s="6">
        <v>1060.5640000000001</v>
      </c>
    </row>
    <row r="28125" spans="4:5" x14ac:dyDescent="0.25">
      <c r="D28125" s="6">
        <v>1478.729</v>
      </c>
      <c r="E28125" s="6">
        <v>627.13499999999999</v>
      </c>
    </row>
    <row r="28126" spans="4:5" x14ac:dyDescent="0.25">
      <c r="D28126" s="6">
        <v>3062.5129999999999</v>
      </c>
      <c r="E28126" s="6">
        <v>864.50819999999999</v>
      </c>
    </row>
    <row r="28127" spans="4:5" x14ac:dyDescent="0.25">
      <c r="D28127" s="6">
        <v>3716.404</v>
      </c>
      <c r="E28127" s="6">
        <v>541.96600000000001</v>
      </c>
    </row>
    <row r="28128" spans="4:5" x14ac:dyDescent="0.25">
      <c r="D28128" s="6">
        <v>919.94590000000005</v>
      </c>
      <c r="E28128" s="6">
        <v>519.33979999999997</v>
      </c>
    </row>
    <row r="28129" spans="4:5" x14ac:dyDescent="0.25">
      <c r="D28129" s="6">
        <v>874.18849999999998</v>
      </c>
      <c r="E28129" s="6">
        <v>6607.1710000000003</v>
      </c>
    </row>
    <row r="28130" spans="4:5" x14ac:dyDescent="0.25">
      <c r="D28130" s="6">
        <v>1277.1559999999999</v>
      </c>
      <c r="E28130" s="6">
        <v>536.98270000000002</v>
      </c>
    </row>
    <row r="28131" spans="4:5" x14ac:dyDescent="0.25">
      <c r="D28131" s="6">
        <v>3309.3319999999999</v>
      </c>
      <c r="E28131" s="6">
        <v>992.81230000000005</v>
      </c>
    </row>
    <row r="28132" spans="4:5" x14ac:dyDescent="0.25">
      <c r="D28132" s="6">
        <v>1164.941</v>
      </c>
      <c r="E28132" s="6">
        <v>475.80669999999998</v>
      </c>
    </row>
    <row r="28133" spans="4:5" x14ac:dyDescent="0.25">
      <c r="D28133" s="6">
        <v>502.17189999999999</v>
      </c>
      <c r="E28133" s="6">
        <v>903.98360000000002</v>
      </c>
    </row>
    <row r="28134" spans="4:5" x14ac:dyDescent="0.25">
      <c r="D28134" s="6">
        <v>1131.502</v>
      </c>
      <c r="E28134" s="6">
        <v>1420.3820000000001</v>
      </c>
    </row>
    <row r="28135" spans="4:5" x14ac:dyDescent="0.25">
      <c r="D28135" s="6">
        <v>3077.3890000000001</v>
      </c>
      <c r="E28135" s="6">
        <v>989.39670000000001</v>
      </c>
    </row>
    <row r="28136" spans="4:5" x14ac:dyDescent="0.25">
      <c r="D28136" s="6">
        <v>1706.8409999999999</v>
      </c>
      <c r="E28136" s="6">
        <v>13321.33</v>
      </c>
    </row>
    <row r="28137" spans="4:5" x14ac:dyDescent="0.25">
      <c r="D28137" s="6">
        <v>1272.557</v>
      </c>
      <c r="E28137" s="6">
        <v>541.97789999999998</v>
      </c>
    </row>
    <row r="28138" spans="4:5" x14ac:dyDescent="0.25">
      <c r="D28138" s="6">
        <v>1518.1579999999999</v>
      </c>
      <c r="E28138" s="6">
        <v>1211.6969999999999</v>
      </c>
    </row>
    <row r="28139" spans="4:5" x14ac:dyDescent="0.25">
      <c r="D28139" s="6">
        <v>2757.2330000000002</v>
      </c>
      <c r="E28139" s="6">
        <v>1025.229</v>
      </c>
    </row>
    <row r="28140" spans="4:5" x14ac:dyDescent="0.25">
      <c r="D28140" s="6">
        <v>984.81449999999995</v>
      </c>
      <c r="E28140" s="6">
        <v>480.3245</v>
      </c>
    </row>
    <row r="28141" spans="4:5" x14ac:dyDescent="0.25">
      <c r="D28141" s="6">
        <v>10391.35</v>
      </c>
      <c r="E28141" s="6">
        <v>1898.47</v>
      </c>
    </row>
    <row r="28142" spans="4:5" x14ac:dyDescent="0.25">
      <c r="D28142" s="6">
        <v>1680.528</v>
      </c>
      <c r="E28142" s="6">
        <v>1559.1110000000001</v>
      </c>
    </row>
    <row r="28143" spans="4:5" x14ac:dyDescent="0.25">
      <c r="D28143" s="6">
        <v>1019.761</v>
      </c>
      <c r="E28143" s="6">
        <v>1098.0039999999999</v>
      </c>
    </row>
    <row r="28144" spans="4:5" x14ac:dyDescent="0.25">
      <c r="D28144" s="6">
        <v>1020.019</v>
      </c>
      <c r="E28144" s="6">
        <v>6456.8329999999996</v>
      </c>
    </row>
    <row r="28145" spans="4:5" x14ac:dyDescent="0.25">
      <c r="D28145" s="6">
        <v>1547.67</v>
      </c>
      <c r="E28145" s="6">
        <v>683.1463</v>
      </c>
    </row>
    <row r="28146" spans="4:5" x14ac:dyDescent="0.25">
      <c r="D28146" s="6">
        <v>5742.0450000000001</v>
      </c>
      <c r="E28146" s="6">
        <v>2633.123</v>
      </c>
    </row>
    <row r="28147" spans="4:5" x14ac:dyDescent="0.25">
      <c r="D28147" s="6">
        <v>765.44359999999995</v>
      </c>
      <c r="E28147" s="6">
        <v>586.3134</v>
      </c>
    </row>
    <row r="28148" spans="4:5" x14ac:dyDescent="0.25">
      <c r="D28148" s="6">
        <v>1477.2929999999999</v>
      </c>
      <c r="E28148" s="6">
        <v>1014.205</v>
      </c>
    </row>
    <row r="28149" spans="4:5" x14ac:dyDescent="0.25">
      <c r="D28149" s="6">
        <v>1969.809</v>
      </c>
      <c r="E28149" s="6">
        <v>472.60489999999999</v>
      </c>
    </row>
    <row r="28150" spans="4:5" x14ac:dyDescent="0.25">
      <c r="D28150" s="6">
        <v>2699.6370000000002</v>
      </c>
      <c r="E28150" s="6">
        <v>1493.528</v>
      </c>
    </row>
    <row r="28151" spans="4:5" x14ac:dyDescent="0.25">
      <c r="D28151" s="6">
        <v>1752.3889999999999</v>
      </c>
      <c r="E28151" s="6">
        <v>797.7835</v>
      </c>
    </row>
    <row r="28152" spans="4:5" x14ac:dyDescent="0.25">
      <c r="D28152" s="6">
        <v>1339.7829999999999</v>
      </c>
      <c r="E28152" s="6">
        <v>1021.853</v>
      </c>
    </row>
    <row r="28153" spans="4:5" x14ac:dyDescent="0.25">
      <c r="D28153" s="6">
        <v>1129.2149999999999</v>
      </c>
      <c r="E28153" s="6">
        <v>2595.9</v>
      </c>
    </row>
    <row r="28154" spans="4:5" x14ac:dyDescent="0.25">
      <c r="D28154" s="6">
        <v>2040.6210000000001</v>
      </c>
      <c r="E28154" s="6">
        <v>552.51250000000005</v>
      </c>
    </row>
    <row r="28155" spans="4:5" x14ac:dyDescent="0.25">
      <c r="D28155" s="6">
        <v>1539.231</v>
      </c>
      <c r="E28155" s="6">
        <v>1032.1669999999999</v>
      </c>
    </row>
    <row r="28156" spans="4:5" x14ac:dyDescent="0.25">
      <c r="D28156" s="6">
        <v>4824.0349999999999</v>
      </c>
      <c r="E28156" s="6">
        <v>2341.5</v>
      </c>
    </row>
    <row r="28157" spans="4:5" x14ac:dyDescent="0.25">
      <c r="D28157" s="6">
        <v>808.76340000000005</v>
      </c>
      <c r="E28157" s="6">
        <v>1793.008</v>
      </c>
    </row>
    <row r="28158" spans="4:5" x14ac:dyDescent="0.25">
      <c r="D28158" s="6">
        <v>941.3673</v>
      </c>
      <c r="E28158" s="6">
        <v>10464.61</v>
      </c>
    </row>
    <row r="28159" spans="4:5" x14ac:dyDescent="0.25">
      <c r="D28159" s="6">
        <v>1853.992</v>
      </c>
      <c r="E28159" s="6">
        <v>6666.2860000000001</v>
      </c>
    </row>
    <row r="28160" spans="4:5" x14ac:dyDescent="0.25">
      <c r="D28160" s="6">
        <v>1326.5440000000001</v>
      </c>
      <c r="E28160" s="6">
        <v>2740.4569999999999</v>
      </c>
    </row>
    <row r="28161" spans="4:5" x14ac:dyDescent="0.25">
      <c r="D28161" s="6">
        <v>971.55330000000004</v>
      </c>
      <c r="E28161" s="6">
        <v>656.6155</v>
      </c>
    </row>
    <row r="28162" spans="4:5" x14ac:dyDescent="0.25">
      <c r="D28162" s="6">
        <v>1286.33</v>
      </c>
      <c r="E28162" s="6">
        <v>502.42169999999999</v>
      </c>
    </row>
    <row r="28163" spans="4:5" x14ac:dyDescent="0.25">
      <c r="D28163" s="6">
        <v>1633.4490000000001</v>
      </c>
      <c r="E28163" s="6">
        <v>1300.5740000000001</v>
      </c>
    </row>
    <row r="28164" spans="4:5" x14ac:dyDescent="0.25">
      <c r="D28164" s="6">
        <v>1069.992</v>
      </c>
      <c r="E28164" s="6">
        <v>1050.5840000000001</v>
      </c>
    </row>
    <row r="28165" spans="4:5" x14ac:dyDescent="0.25">
      <c r="D28165" s="6">
        <v>1246.7360000000001</v>
      </c>
      <c r="E28165" s="6">
        <v>962</v>
      </c>
    </row>
    <row r="28166" spans="4:5" x14ac:dyDescent="0.25">
      <c r="D28166" s="6">
        <v>829.05470000000003</v>
      </c>
      <c r="E28166" s="6">
        <v>999.41380000000004</v>
      </c>
    </row>
    <row r="28167" spans="4:5" x14ac:dyDescent="0.25">
      <c r="D28167" s="6">
        <v>937.42719999999997</v>
      </c>
      <c r="E28167" s="6">
        <v>679.23609999999996</v>
      </c>
    </row>
    <row r="28168" spans="4:5" x14ac:dyDescent="0.25">
      <c r="D28168" s="6">
        <v>1041.7329999999999</v>
      </c>
      <c r="E28168" s="6">
        <v>1984.6579999999999</v>
      </c>
    </row>
    <row r="28169" spans="4:5" x14ac:dyDescent="0.25">
      <c r="D28169" s="6">
        <v>792.35140000000001</v>
      </c>
      <c r="E28169" s="6">
        <v>1277.902</v>
      </c>
    </row>
    <row r="28170" spans="4:5" x14ac:dyDescent="0.25">
      <c r="D28170" s="6">
        <v>1288.0229999999999</v>
      </c>
      <c r="E28170" s="6">
        <v>4187.9799999999996</v>
      </c>
    </row>
    <row r="28171" spans="4:5" x14ac:dyDescent="0.25">
      <c r="D28171" s="6">
        <v>1292.9960000000001</v>
      </c>
      <c r="E28171" s="6">
        <v>792.49940000000004</v>
      </c>
    </row>
    <row r="28172" spans="4:5" x14ac:dyDescent="0.25">
      <c r="D28172" s="6">
        <v>596.38319999999999</v>
      </c>
      <c r="E28172" s="6">
        <v>1244.191</v>
      </c>
    </row>
    <row r="28173" spans="4:5" x14ac:dyDescent="0.25">
      <c r="D28173" s="6">
        <v>2393.3119999999999</v>
      </c>
      <c r="E28173" s="6">
        <v>2327.8420000000001</v>
      </c>
    </row>
    <row r="28174" spans="4:5" x14ac:dyDescent="0.25">
      <c r="D28174" s="6">
        <v>816.82659999999998</v>
      </c>
      <c r="E28174" s="6">
        <v>1487.856</v>
      </c>
    </row>
    <row r="28175" spans="4:5" x14ac:dyDescent="0.25">
      <c r="D28175" s="6">
        <v>1552.191</v>
      </c>
      <c r="E28175" s="6">
        <v>649.21559999999999</v>
      </c>
    </row>
    <row r="28176" spans="4:5" x14ac:dyDescent="0.25">
      <c r="D28176" s="6">
        <v>1553.278</v>
      </c>
      <c r="E28176" s="6">
        <v>787.19439999999997</v>
      </c>
    </row>
    <row r="28177" spans="4:5" x14ac:dyDescent="0.25">
      <c r="D28177" s="6">
        <v>4649.18</v>
      </c>
      <c r="E28177" s="6">
        <v>638.5</v>
      </c>
    </row>
    <row r="28178" spans="4:5" x14ac:dyDescent="0.25">
      <c r="D28178" s="6">
        <v>2417.6460000000002</v>
      </c>
      <c r="E28178" s="6">
        <v>5791.6760000000004</v>
      </c>
    </row>
    <row r="28179" spans="4:5" x14ac:dyDescent="0.25">
      <c r="D28179" s="6">
        <v>546.15269999999998</v>
      </c>
      <c r="E28179" s="6">
        <v>1511.5909999999999</v>
      </c>
    </row>
    <row r="28180" spans="4:5" x14ac:dyDescent="0.25">
      <c r="D28180" s="6">
        <v>2328.4490000000001</v>
      </c>
      <c r="E28180" s="6">
        <v>855.54259999999999</v>
      </c>
    </row>
    <row r="28181" spans="4:5" x14ac:dyDescent="0.25">
      <c r="D28181" s="6">
        <v>1284.7860000000001</v>
      </c>
      <c r="E28181" s="6">
        <v>613.84370000000001</v>
      </c>
    </row>
    <row r="28182" spans="4:5" x14ac:dyDescent="0.25">
      <c r="D28182" s="6">
        <v>1006.8</v>
      </c>
      <c r="E28182" s="6">
        <v>517.56020000000001</v>
      </c>
    </row>
    <row r="28183" spans="4:5" x14ac:dyDescent="0.25">
      <c r="D28183" s="6">
        <v>1146.828</v>
      </c>
      <c r="E28183" s="6">
        <v>3333.75</v>
      </c>
    </row>
    <row r="28184" spans="4:5" x14ac:dyDescent="0.25">
      <c r="D28184" s="6">
        <v>1619.806</v>
      </c>
      <c r="E28184" s="6">
        <v>1997.87</v>
      </c>
    </row>
    <row r="28185" spans="4:5" x14ac:dyDescent="0.25">
      <c r="D28185" s="6">
        <v>1589.297</v>
      </c>
      <c r="E28185" s="6">
        <v>2015.701</v>
      </c>
    </row>
    <row r="28186" spans="4:5" x14ac:dyDescent="0.25">
      <c r="D28186" s="6">
        <v>526.02639999999997</v>
      </c>
      <c r="E28186" s="6">
        <v>2087.261</v>
      </c>
    </row>
    <row r="28187" spans="4:5" x14ac:dyDescent="0.25">
      <c r="D28187" s="6">
        <v>1863.645</v>
      </c>
      <c r="E28187" s="6">
        <v>564.01030000000003</v>
      </c>
    </row>
    <row r="28188" spans="4:5" x14ac:dyDescent="0.25">
      <c r="D28188" s="6">
        <v>727.69280000000003</v>
      </c>
      <c r="E28188" s="6">
        <v>842.84630000000004</v>
      </c>
    </row>
    <row r="28189" spans="4:5" x14ac:dyDescent="0.25">
      <c r="D28189" s="6">
        <v>1791.3789999999999</v>
      </c>
      <c r="E28189" s="6">
        <v>542.7346</v>
      </c>
    </row>
    <row r="28190" spans="4:5" x14ac:dyDescent="0.25">
      <c r="D28190" s="6">
        <v>5633.3739999999998</v>
      </c>
      <c r="E28190" s="6">
        <v>6973.1959999999999</v>
      </c>
    </row>
    <row r="28191" spans="4:5" x14ac:dyDescent="0.25">
      <c r="D28191" s="6">
        <v>1157.4290000000001</v>
      </c>
      <c r="E28191" s="6">
        <v>542.15250000000003</v>
      </c>
    </row>
    <row r="28192" spans="4:5" x14ac:dyDescent="0.25">
      <c r="D28192" s="6">
        <v>3276.8939999999998</v>
      </c>
      <c r="E28192" s="6">
        <v>833.09190000000001</v>
      </c>
    </row>
    <row r="28193" spans="4:5" x14ac:dyDescent="0.25">
      <c r="D28193" s="6">
        <v>1035.1780000000001</v>
      </c>
      <c r="E28193" s="6">
        <v>804.87900000000002</v>
      </c>
    </row>
    <row r="28194" spans="4:5" x14ac:dyDescent="0.25">
      <c r="D28194" s="6">
        <v>580.39509999999996</v>
      </c>
      <c r="E28194" s="6">
        <v>1884.8620000000001</v>
      </c>
    </row>
    <row r="28195" spans="4:5" x14ac:dyDescent="0.25">
      <c r="D28195" s="6">
        <v>3547.56</v>
      </c>
      <c r="E28195" s="6">
        <v>2800.4609999999998</v>
      </c>
    </row>
    <row r="28196" spans="4:5" x14ac:dyDescent="0.25">
      <c r="D28196" s="6">
        <v>1457.6410000000001</v>
      </c>
      <c r="E28196" s="6">
        <v>1120.0060000000001</v>
      </c>
    </row>
    <row r="28197" spans="4:5" x14ac:dyDescent="0.25">
      <c r="D28197" s="6">
        <v>7276.8819999999996</v>
      </c>
      <c r="E28197" s="6">
        <v>2516.3229999999999</v>
      </c>
    </row>
    <row r="28198" spans="4:5" x14ac:dyDescent="0.25">
      <c r="D28198" s="6">
        <v>1505.9</v>
      </c>
      <c r="E28198" s="6">
        <v>1380.222</v>
      </c>
    </row>
    <row r="28199" spans="4:5" x14ac:dyDescent="0.25">
      <c r="D28199" s="6">
        <v>1465.681</v>
      </c>
      <c r="E28199" s="6">
        <v>2597.9</v>
      </c>
    </row>
    <row r="28200" spans="4:5" x14ac:dyDescent="0.25">
      <c r="D28200" s="6">
        <v>4504.9049999999997</v>
      </c>
      <c r="E28200" s="6">
        <v>929.23770000000002</v>
      </c>
    </row>
    <row r="28201" spans="4:5" x14ac:dyDescent="0.25">
      <c r="D28201" s="6">
        <v>1184.7090000000001</v>
      </c>
      <c r="E28201" s="6">
        <v>1446.8489999999999</v>
      </c>
    </row>
    <row r="28202" spans="4:5" x14ac:dyDescent="0.25">
      <c r="D28202" s="6">
        <v>696.02110000000005</v>
      </c>
      <c r="E28202" s="6">
        <v>927.81029999999998</v>
      </c>
    </row>
    <row r="28203" spans="4:5" x14ac:dyDescent="0.25">
      <c r="D28203" s="6">
        <v>1405.7650000000001</v>
      </c>
      <c r="E28203" s="6">
        <v>531.81820000000005</v>
      </c>
    </row>
    <row r="28204" spans="4:5" x14ac:dyDescent="0.25">
      <c r="D28204" s="6">
        <v>1329.046</v>
      </c>
      <c r="E28204" s="6">
        <v>613.79169999999999</v>
      </c>
    </row>
    <row r="28205" spans="4:5" x14ac:dyDescent="0.25">
      <c r="D28205" s="6">
        <v>700.46749999999997</v>
      </c>
      <c r="E28205" s="6">
        <v>1688.511</v>
      </c>
    </row>
    <row r="28206" spans="4:5" x14ac:dyDescent="0.25">
      <c r="D28206" s="6">
        <v>1004.023</v>
      </c>
      <c r="E28206" s="6">
        <v>1528.2929999999999</v>
      </c>
    </row>
    <row r="28207" spans="4:5" x14ac:dyDescent="0.25">
      <c r="D28207" s="6">
        <v>3427.42</v>
      </c>
      <c r="E28207" s="6">
        <v>1400.9580000000001</v>
      </c>
    </row>
    <row r="28208" spans="4:5" x14ac:dyDescent="0.25">
      <c r="D28208" s="6">
        <v>1420.702</v>
      </c>
      <c r="E28208" s="6">
        <v>1152.373</v>
      </c>
    </row>
    <row r="28209" spans="4:5" x14ac:dyDescent="0.25">
      <c r="D28209" s="6">
        <v>1061.277</v>
      </c>
      <c r="E28209" s="6">
        <v>4184.59</v>
      </c>
    </row>
    <row r="28210" spans="4:5" x14ac:dyDescent="0.25">
      <c r="D28210" s="6">
        <v>865.41129999999998</v>
      </c>
      <c r="E28210" s="6">
        <v>3679.6</v>
      </c>
    </row>
    <row r="28211" spans="4:5" x14ac:dyDescent="0.25">
      <c r="D28211" s="6">
        <v>1277.924</v>
      </c>
      <c r="E28211" s="6">
        <v>4743.5619999999999</v>
      </c>
    </row>
    <row r="28212" spans="4:5" x14ac:dyDescent="0.25">
      <c r="D28212" s="6">
        <v>1138.9649999999999</v>
      </c>
      <c r="E28212" s="6">
        <v>887.11569999999995</v>
      </c>
    </row>
    <row r="28213" spans="4:5" x14ac:dyDescent="0.25">
      <c r="D28213" s="6">
        <v>1147.175</v>
      </c>
      <c r="E28213" s="6">
        <v>849.24659999999994</v>
      </c>
    </row>
    <row r="28214" spans="4:5" x14ac:dyDescent="0.25">
      <c r="D28214" s="6">
        <v>1863.6659999999999</v>
      </c>
      <c r="E28214" s="6">
        <v>1336.6369999999999</v>
      </c>
    </row>
    <row r="28215" spans="4:5" x14ac:dyDescent="0.25">
      <c r="D28215" s="6">
        <v>1442.1859999999999</v>
      </c>
      <c r="E28215" s="6">
        <v>980.11720000000003</v>
      </c>
    </row>
    <row r="28216" spans="4:5" x14ac:dyDescent="0.25">
      <c r="D28216" s="6">
        <v>1113.2940000000001</v>
      </c>
      <c r="E28216" s="6">
        <v>895.31129999999996</v>
      </c>
    </row>
    <row r="28217" spans="4:5" x14ac:dyDescent="0.25">
      <c r="D28217" s="6">
        <v>642.80439999999999</v>
      </c>
      <c r="E28217" s="6">
        <v>2370.2339999999999</v>
      </c>
    </row>
    <row r="28218" spans="4:5" x14ac:dyDescent="0.25">
      <c r="D28218" s="6">
        <v>385.08699999999999</v>
      </c>
      <c r="E28218" s="6">
        <v>702.28920000000005</v>
      </c>
    </row>
    <row r="28219" spans="4:5" x14ac:dyDescent="0.25">
      <c r="D28219" s="6">
        <v>1349.9829999999999</v>
      </c>
      <c r="E28219" s="6">
        <v>3399.9340000000002</v>
      </c>
    </row>
    <row r="28220" spans="4:5" x14ac:dyDescent="0.25">
      <c r="D28220" s="6">
        <v>698.11450000000002</v>
      </c>
      <c r="E28220" s="6">
        <v>642.55809999999997</v>
      </c>
    </row>
    <row r="28221" spans="4:5" x14ac:dyDescent="0.25">
      <c r="D28221" s="6">
        <v>1033.556</v>
      </c>
      <c r="E28221" s="6">
        <v>1454.626</v>
      </c>
    </row>
    <row r="28222" spans="4:5" x14ac:dyDescent="0.25">
      <c r="D28222" s="6">
        <v>1442.0540000000001</v>
      </c>
      <c r="E28222" s="6">
        <v>580.41470000000004</v>
      </c>
    </row>
    <row r="28223" spans="4:5" x14ac:dyDescent="0.25">
      <c r="D28223" s="6">
        <v>538.91539999999998</v>
      </c>
      <c r="E28223" s="6">
        <v>1073.9939999999999</v>
      </c>
    </row>
    <row r="28224" spans="4:5" x14ac:dyDescent="0.25">
      <c r="D28224" s="6">
        <v>4213.9470000000001</v>
      </c>
      <c r="E28224" s="6">
        <v>1016.6609999999999</v>
      </c>
    </row>
    <row r="28225" spans="4:5" x14ac:dyDescent="0.25">
      <c r="D28225" s="6">
        <v>1428.883</v>
      </c>
      <c r="E28225" s="6">
        <v>936.38160000000005</v>
      </c>
    </row>
    <row r="28226" spans="4:5" x14ac:dyDescent="0.25">
      <c r="D28226" s="6">
        <v>864.27890000000002</v>
      </c>
      <c r="E28226" s="6">
        <v>6041.0079999999998</v>
      </c>
    </row>
    <row r="28227" spans="4:5" x14ac:dyDescent="0.25">
      <c r="D28227" s="6">
        <v>7039</v>
      </c>
      <c r="E28227" s="6">
        <v>1210.0509999999999</v>
      </c>
    </row>
    <row r="28228" spans="4:5" x14ac:dyDescent="0.25">
      <c r="D28228" s="6">
        <v>867.55510000000004</v>
      </c>
      <c r="E28228" s="6">
        <v>738.46540000000005</v>
      </c>
    </row>
    <row r="28229" spans="4:5" x14ac:dyDescent="0.25">
      <c r="D28229" s="6">
        <v>1422.354</v>
      </c>
      <c r="E28229" s="6">
        <v>7805.1220000000003</v>
      </c>
    </row>
    <row r="28230" spans="4:5" x14ac:dyDescent="0.25">
      <c r="D28230" s="6">
        <v>1396.298</v>
      </c>
      <c r="E28230" s="6">
        <v>782.98710000000005</v>
      </c>
    </row>
    <row r="28231" spans="4:5" x14ac:dyDescent="0.25">
      <c r="D28231" s="6">
        <v>1137.1679999999999</v>
      </c>
      <c r="E28231" s="6">
        <v>812.79020000000003</v>
      </c>
    </row>
    <row r="28232" spans="4:5" x14ac:dyDescent="0.25">
      <c r="D28232" s="6">
        <v>1269.5450000000001</v>
      </c>
      <c r="E28232" s="6">
        <v>1098.95</v>
      </c>
    </row>
    <row r="28233" spans="4:5" x14ac:dyDescent="0.25">
      <c r="D28233" s="6">
        <v>1042.9280000000001</v>
      </c>
      <c r="E28233" s="6">
        <v>505.47239999999999</v>
      </c>
    </row>
    <row r="28234" spans="4:5" x14ac:dyDescent="0.25">
      <c r="D28234" s="6">
        <v>1260.201</v>
      </c>
      <c r="E28234" s="6">
        <v>1384.056</v>
      </c>
    </row>
    <row r="28235" spans="4:5" x14ac:dyDescent="0.25">
      <c r="D28235" s="6">
        <v>1515.625</v>
      </c>
      <c r="E28235" s="6">
        <v>779.84630000000004</v>
      </c>
    </row>
    <row r="28236" spans="4:5" x14ac:dyDescent="0.25">
      <c r="D28236" s="6">
        <v>1513.944</v>
      </c>
      <c r="E28236" s="6">
        <v>1283.4490000000001</v>
      </c>
    </row>
    <row r="28237" spans="4:5" x14ac:dyDescent="0.25">
      <c r="D28237" s="6">
        <v>2393</v>
      </c>
      <c r="E28237" s="6">
        <v>2826.462</v>
      </c>
    </row>
    <row r="28238" spans="4:5" x14ac:dyDescent="0.25">
      <c r="D28238" s="6">
        <v>1971.11</v>
      </c>
      <c r="E28238" s="6">
        <v>1410.0840000000001</v>
      </c>
    </row>
    <row r="28239" spans="4:5" x14ac:dyDescent="0.25">
      <c r="D28239" s="6">
        <v>1489.4059999999999</v>
      </c>
      <c r="E28239" s="6">
        <v>1149.807</v>
      </c>
    </row>
    <row r="28240" spans="4:5" x14ac:dyDescent="0.25">
      <c r="D28240" s="6">
        <v>724.14930000000004</v>
      </c>
      <c r="E28240" s="6">
        <v>1803.029</v>
      </c>
    </row>
    <row r="28241" spans="4:5" x14ac:dyDescent="0.25">
      <c r="D28241" s="6">
        <v>972.84280000000001</v>
      </c>
      <c r="E28241" s="6">
        <v>896.2201</v>
      </c>
    </row>
    <row r="28242" spans="4:5" x14ac:dyDescent="0.25">
      <c r="D28242" s="6">
        <v>1124.3920000000001</v>
      </c>
      <c r="E28242" s="6">
        <v>905.55330000000004</v>
      </c>
    </row>
    <row r="28243" spans="4:5" x14ac:dyDescent="0.25">
      <c r="D28243" s="6">
        <v>1342.2439999999999</v>
      </c>
      <c r="E28243" s="6">
        <v>590</v>
      </c>
    </row>
    <row r="28244" spans="4:5" x14ac:dyDescent="0.25">
      <c r="D28244" s="6">
        <v>1819.626</v>
      </c>
      <c r="E28244" s="6">
        <v>575.45209999999997</v>
      </c>
    </row>
    <row r="28245" spans="4:5" x14ac:dyDescent="0.25">
      <c r="D28245" s="6">
        <v>762.3347</v>
      </c>
      <c r="E28245" s="6">
        <v>1088.299</v>
      </c>
    </row>
    <row r="28246" spans="4:5" x14ac:dyDescent="0.25">
      <c r="D28246" s="6">
        <v>566.71450000000004</v>
      </c>
      <c r="E28246" s="6">
        <v>491.3</v>
      </c>
    </row>
    <row r="28247" spans="4:5" x14ac:dyDescent="0.25">
      <c r="D28247" s="6">
        <v>713.40020000000004</v>
      </c>
      <c r="E28247" s="6">
        <v>591.93539999999996</v>
      </c>
    </row>
    <row r="28248" spans="4:5" x14ac:dyDescent="0.25">
      <c r="D28248" s="6">
        <v>1267.173</v>
      </c>
      <c r="E28248" s="6">
        <v>486.04059999999998</v>
      </c>
    </row>
    <row r="28249" spans="4:5" x14ac:dyDescent="0.25">
      <c r="D28249" s="6">
        <v>1464.394</v>
      </c>
      <c r="E28249" s="6">
        <v>939.81320000000005</v>
      </c>
    </row>
    <row r="28250" spans="4:5" x14ac:dyDescent="0.25">
      <c r="D28250" s="6">
        <v>807.36</v>
      </c>
      <c r="E28250" s="6">
        <v>990.73850000000004</v>
      </c>
    </row>
    <row r="28251" spans="4:5" x14ac:dyDescent="0.25">
      <c r="D28251" s="6">
        <v>1061.5250000000001</v>
      </c>
      <c r="E28251" s="6">
        <v>999.12710000000004</v>
      </c>
    </row>
    <row r="28252" spans="4:5" x14ac:dyDescent="0.25">
      <c r="D28252" s="6">
        <v>1645.1179999999999</v>
      </c>
      <c r="E28252" s="6">
        <v>803.00059999999996</v>
      </c>
    </row>
    <row r="28253" spans="4:5" x14ac:dyDescent="0.25">
      <c r="D28253" s="6">
        <v>2611.2600000000002</v>
      </c>
      <c r="E28253" s="6">
        <v>1388.3689999999999</v>
      </c>
    </row>
    <row r="28254" spans="4:5" x14ac:dyDescent="0.25">
      <c r="D28254" s="6">
        <v>1555.4770000000001</v>
      </c>
      <c r="E28254" s="6">
        <v>773.16700000000003</v>
      </c>
    </row>
    <row r="28255" spans="4:5" x14ac:dyDescent="0.25">
      <c r="D28255" s="6">
        <v>756.19129999999996</v>
      </c>
      <c r="E28255" s="6">
        <v>592.58029999999997</v>
      </c>
    </row>
    <row r="28256" spans="4:5" x14ac:dyDescent="0.25">
      <c r="D28256" s="6">
        <v>508.73680000000002</v>
      </c>
      <c r="E28256" s="6">
        <v>866.36919999999998</v>
      </c>
    </row>
    <row r="28257" spans="4:5" x14ac:dyDescent="0.25">
      <c r="D28257" s="6">
        <v>3053.1959999999999</v>
      </c>
      <c r="E28257" s="6">
        <v>1258.5239999999999</v>
      </c>
    </row>
    <row r="28258" spans="4:5" x14ac:dyDescent="0.25">
      <c r="D28258" s="6">
        <v>867.85289999999998</v>
      </c>
      <c r="E28258" s="6">
        <v>666.24279999999999</v>
      </c>
    </row>
    <row r="28259" spans="4:5" x14ac:dyDescent="0.25">
      <c r="D28259" s="6">
        <v>1169.8689999999999</v>
      </c>
      <c r="E28259" s="6">
        <v>2855.91</v>
      </c>
    </row>
    <row r="28260" spans="4:5" x14ac:dyDescent="0.25">
      <c r="D28260" s="6">
        <v>683.07389999999998</v>
      </c>
      <c r="E28260" s="6">
        <v>1350.5429999999999</v>
      </c>
    </row>
    <row r="28261" spans="4:5" x14ac:dyDescent="0.25">
      <c r="D28261" s="6">
        <v>1383.008</v>
      </c>
      <c r="E28261" s="6">
        <v>1171.076</v>
      </c>
    </row>
    <row r="28262" spans="4:5" x14ac:dyDescent="0.25">
      <c r="D28262" s="6">
        <v>1162.143</v>
      </c>
      <c r="E28262" s="6">
        <v>882.69299999999998</v>
      </c>
    </row>
    <row r="28263" spans="4:5" x14ac:dyDescent="0.25">
      <c r="D28263" s="6">
        <v>1709.328</v>
      </c>
      <c r="E28263" s="6">
        <v>840.23829999999998</v>
      </c>
    </row>
    <row r="28264" spans="4:5" x14ac:dyDescent="0.25">
      <c r="D28264" s="6">
        <v>2463.6149999999998</v>
      </c>
      <c r="E28264" s="6">
        <v>2158.7440000000001</v>
      </c>
    </row>
    <row r="28265" spans="4:5" x14ac:dyDescent="0.25">
      <c r="D28265" s="6">
        <v>1066.5239999999999</v>
      </c>
      <c r="E28265" s="6">
        <v>589.41589999999997</v>
      </c>
    </row>
    <row r="28266" spans="4:5" x14ac:dyDescent="0.25">
      <c r="D28266" s="6">
        <v>1760.4169999999999</v>
      </c>
      <c r="E28266" s="6">
        <v>1001.357</v>
      </c>
    </row>
    <row r="28267" spans="4:5" x14ac:dyDescent="0.25">
      <c r="D28267" s="6">
        <v>804.32669999999996</v>
      </c>
      <c r="E28267" s="6">
        <v>1216.7049999999999</v>
      </c>
    </row>
    <row r="28268" spans="4:5" x14ac:dyDescent="0.25">
      <c r="D28268" s="6">
        <v>1032.373</v>
      </c>
      <c r="E28268" s="6">
        <v>1075.549</v>
      </c>
    </row>
    <row r="28269" spans="4:5" x14ac:dyDescent="0.25">
      <c r="D28269" s="6">
        <v>650.83330000000001</v>
      </c>
      <c r="E28269" s="6">
        <v>517.34140000000002</v>
      </c>
    </row>
    <row r="28270" spans="4:5" x14ac:dyDescent="0.25">
      <c r="D28270" s="6">
        <v>2967.826</v>
      </c>
      <c r="E28270" s="6">
        <v>537.54909999999995</v>
      </c>
    </row>
    <row r="28271" spans="4:5" x14ac:dyDescent="0.25">
      <c r="D28271" s="6">
        <v>1696.39</v>
      </c>
      <c r="E28271" s="6">
        <v>1386.008</v>
      </c>
    </row>
    <row r="28272" spans="4:5" x14ac:dyDescent="0.25">
      <c r="D28272" s="6">
        <v>867.45190000000002</v>
      </c>
      <c r="E28272" s="6">
        <v>1065.586</v>
      </c>
    </row>
    <row r="28273" spans="4:5" x14ac:dyDescent="0.25">
      <c r="D28273" s="6">
        <v>1386.52</v>
      </c>
      <c r="E28273" s="6">
        <v>441.11590000000001</v>
      </c>
    </row>
    <row r="28274" spans="4:5" x14ac:dyDescent="0.25">
      <c r="D28274" s="6">
        <v>1408.415</v>
      </c>
      <c r="E28274" s="6">
        <v>806.77829999999994</v>
      </c>
    </row>
    <row r="28275" spans="4:5" x14ac:dyDescent="0.25">
      <c r="D28275" s="6">
        <v>1233.346</v>
      </c>
      <c r="E28275" s="6">
        <v>931.75639999999999</v>
      </c>
    </row>
    <row r="28276" spans="4:5" x14ac:dyDescent="0.25">
      <c r="D28276" s="6">
        <v>5696.9610000000002</v>
      </c>
      <c r="E28276" s="6">
        <v>562.78629999999998</v>
      </c>
    </row>
    <row r="28277" spans="4:5" x14ac:dyDescent="0.25">
      <c r="D28277" s="6">
        <v>563.47289999999998</v>
      </c>
      <c r="E28277" s="6">
        <v>511.13459999999998</v>
      </c>
    </row>
    <row r="28278" spans="4:5" x14ac:dyDescent="0.25">
      <c r="D28278" s="6">
        <v>1085.3510000000001</v>
      </c>
      <c r="E28278" s="6">
        <v>558.73220000000003</v>
      </c>
    </row>
    <row r="28279" spans="4:5" x14ac:dyDescent="0.25">
      <c r="D28279" s="6">
        <v>289.29219999999998</v>
      </c>
      <c r="E28279" s="6">
        <v>1378.1769999999999</v>
      </c>
    </row>
    <row r="28280" spans="4:5" x14ac:dyDescent="0.25">
      <c r="D28280" s="6">
        <v>821.93489999999997</v>
      </c>
      <c r="E28280" s="6">
        <v>7045.2</v>
      </c>
    </row>
    <row r="28281" spans="4:5" x14ac:dyDescent="0.25">
      <c r="D28281" s="6">
        <v>1478.3420000000001</v>
      </c>
      <c r="E28281" s="6">
        <v>970.24199999999996</v>
      </c>
    </row>
    <row r="28282" spans="4:5" x14ac:dyDescent="0.25">
      <c r="D28282" s="6">
        <v>2920.3449999999998</v>
      </c>
      <c r="E28282" s="6">
        <v>1018.5069999999999</v>
      </c>
    </row>
    <row r="28283" spans="4:5" x14ac:dyDescent="0.25">
      <c r="D28283" s="6">
        <v>2062.5</v>
      </c>
      <c r="E28283" s="6">
        <v>16049.2</v>
      </c>
    </row>
    <row r="28284" spans="4:5" x14ac:dyDescent="0.25">
      <c r="D28284" s="6">
        <v>592.30669999999998</v>
      </c>
      <c r="E28284" s="6">
        <v>851.59699999999998</v>
      </c>
    </row>
    <row r="28285" spans="4:5" x14ac:dyDescent="0.25">
      <c r="D28285" s="6">
        <v>1516.645</v>
      </c>
      <c r="E28285" s="6">
        <v>476.99889999999999</v>
      </c>
    </row>
    <row r="28286" spans="4:5" x14ac:dyDescent="0.25">
      <c r="D28286" s="6">
        <v>4717.6629999999996</v>
      </c>
      <c r="E28286" s="6">
        <v>948.83389999999997</v>
      </c>
    </row>
    <row r="28287" spans="4:5" x14ac:dyDescent="0.25">
      <c r="D28287" s="6">
        <v>1295.4970000000001</v>
      </c>
      <c r="E28287" s="6">
        <v>1399.836</v>
      </c>
    </row>
    <row r="28288" spans="4:5" x14ac:dyDescent="0.25">
      <c r="D28288" s="6">
        <v>694.28030000000001</v>
      </c>
      <c r="E28288" s="6">
        <v>970.61469999999997</v>
      </c>
    </row>
    <row r="28289" spans="4:5" x14ac:dyDescent="0.25">
      <c r="D28289" s="6">
        <v>1889.433</v>
      </c>
      <c r="E28289" s="6">
        <v>980.68529999999998</v>
      </c>
    </row>
    <row r="28290" spans="4:5" x14ac:dyDescent="0.25">
      <c r="D28290" s="6">
        <v>1279.424</v>
      </c>
      <c r="E28290" s="6">
        <v>1253.521</v>
      </c>
    </row>
    <row r="28291" spans="4:5" x14ac:dyDescent="0.25">
      <c r="D28291" s="6">
        <v>1642.058</v>
      </c>
      <c r="E28291" s="6">
        <v>4774.1729999999998</v>
      </c>
    </row>
    <row r="28292" spans="4:5" x14ac:dyDescent="0.25">
      <c r="D28292" s="6">
        <v>1249.8240000000001</v>
      </c>
      <c r="E28292" s="6">
        <v>940.29</v>
      </c>
    </row>
    <row r="28293" spans="4:5" x14ac:dyDescent="0.25">
      <c r="D28293" s="6">
        <v>496.49239999999998</v>
      </c>
      <c r="E28293" s="6">
        <v>474.27269999999999</v>
      </c>
    </row>
    <row r="28294" spans="4:5" x14ac:dyDescent="0.25">
      <c r="D28294" s="6">
        <v>2691.9409999999998</v>
      </c>
      <c r="E28294" s="6">
        <v>1025.8109999999999</v>
      </c>
    </row>
    <row r="28295" spans="4:5" x14ac:dyDescent="0.25">
      <c r="D28295" s="6">
        <v>1345.595</v>
      </c>
      <c r="E28295" s="6">
        <v>462.39179999999999</v>
      </c>
    </row>
    <row r="28296" spans="4:5" x14ac:dyDescent="0.25">
      <c r="D28296" s="6">
        <v>463.1875</v>
      </c>
      <c r="E28296" s="6">
        <v>5023.5349999999999</v>
      </c>
    </row>
    <row r="28297" spans="4:5" x14ac:dyDescent="0.25">
      <c r="D28297" s="6">
        <v>1578.653</v>
      </c>
      <c r="E28297" s="6">
        <v>739.75</v>
      </c>
    </row>
    <row r="28298" spans="4:5" x14ac:dyDescent="0.25">
      <c r="D28298" s="6">
        <v>8415</v>
      </c>
      <c r="E28298" s="6">
        <v>465.9461</v>
      </c>
    </row>
    <row r="28299" spans="4:5" x14ac:dyDescent="0.25">
      <c r="D28299" s="6">
        <v>1192.2149999999999</v>
      </c>
      <c r="E28299" s="6">
        <v>573.27650000000006</v>
      </c>
    </row>
    <row r="28300" spans="4:5" x14ac:dyDescent="0.25">
      <c r="D28300" s="6">
        <v>690.12279999999998</v>
      </c>
      <c r="E28300" s="6">
        <v>935.12919999999997</v>
      </c>
    </row>
    <row r="28301" spans="4:5" x14ac:dyDescent="0.25">
      <c r="D28301" s="6">
        <v>598.62189999999998</v>
      </c>
      <c r="E28301" s="6">
        <v>7594.7139999999999</v>
      </c>
    </row>
    <row r="28302" spans="4:5" x14ac:dyDescent="0.25">
      <c r="D28302" s="6">
        <v>976.51080000000002</v>
      </c>
      <c r="E28302" s="6">
        <v>1060.875</v>
      </c>
    </row>
    <row r="28303" spans="4:5" x14ac:dyDescent="0.25">
      <c r="D28303" s="6">
        <v>1098.5340000000001</v>
      </c>
      <c r="E28303" s="6">
        <v>861.77149999999995</v>
      </c>
    </row>
    <row r="28304" spans="4:5" x14ac:dyDescent="0.25">
      <c r="D28304" s="6">
        <v>2126.6869999999999</v>
      </c>
      <c r="E28304" s="6">
        <v>1517.4259999999999</v>
      </c>
    </row>
    <row r="28305" spans="4:5" x14ac:dyDescent="0.25">
      <c r="D28305" s="6">
        <v>4862.0110000000004</v>
      </c>
      <c r="E28305" s="6">
        <v>983.99159999999995</v>
      </c>
    </row>
    <row r="28306" spans="4:5" x14ac:dyDescent="0.25">
      <c r="D28306" s="6">
        <v>835.58989999999994</v>
      </c>
      <c r="E28306" s="6">
        <v>1267.973</v>
      </c>
    </row>
    <row r="28307" spans="4:5" x14ac:dyDescent="0.25">
      <c r="D28307" s="6">
        <v>2645.4</v>
      </c>
      <c r="E28307" s="6">
        <v>609.46619999999996</v>
      </c>
    </row>
    <row r="28308" spans="4:5" x14ac:dyDescent="0.25">
      <c r="D28308" s="6">
        <v>3608.4679999999998</v>
      </c>
      <c r="E28308" s="6">
        <v>456.0745</v>
      </c>
    </row>
    <row r="28309" spans="4:5" x14ac:dyDescent="0.25">
      <c r="D28309" s="6">
        <v>1431.915</v>
      </c>
      <c r="E28309" s="6">
        <v>1379.5709999999999</v>
      </c>
    </row>
    <row r="28310" spans="4:5" x14ac:dyDescent="0.25">
      <c r="D28310" s="6">
        <v>978.75170000000003</v>
      </c>
      <c r="E28310" s="6">
        <v>1116.932</v>
      </c>
    </row>
    <row r="28311" spans="4:5" x14ac:dyDescent="0.25">
      <c r="D28311" s="6">
        <v>613.65129999999999</v>
      </c>
      <c r="E28311" s="6">
        <v>2785.72</v>
      </c>
    </row>
    <row r="28312" spans="4:5" x14ac:dyDescent="0.25">
      <c r="D28312" s="6">
        <v>1584.107</v>
      </c>
      <c r="E28312" s="6">
        <v>687.09879999999998</v>
      </c>
    </row>
    <row r="28313" spans="4:5" x14ac:dyDescent="0.25">
      <c r="D28313" s="6">
        <v>588.12300000000005</v>
      </c>
      <c r="E28313" s="6">
        <v>6454</v>
      </c>
    </row>
    <row r="28314" spans="4:5" x14ac:dyDescent="0.25">
      <c r="D28314" s="6">
        <v>779.72130000000004</v>
      </c>
      <c r="E28314" s="6">
        <v>644.66669999999999</v>
      </c>
    </row>
    <row r="28315" spans="4:5" x14ac:dyDescent="0.25">
      <c r="D28315" s="6">
        <v>1894.1079999999999</v>
      </c>
      <c r="E28315" s="6">
        <v>912.02760000000001</v>
      </c>
    </row>
    <row r="28316" spans="4:5" x14ac:dyDescent="0.25">
      <c r="D28316" s="6">
        <v>1282.674</v>
      </c>
      <c r="E28316" s="6">
        <v>1196.5609999999999</v>
      </c>
    </row>
    <row r="28317" spans="4:5" x14ac:dyDescent="0.25">
      <c r="D28317" s="6">
        <v>1137.0830000000001</v>
      </c>
      <c r="E28317" s="6">
        <v>1648.9570000000001</v>
      </c>
    </row>
    <row r="28318" spans="4:5" x14ac:dyDescent="0.25">
      <c r="D28318" s="6">
        <v>1608.5360000000001</v>
      </c>
      <c r="E28318" s="6">
        <v>1790.75</v>
      </c>
    </row>
    <row r="28319" spans="4:5" x14ac:dyDescent="0.25">
      <c r="D28319" s="6">
        <v>2406.7979999999998</v>
      </c>
      <c r="E28319" s="6">
        <v>1005.62</v>
      </c>
    </row>
    <row r="28320" spans="4:5" x14ac:dyDescent="0.25">
      <c r="D28320" s="6">
        <v>866.95140000000004</v>
      </c>
      <c r="E28320" s="6">
        <v>892.64120000000003</v>
      </c>
    </row>
    <row r="28321" spans="4:5" x14ac:dyDescent="0.25">
      <c r="D28321" s="6">
        <v>1325.7539999999999</v>
      </c>
      <c r="E28321" s="6">
        <v>1155.9570000000001</v>
      </c>
    </row>
    <row r="28322" spans="4:5" x14ac:dyDescent="0.25">
      <c r="D28322" s="6">
        <v>554.35530000000006</v>
      </c>
      <c r="E28322" s="6">
        <v>1267.7940000000001</v>
      </c>
    </row>
    <row r="28323" spans="4:5" x14ac:dyDescent="0.25">
      <c r="D28323" s="6">
        <v>2599.3029999999999</v>
      </c>
      <c r="E28323" s="6">
        <v>528.68550000000005</v>
      </c>
    </row>
    <row r="28324" spans="4:5" x14ac:dyDescent="0.25">
      <c r="D28324" s="6">
        <v>1038.9369999999999</v>
      </c>
      <c r="E28324" s="6">
        <v>814.72990000000004</v>
      </c>
    </row>
    <row r="28325" spans="4:5" x14ac:dyDescent="0.25">
      <c r="D28325" s="6">
        <v>524.51739999999995</v>
      </c>
      <c r="E28325" s="6">
        <v>2144.7579999999998</v>
      </c>
    </row>
    <row r="28326" spans="4:5" x14ac:dyDescent="0.25">
      <c r="D28326" s="6">
        <v>894.57910000000004</v>
      </c>
      <c r="E28326" s="6">
        <v>1271.473</v>
      </c>
    </row>
    <row r="28327" spans="4:5" x14ac:dyDescent="0.25">
      <c r="D28327" s="6">
        <v>1296.9280000000001</v>
      </c>
      <c r="E28327" s="6">
        <v>1118.848</v>
      </c>
    </row>
    <row r="28328" spans="4:5" x14ac:dyDescent="0.25">
      <c r="D28328" s="6">
        <v>1354.2090000000001</v>
      </c>
      <c r="E28328" s="6">
        <v>1328.7180000000001</v>
      </c>
    </row>
    <row r="28329" spans="4:5" x14ac:dyDescent="0.25">
      <c r="D28329" s="6">
        <v>989.67060000000004</v>
      </c>
      <c r="E28329" s="6">
        <v>587.78750000000002</v>
      </c>
    </row>
    <row r="28330" spans="4:5" x14ac:dyDescent="0.25">
      <c r="D28330" s="6">
        <v>7539.2479999999996</v>
      </c>
      <c r="E28330" s="6">
        <v>720.55669999999998</v>
      </c>
    </row>
    <row r="28331" spans="4:5" x14ac:dyDescent="0.25">
      <c r="D28331" s="6">
        <v>631.80809999999997</v>
      </c>
      <c r="E28331" s="6">
        <v>1385.3030000000001</v>
      </c>
    </row>
    <row r="28332" spans="4:5" x14ac:dyDescent="0.25">
      <c r="D28332" s="6">
        <v>1139.626</v>
      </c>
      <c r="E28332" s="6">
        <v>1044.3699999999999</v>
      </c>
    </row>
    <row r="28333" spans="4:5" x14ac:dyDescent="0.25">
      <c r="D28333" s="6">
        <v>3788.6320000000001</v>
      </c>
      <c r="E28333" s="6">
        <v>1282.268</v>
      </c>
    </row>
    <row r="28334" spans="4:5" x14ac:dyDescent="0.25">
      <c r="D28334" s="6">
        <v>1515.9449999999999</v>
      </c>
      <c r="E28334" s="6">
        <v>1891.1569999999999</v>
      </c>
    </row>
    <row r="28335" spans="4:5" x14ac:dyDescent="0.25">
      <c r="D28335" s="6">
        <v>724.23109999999997</v>
      </c>
      <c r="E28335" s="6">
        <v>1678.3679999999999</v>
      </c>
    </row>
    <row r="28336" spans="4:5" x14ac:dyDescent="0.25">
      <c r="D28336" s="6">
        <v>1444.4590000000001</v>
      </c>
      <c r="E28336" s="6">
        <v>1002.303</v>
      </c>
    </row>
    <row r="28337" spans="4:5" x14ac:dyDescent="0.25">
      <c r="D28337" s="6">
        <v>813.15039999999999</v>
      </c>
      <c r="E28337" s="6">
        <v>900.73820000000001</v>
      </c>
    </row>
    <row r="28338" spans="4:5" x14ac:dyDescent="0.25">
      <c r="D28338" s="6">
        <v>858.09799999999996</v>
      </c>
      <c r="E28338" s="6">
        <v>4164</v>
      </c>
    </row>
    <row r="28339" spans="4:5" x14ac:dyDescent="0.25">
      <c r="D28339" s="6">
        <v>1267.5999999999999</v>
      </c>
      <c r="E28339" s="6">
        <v>508.82560000000001</v>
      </c>
    </row>
    <row r="28340" spans="4:5" x14ac:dyDescent="0.25">
      <c r="D28340" s="6">
        <v>671.76980000000003</v>
      </c>
      <c r="E28340" s="6">
        <v>1279.412</v>
      </c>
    </row>
    <row r="28341" spans="4:5" x14ac:dyDescent="0.25">
      <c r="D28341" s="6">
        <v>1171.97</v>
      </c>
      <c r="E28341" s="6">
        <v>2361.6460000000002</v>
      </c>
    </row>
    <row r="28342" spans="4:5" x14ac:dyDescent="0.25">
      <c r="D28342" s="6">
        <v>754.96659999999997</v>
      </c>
      <c r="E28342" s="6">
        <v>1221.963</v>
      </c>
    </row>
    <row r="28343" spans="4:5" x14ac:dyDescent="0.25">
      <c r="D28343" s="6">
        <v>2370.3989999999999</v>
      </c>
      <c r="E28343" s="6">
        <v>3253.1289999999999</v>
      </c>
    </row>
    <row r="28344" spans="4:5" x14ac:dyDescent="0.25">
      <c r="D28344" s="6">
        <v>1332.9269999999999</v>
      </c>
      <c r="E28344" s="6">
        <v>683.58680000000004</v>
      </c>
    </row>
    <row r="28345" spans="4:5" x14ac:dyDescent="0.25">
      <c r="D28345" s="6">
        <v>1069.902</v>
      </c>
      <c r="E28345" s="6">
        <v>804.68560000000002</v>
      </c>
    </row>
    <row r="28346" spans="4:5" x14ac:dyDescent="0.25">
      <c r="D28346" s="6">
        <v>2971.34</v>
      </c>
      <c r="E28346" s="6">
        <v>917.35580000000004</v>
      </c>
    </row>
    <row r="28347" spans="4:5" x14ac:dyDescent="0.25">
      <c r="D28347" s="6">
        <v>2362.9679999999998</v>
      </c>
      <c r="E28347" s="6">
        <v>799.80650000000003</v>
      </c>
    </row>
    <row r="28348" spans="4:5" x14ac:dyDescent="0.25">
      <c r="D28348" s="6">
        <v>1212.106</v>
      </c>
      <c r="E28348" s="6">
        <v>2529.0309999999999</v>
      </c>
    </row>
    <row r="28349" spans="4:5" x14ac:dyDescent="0.25">
      <c r="D28349" s="6">
        <v>1321.7829999999999</v>
      </c>
      <c r="E28349" s="6">
        <v>922.16549999999995</v>
      </c>
    </row>
    <row r="28350" spans="4:5" x14ac:dyDescent="0.25">
      <c r="D28350" s="6">
        <v>1337.7470000000001</v>
      </c>
      <c r="E28350" s="6">
        <v>2243.9009999999998</v>
      </c>
    </row>
    <row r="28351" spans="4:5" x14ac:dyDescent="0.25">
      <c r="D28351" s="6">
        <v>1494.7840000000001</v>
      </c>
      <c r="E28351" s="6">
        <v>835.80520000000001</v>
      </c>
    </row>
    <row r="28352" spans="4:5" x14ac:dyDescent="0.25">
      <c r="D28352" s="6">
        <v>635.59739999999999</v>
      </c>
      <c r="E28352" s="6">
        <v>2572.81</v>
      </c>
    </row>
    <row r="28353" spans="4:5" x14ac:dyDescent="0.25">
      <c r="D28353" s="6">
        <v>1396.3</v>
      </c>
      <c r="E28353" s="6">
        <v>3349.2020000000002</v>
      </c>
    </row>
    <row r="28354" spans="4:5" x14ac:dyDescent="0.25">
      <c r="D28354" s="6">
        <v>9666.2219999999998</v>
      </c>
      <c r="E28354" s="6">
        <v>1427.6780000000001</v>
      </c>
    </row>
    <row r="28355" spans="4:5" x14ac:dyDescent="0.25">
      <c r="D28355" s="6">
        <v>1336.999</v>
      </c>
      <c r="E28355" s="6">
        <v>611.04200000000003</v>
      </c>
    </row>
    <row r="28356" spans="4:5" x14ac:dyDescent="0.25">
      <c r="D28356" s="6">
        <v>984.15380000000005</v>
      </c>
      <c r="E28356" s="6">
        <v>1155.2940000000001</v>
      </c>
    </row>
    <row r="28357" spans="4:5" x14ac:dyDescent="0.25">
      <c r="D28357" s="6">
        <v>4303.4070000000002</v>
      </c>
      <c r="E28357" s="6">
        <v>3843.5230000000001</v>
      </c>
    </row>
    <row r="28358" spans="4:5" x14ac:dyDescent="0.25">
      <c r="D28358" s="6">
        <v>545.90620000000001</v>
      </c>
      <c r="E28358" s="6">
        <v>537.13869999999997</v>
      </c>
    </row>
    <row r="28359" spans="4:5" x14ac:dyDescent="0.25">
      <c r="D28359" s="6">
        <v>2148.06</v>
      </c>
      <c r="E28359" s="6">
        <v>2362.759</v>
      </c>
    </row>
    <row r="28360" spans="4:5" x14ac:dyDescent="0.25">
      <c r="D28360" s="6">
        <v>859.45420000000001</v>
      </c>
      <c r="E28360" s="6">
        <v>2569.9380000000001</v>
      </c>
    </row>
    <row r="28361" spans="4:5" x14ac:dyDescent="0.25">
      <c r="D28361" s="6">
        <v>1146.5640000000001</v>
      </c>
      <c r="E28361" s="6">
        <v>871.02290000000005</v>
      </c>
    </row>
    <row r="28362" spans="4:5" x14ac:dyDescent="0.25">
      <c r="D28362" s="6">
        <v>1002.115</v>
      </c>
      <c r="E28362" s="6">
        <v>1388.6510000000001</v>
      </c>
    </row>
    <row r="28363" spans="4:5" x14ac:dyDescent="0.25">
      <c r="D28363" s="6">
        <v>4161.1409999999996</v>
      </c>
      <c r="E28363" s="6">
        <v>1649.3620000000001</v>
      </c>
    </row>
    <row r="28364" spans="4:5" x14ac:dyDescent="0.25">
      <c r="D28364" s="6">
        <v>676.23699999999997</v>
      </c>
      <c r="E28364" s="6">
        <v>513.2115</v>
      </c>
    </row>
    <row r="28365" spans="4:5" x14ac:dyDescent="0.25">
      <c r="D28365" s="6">
        <v>1246.3510000000001</v>
      </c>
      <c r="E28365" s="6">
        <v>6123</v>
      </c>
    </row>
    <row r="28366" spans="4:5" x14ac:dyDescent="0.25">
      <c r="D28366" s="6">
        <v>10007.780000000001</v>
      </c>
      <c r="E28366" s="6">
        <v>1221.8230000000001</v>
      </c>
    </row>
    <row r="28367" spans="4:5" x14ac:dyDescent="0.25">
      <c r="D28367" s="6">
        <v>3028.2179999999998</v>
      </c>
      <c r="E28367" s="6">
        <v>771.74069999999995</v>
      </c>
    </row>
    <row r="28368" spans="4:5" x14ac:dyDescent="0.25">
      <c r="D28368" s="6">
        <v>1347.085</v>
      </c>
      <c r="E28368" s="6">
        <v>5616.8959999999997</v>
      </c>
    </row>
    <row r="28369" spans="4:5" x14ac:dyDescent="0.25">
      <c r="D28369" s="6">
        <v>669.52869999999996</v>
      </c>
      <c r="E28369" s="6">
        <v>1076.0239999999999</v>
      </c>
    </row>
    <row r="28370" spans="4:5" x14ac:dyDescent="0.25">
      <c r="D28370" s="6">
        <v>937.26</v>
      </c>
      <c r="E28370" s="6">
        <v>800.03920000000005</v>
      </c>
    </row>
    <row r="28371" spans="4:5" x14ac:dyDescent="0.25">
      <c r="D28371" s="6">
        <v>1176.1420000000001</v>
      </c>
      <c r="E28371" s="6">
        <v>929.30799999999999</v>
      </c>
    </row>
    <row r="28372" spans="4:5" x14ac:dyDescent="0.25">
      <c r="D28372" s="6">
        <v>739.1807</v>
      </c>
      <c r="E28372" s="6">
        <v>1289.712</v>
      </c>
    </row>
    <row r="28373" spans="4:5" x14ac:dyDescent="0.25">
      <c r="D28373" s="6">
        <v>902.81539999999995</v>
      </c>
      <c r="E28373" s="6">
        <v>2053.7049999999999</v>
      </c>
    </row>
    <row r="28374" spans="4:5" x14ac:dyDescent="0.25">
      <c r="D28374" s="6">
        <v>1863.44</v>
      </c>
      <c r="E28374" s="6">
        <v>949.82039999999995</v>
      </c>
    </row>
    <row r="28375" spans="4:5" x14ac:dyDescent="0.25">
      <c r="D28375" s="6">
        <v>1827.876</v>
      </c>
      <c r="E28375" s="6">
        <v>699.27369999999996</v>
      </c>
    </row>
    <row r="28376" spans="4:5" x14ac:dyDescent="0.25">
      <c r="D28376" s="6">
        <v>1338.4639999999999</v>
      </c>
      <c r="E28376" s="6">
        <v>2523.1019999999999</v>
      </c>
    </row>
    <row r="28377" spans="4:5" x14ac:dyDescent="0.25">
      <c r="D28377" s="6">
        <v>1748.2760000000001</v>
      </c>
      <c r="E28377" s="6">
        <v>1346.1110000000001</v>
      </c>
    </row>
    <row r="28378" spans="4:5" x14ac:dyDescent="0.25">
      <c r="D28378" s="6">
        <v>512.52539999999999</v>
      </c>
      <c r="E28378" s="6">
        <v>2625.049</v>
      </c>
    </row>
    <row r="28379" spans="4:5" x14ac:dyDescent="0.25">
      <c r="D28379" s="6">
        <v>2000.1079999999999</v>
      </c>
      <c r="E28379" s="6">
        <v>1247.885</v>
      </c>
    </row>
    <row r="28380" spans="4:5" x14ac:dyDescent="0.25">
      <c r="D28380" s="6">
        <v>6877.7240000000002</v>
      </c>
      <c r="E28380" s="6">
        <v>576.09370000000001</v>
      </c>
    </row>
    <row r="28381" spans="4:5" x14ac:dyDescent="0.25">
      <c r="D28381" s="6">
        <v>1225.4380000000001</v>
      </c>
      <c r="E28381" s="6">
        <v>736.15309999999999</v>
      </c>
    </row>
    <row r="28382" spans="4:5" x14ac:dyDescent="0.25">
      <c r="D28382" s="6">
        <v>785.17399999999998</v>
      </c>
      <c r="E28382" s="6">
        <v>1142.539</v>
      </c>
    </row>
    <row r="28383" spans="4:5" x14ac:dyDescent="0.25">
      <c r="D28383" s="6">
        <v>817.50149999999996</v>
      </c>
      <c r="E28383" s="6">
        <v>3140.2310000000002</v>
      </c>
    </row>
    <row r="28384" spans="4:5" x14ac:dyDescent="0.25">
      <c r="D28384" s="6">
        <v>1550.1089999999999</v>
      </c>
      <c r="E28384" s="6">
        <v>13341.9</v>
      </c>
    </row>
    <row r="28385" spans="4:5" x14ac:dyDescent="0.25">
      <c r="D28385" s="6">
        <v>527.8442</v>
      </c>
      <c r="E28385" s="6">
        <v>10090.86</v>
      </c>
    </row>
    <row r="28386" spans="4:5" x14ac:dyDescent="0.25">
      <c r="D28386" s="6">
        <v>756.4846</v>
      </c>
      <c r="E28386" s="6">
        <v>3405.5419999999999</v>
      </c>
    </row>
    <row r="28387" spans="4:5" x14ac:dyDescent="0.25">
      <c r="D28387" s="6">
        <v>557.46429999999998</v>
      </c>
      <c r="E28387" s="6">
        <v>480.54250000000002</v>
      </c>
    </row>
    <row r="28388" spans="4:5" x14ac:dyDescent="0.25">
      <c r="D28388" s="6">
        <v>499.2715</v>
      </c>
      <c r="E28388" s="6">
        <v>907.52729999999997</v>
      </c>
    </row>
    <row r="28389" spans="4:5" x14ac:dyDescent="0.25">
      <c r="D28389" s="6">
        <v>1278.7449999999999</v>
      </c>
      <c r="E28389" s="6">
        <v>1313.9939999999999</v>
      </c>
    </row>
    <row r="28390" spans="4:5" x14ac:dyDescent="0.25">
      <c r="D28390" s="6">
        <v>510.66320000000002</v>
      </c>
      <c r="E28390" s="6">
        <v>2463.3649999999998</v>
      </c>
    </row>
    <row r="28391" spans="4:5" x14ac:dyDescent="0.25">
      <c r="D28391" s="6">
        <v>2388.9780000000001</v>
      </c>
      <c r="E28391" s="6">
        <v>1093.46</v>
      </c>
    </row>
    <row r="28392" spans="4:5" x14ac:dyDescent="0.25">
      <c r="D28392" s="6">
        <v>3011.8960000000002</v>
      </c>
      <c r="E28392" s="6">
        <v>1202.528</v>
      </c>
    </row>
    <row r="28393" spans="4:5" x14ac:dyDescent="0.25">
      <c r="D28393" s="6">
        <v>1048.9760000000001</v>
      </c>
      <c r="E28393" s="6">
        <v>2315.5509999999999</v>
      </c>
    </row>
    <row r="28394" spans="4:5" x14ac:dyDescent="0.25">
      <c r="D28394" s="6">
        <v>688.62059999999997</v>
      </c>
      <c r="E28394" s="6">
        <v>3285.9250000000002</v>
      </c>
    </row>
    <row r="28395" spans="4:5" x14ac:dyDescent="0.25">
      <c r="D28395" s="6">
        <v>1332.8309999999999</v>
      </c>
      <c r="E28395" s="6">
        <v>471.149</v>
      </c>
    </row>
    <row r="28396" spans="4:5" x14ac:dyDescent="0.25">
      <c r="D28396" s="6">
        <v>4179.4650000000001</v>
      </c>
      <c r="E28396" s="6">
        <v>1763.203</v>
      </c>
    </row>
    <row r="28397" spans="4:5" x14ac:dyDescent="0.25">
      <c r="D28397" s="6">
        <v>1184.9960000000001</v>
      </c>
      <c r="E28397" s="6">
        <v>2447.4679999999998</v>
      </c>
    </row>
    <row r="28398" spans="4:5" x14ac:dyDescent="0.25">
      <c r="D28398" s="6">
        <v>3517.221</v>
      </c>
      <c r="E28398" s="6">
        <v>2787.4470000000001</v>
      </c>
    </row>
    <row r="28399" spans="4:5" x14ac:dyDescent="0.25">
      <c r="D28399" s="6">
        <v>1379.5260000000001</v>
      </c>
      <c r="E28399" s="6">
        <v>2345.8850000000002</v>
      </c>
    </row>
    <row r="28400" spans="4:5" x14ac:dyDescent="0.25">
      <c r="D28400" s="6">
        <v>1384.8889999999999</v>
      </c>
      <c r="E28400" s="6">
        <v>590.20079999999996</v>
      </c>
    </row>
    <row r="28401" spans="4:5" x14ac:dyDescent="0.25">
      <c r="D28401" s="6">
        <v>2634.3780000000002</v>
      </c>
      <c r="E28401" s="6">
        <v>1841.9369999999999</v>
      </c>
    </row>
    <row r="28402" spans="4:5" x14ac:dyDescent="0.25">
      <c r="D28402" s="6">
        <v>1068.981</v>
      </c>
      <c r="E28402" s="6">
        <v>669.02</v>
      </c>
    </row>
    <row r="28403" spans="4:5" x14ac:dyDescent="0.25">
      <c r="D28403" s="6">
        <v>579.71259999999995</v>
      </c>
      <c r="E28403" s="6">
        <v>1276.8409999999999</v>
      </c>
    </row>
    <row r="28404" spans="4:5" x14ac:dyDescent="0.25">
      <c r="D28404" s="6">
        <v>1573.068</v>
      </c>
      <c r="E28404" s="6">
        <v>2494.415</v>
      </c>
    </row>
    <row r="28405" spans="4:5" x14ac:dyDescent="0.25">
      <c r="D28405" s="6">
        <v>3753.201</v>
      </c>
      <c r="E28405" s="6">
        <v>796.15110000000004</v>
      </c>
    </row>
    <row r="28406" spans="4:5" x14ac:dyDescent="0.25">
      <c r="D28406" s="6">
        <v>598.26959999999997</v>
      </c>
      <c r="E28406" s="6">
        <v>2062.5520000000001</v>
      </c>
    </row>
    <row r="28407" spans="4:5" x14ac:dyDescent="0.25">
      <c r="D28407" s="6">
        <v>1084.2</v>
      </c>
      <c r="E28407" s="6">
        <v>508.286</v>
      </c>
    </row>
    <row r="28408" spans="4:5" x14ac:dyDescent="0.25">
      <c r="D28408" s="6">
        <v>4080.0810000000001</v>
      </c>
      <c r="E28408" s="6">
        <v>1019.207</v>
      </c>
    </row>
    <row r="28409" spans="4:5" x14ac:dyDescent="0.25">
      <c r="D28409" s="6">
        <v>2380.9119999999998</v>
      </c>
      <c r="E28409" s="6">
        <v>1119.42</v>
      </c>
    </row>
    <row r="28410" spans="4:5" x14ac:dyDescent="0.25">
      <c r="D28410" s="6">
        <v>1202.336</v>
      </c>
      <c r="E28410" s="6">
        <v>1602.34</v>
      </c>
    </row>
    <row r="28411" spans="4:5" x14ac:dyDescent="0.25">
      <c r="D28411" s="6">
        <v>1091.479</v>
      </c>
      <c r="E28411" s="6">
        <v>514.82190000000003</v>
      </c>
    </row>
    <row r="28412" spans="4:5" x14ac:dyDescent="0.25">
      <c r="D28412" s="6">
        <v>3743.5</v>
      </c>
      <c r="E28412" s="6">
        <v>842.05629999999996</v>
      </c>
    </row>
    <row r="28413" spans="4:5" x14ac:dyDescent="0.25">
      <c r="D28413" s="6">
        <v>1335.5630000000001</v>
      </c>
      <c r="E28413" s="6">
        <v>876.42790000000002</v>
      </c>
    </row>
    <row r="28414" spans="4:5" x14ac:dyDescent="0.25">
      <c r="D28414" s="6">
        <v>1105.9749999999999</v>
      </c>
      <c r="E28414" s="6">
        <v>1048.8869999999999</v>
      </c>
    </row>
    <row r="28415" spans="4:5" x14ac:dyDescent="0.25">
      <c r="D28415" s="6">
        <v>1475.9010000000001</v>
      </c>
      <c r="E28415" s="6">
        <v>452.33420000000001</v>
      </c>
    </row>
    <row r="28416" spans="4:5" x14ac:dyDescent="0.25">
      <c r="D28416" s="6">
        <v>1146.1079999999999</v>
      </c>
      <c r="E28416" s="6">
        <v>942.79480000000001</v>
      </c>
    </row>
    <row r="28417" spans="4:5" x14ac:dyDescent="0.25">
      <c r="D28417" s="6">
        <v>1054.095</v>
      </c>
      <c r="E28417" s="6">
        <v>1145.0730000000001</v>
      </c>
    </row>
    <row r="28418" spans="4:5" x14ac:dyDescent="0.25">
      <c r="D28418" s="6">
        <v>3533.518</v>
      </c>
      <c r="E28418" s="6">
        <v>1418.9760000000001</v>
      </c>
    </row>
    <row r="28419" spans="4:5" x14ac:dyDescent="0.25">
      <c r="D28419" s="6">
        <v>1290.9549999999999</v>
      </c>
      <c r="E28419" s="6">
        <v>857.13940000000002</v>
      </c>
    </row>
    <row r="28420" spans="4:5" x14ac:dyDescent="0.25">
      <c r="D28420" s="6">
        <v>4351.8680000000004</v>
      </c>
      <c r="E28420" s="6">
        <v>889.83259999999996</v>
      </c>
    </row>
    <row r="28421" spans="4:5" x14ac:dyDescent="0.25">
      <c r="D28421" s="6">
        <v>938.19079999999997</v>
      </c>
      <c r="E28421" s="6">
        <v>1230.3440000000001</v>
      </c>
    </row>
    <row r="28422" spans="4:5" x14ac:dyDescent="0.25">
      <c r="D28422" s="6">
        <v>1352.059</v>
      </c>
      <c r="E28422" s="6">
        <v>1179.694</v>
      </c>
    </row>
    <row r="28423" spans="4:5" x14ac:dyDescent="0.25">
      <c r="D28423" s="6">
        <v>1737.4870000000001</v>
      </c>
      <c r="E28423" s="6">
        <v>760.15009999999995</v>
      </c>
    </row>
    <row r="28424" spans="4:5" x14ac:dyDescent="0.25">
      <c r="D28424" s="6">
        <v>1359.4949999999999</v>
      </c>
      <c r="E28424" s="6">
        <v>491.20510000000002</v>
      </c>
    </row>
    <row r="28425" spans="4:5" x14ac:dyDescent="0.25">
      <c r="D28425" s="6">
        <v>1145.538</v>
      </c>
      <c r="E28425" s="6">
        <v>1086.1310000000001</v>
      </c>
    </row>
    <row r="28426" spans="4:5" x14ac:dyDescent="0.25">
      <c r="D28426" s="6">
        <v>1168.0609999999999</v>
      </c>
      <c r="E28426" s="6">
        <v>949.23950000000002</v>
      </c>
    </row>
    <row r="28427" spans="4:5" x14ac:dyDescent="0.25">
      <c r="D28427" s="6">
        <v>1295.6949999999999</v>
      </c>
      <c r="E28427" s="6">
        <v>647</v>
      </c>
    </row>
    <row r="28428" spans="4:5" x14ac:dyDescent="0.25">
      <c r="D28428" s="6">
        <v>800.56200000000001</v>
      </c>
      <c r="E28428" s="6">
        <v>514.89390000000003</v>
      </c>
    </row>
    <row r="28429" spans="4:5" x14ac:dyDescent="0.25">
      <c r="D28429" s="6">
        <v>1325.3910000000001</v>
      </c>
      <c r="E28429" s="6">
        <v>736.87260000000003</v>
      </c>
    </row>
    <row r="28430" spans="4:5" x14ac:dyDescent="0.25">
      <c r="D28430" s="6">
        <v>1109.248</v>
      </c>
      <c r="E28430" s="6">
        <v>2798.9110000000001</v>
      </c>
    </row>
    <row r="28431" spans="4:5" x14ac:dyDescent="0.25">
      <c r="D28431" s="6">
        <v>1378.6769999999999</v>
      </c>
      <c r="E28431" s="6">
        <v>663.10320000000002</v>
      </c>
    </row>
    <row r="28432" spans="4:5" x14ac:dyDescent="0.25">
      <c r="D28432" s="6">
        <v>1645.7149999999999</v>
      </c>
      <c r="E28432" s="6">
        <v>704.83109999999999</v>
      </c>
    </row>
    <row r="28433" spans="4:5" x14ac:dyDescent="0.25">
      <c r="D28433" s="6">
        <v>590.08699999999999</v>
      </c>
      <c r="E28433" s="6">
        <v>1534.521</v>
      </c>
    </row>
    <row r="28434" spans="4:5" x14ac:dyDescent="0.25">
      <c r="D28434" s="6">
        <v>593.55690000000004</v>
      </c>
      <c r="E28434" s="6">
        <v>1305.682</v>
      </c>
    </row>
    <row r="28435" spans="4:5" x14ac:dyDescent="0.25">
      <c r="D28435" s="6">
        <v>1591.069</v>
      </c>
      <c r="E28435" s="6">
        <v>1874.7560000000001</v>
      </c>
    </row>
    <row r="28436" spans="4:5" x14ac:dyDescent="0.25">
      <c r="D28436" s="6">
        <v>1355.9780000000001</v>
      </c>
      <c r="E28436" s="6">
        <v>1280.9829999999999</v>
      </c>
    </row>
    <row r="28437" spans="4:5" x14ac:dyDescent="0.25">
      <c r="D28437" s="6">
        <v>2233.9160000000002</v>
      </c>
      <c r="E28437" s="6">
        <v>1078.771</v>
      </c>
    </row>
    <row r="28438" spans="4:5" x14ac:dyDescent="0.25">
      <c r="D28438" s="6">
        <v>1201.056</v>
      </c>
      <c r="E28438" s="6">
        <v>666.82299999999998</v>
      </c>
    </row>
    <row r="28439" spans="4:5" x14ac:dyDescent="0.25">
      <c r="D28439" s="6">
        <v>1402.877</v>
      </c>
      <c r="E28439" s="6">
        <v>1433.952</v>
      </c>
    </row>
    <row r="28440" spans="4:5" x14ac:dyDescent="0.25">
      <c r="D28440" s="6">
        <v>934.63199999999995</v>
      </c>
      <c r="E28440" s="6">
        <v>2931.14</v>
      </c>
    </row>
    <row r="28441" spans="4:5" x14ac:dyDescent="0.25">
      <c r="D28441" s="6">
        <v>824.0607</v>
      </c>
      <c r="E28441" s="6">
        <v>1285.7819999999999</v>
      </c>
    </row>
    <row r="28442" spans="4:5" x14ac:dyDescent="0.25">
      <c r="D28442" s="6">
        <v>1116.73</v>
      </c>
      <c r="E28442" s="6">
        <v>383.58569999999997</v>
      </c>
    </row>
    <row r="28443" spans="4:5" x14ac:dyDescent="0.25">
      <c r="D28443" s="6">
        <v>655.88739999999996</v>
      </c>
      <c r="E28443" s="6">
        <v>909.47490000000005</v>
      </c>
    </row>
    <row r="28444" spans="4:5" x14ac:dyDescent="0.25">
      <c r="D28444" s="6">
        <v>686.11109999999996</v>
      </c>
      <c r="E28444" s="6">
        <v>1214.2360000000001</v>
      </c>
    </row>
    <row r="28445" spans="4:5" x14ac:dyDescent="0.25">
      <c r="D28445" s="6">
        <v>1057.931</v>
      </c>
      <c r="E28445" s="6">
        <v>859.62879999999996</v>
      </c>
    </row>
    <row r="28446" spans="4:5" x14ac:dyDescent="0.25">
      <c r="D28446" s="6">
        <v>856.95500000000004</v>
      </c>
      <c r="E28446" s="6">
        <v>883.9153</v>
      </c>
    </row>
    <row r="28447" spans="4:5" x14ac:dyDescent="0.25">
      <c r="D28447" s="6">
        <v>1114.3789999999999</v>
      </c>
      <c r="E28447" s="6">
        <v>1338.4770000000001</v>
      </c>
    </row>
    <row r="28448" spans="4:5" x14ac:dyDescent="0.25">
      <c r="D28448" s="6">
        <v>621.26400000000001</v>
      </c>
      <c r="E28448" s="6">
        <v>560.93589999999995</v>
      </c>
    </row>
    <row r="28449" spans="4:5" x14ac:dyDescent="0.25">
      <c r="D28449" s="6">
        <v>1232.345</v>
      </c>
      <c r="E28449" s="6">
        <v>1055.6320000000001</v>
      </c>
    </row>
    <row r="28450" spans="4:5" x14ac:dyDescent="0.25">
      <c r="D28450" s="6">
        <v>489.00139999999999</v>
      </c>
      <c r="E28450" s="6">
        <v>1265.3630000000001</v>
      </c>
    </row>
    <row r="28451" spans="4:5" x14ac:dyDescent="0.25">
      <c r="D28451" s="6">
        <v>815.84640000000002</v>
      </c>
      <c r="E28451" s="6">
        <v>547.41880000000003</v>
      </c>
    </row>
    <row r="28452" spans="4:5" x14ac:dyDescent="0.25">
      <c r="D28452" s="6">
        <v>1315.77</v>
      </c>
      <c r="E28452" s="6">
        <v>628.23159999999996</v>
      </c>
    </row>
    <row r="28453" spans="4:5" x14ac:dyDescent="0.25">
      <c r="D28453" s="6">
        <v>1513.431</v>
      </c>
      <c r="E28453" s="6">
        <v>1274.5119999999999</v>
      </c>
    </row>
    <row r="28454" spans="4:5" x14ac:dyDescent="0.25">
      <c r="D28454" s="6">
        <v>961.63139999999999</v>
      </c>
      <c r="E28454" s="6">
        <v>16383</v>
      </c>
    </row>
    <row r="28455" spans="4:5" x14ac:dyDescent="0.25">
      <c r="D28455" s="6">
        <v>1135.6189999999999</v>
      </c>
      <c r="E28455" s="6">
        <v>520.27679999999998</v>
      </c>
    </row>
    <row r="28456" spans="4:5" x14ac:dyDescent="0.25">
      <c r="D28456" s="6">
        <v>2108.3679999999999</v>
      </c>
      <c r="E28456" s="6">
        <v>507.3732</v>
      </c>
    </row>
    <row r="28457" spans="4:5" x14ac:dyDescent="0.25">
      <c r="D28457" s="6">
        <v>1362.7539999999999</v>
      </c>
      <c r="E28457" s="6">
        <v>839</v>
      </c>
    </row>
    <row r="28458" spans="4:5" x14ac:dyDescent="0.25">
      <c r="D28458" s="6">
        <v>3912.6039999999998</v>
      </c>
      <c r="E28458" s="6">
        <v>1500.896</v>
      </c>
    </row>
    <row r="28459" spans="4:5" x14ac:dyDescent="0.25">
      <c r="D28459" s="6">
        <v>843.29110000000003</v>
      </c>
      <c r="E28459" s="6">
        <v>949.99770000000001</v>
      </c>
    </row>
    <row r="28460" spans="4:5" x14ac:dyDescent="0.25">
      <c r="D28460" s="6">
        <v>539.21870000000001</v>
      </c>
      <c r="E28460" s="6">
        <v>760.11940000000004</v>
      </c>
    </row>
    <row r="28461" spans="4:5" x14ac:dyDescent="0.25">
      <c r="D28461" s="6">
        <v>1173.152</v>
      </c>
      <c r="E28461" s="6">
        <v>1086.6220000000001</v>
      </c>
    </row>
    <row r="28462" spans="4:5" x14ac:dyDescent="0.25">
      <c r="D28462" s="6">
        <v>1130.2360000000001</v>
      </c>
      <c r="E28462" s="6">
        <v>16383</v>
      </c>
    </row>
    <row r="28463" spans="4:5" x14ac:dyDescent="0.25">
      <c r="D28463" s="6">
        <v>687.24490000000003</v>
      </c>
      <c r="E28463" s="6">
        <v>898.20270000000005</v>
      </c>
    </row>
    <row r="28464" spans="4:5" x14ac:dyDescent="0.25">
      <c r="D28464" s="6">
        <v>1363</v>
      </c>
      <c r="E28464" s="6">
        <v>735.03030000000001</v>
      </c>
    </row>
    <row r="28465" spans="4:5" x14ac:dyDescent="0.25">
      <c r="D28465" s="6">
        <v>1025.607</v>
      </c>
      <c r="E28465" s="6">
        <v>3060.4090000000001</v>
      </c>
    </row>
    <row r="28466" spans="4:5" x14ac:dyDescent="0.25">
      <c r="D28466" s="6">
        <v>926.28470000000004</v>
      </c>
      <c r="E28466" s="6">
        <v>479.73</v>
      </c>
    </row>
    <row r="28467" spans="4:5" x14ac:dyDescent="0.25">
      <c r="D28467" s="6">
        <v>1113.953</v>
      </c>
      <c r="E28467" s="6">
        <v>885.28689999999995</v>
      </c>
    </row>
    <row r="28468" spans="4:5" x14ac:dyDescent="0.25">
      <c r="D28468" s="6">
        <v>957.0924</v>
      </c>
      <c r="E28468" s="6">
        <v>1592.8789999999999</v>
      </c>
    </row>
    <row r="28469" spans="4:5" x14ac:dyDescent="0.25">
      <c r="D28469" s="6">
        <v>1431.37</v>
      </c>
      <c r="E28469" s="6">
        <v>1091.8989999999999</v>
      </c>
    </row>
    <row r="28470" spans="4:5" x14ac:dyDescent="0.25">
      <c r="D28470" s="6">
        <v>1218.607</v>
      </c>
      <c r="E28470" s="6">
        <v>1044.614</v>
      </c>
    </row>
    <row r="28471" spans="4:5" x14ac:dyDescent="0.25">
      <c r="D28471" s="6">
        <v>585.23170000000005</v>
      </c>
      <c r="E28471" s="6">
        <v>851.64269999999999</v>
      </c>
    </row>
    <row r="28472" spans="4:5" x14ac:dyDescent="0.25">
      <c r="D28472" s="6">
        <v>1378.607</v>
      </c>
      <c r="E28472" s="6">
        <v>1101.6489999999999</v>
      </c>
    </row>
    <row r="28473" spans="4:5" x14ac:dyDescent="0.25">
      <c r="D28473" s="6">
        <v>5781</v>
      </c>
      <c r="E28473" s="6">
        <v>642.86180000000002</v>
      </c>
    </row>
    <row r="28474" spans="4:5" x14ac:dyDescent="0.25">
      <c r="D28474" s="6">
        <v>1210.6420000000001</v>
      </c>
      <c r="E28474" s="6">
        <v>508.4425</v>
      </c>
    </row>
    <row r="28475" spans="4:5" x14ac:dyDescent="0.25">
      <c r="D28475" s="6">
        <v>1369.3019999999999</v>
      </c>
      <c r="E28475" s="6">
        <v>1504.1669999999999</v>
      </c>
    </row>
    <row r="28476" spans="4:5" x14ac:dyDescent="0.25">
      <c r="D28476" s="6">
        <v>924.29690000000005</v>
      </c>
      <c r="E28476" s="6">
        <v>661.92880000000002</v>
      </c>
    </row>
    <row r="28477" spans="4:5" x14ac:dyDescent="0.25">
      <c r="D28477" s="6">
        <v>1179.548</v>
      </c>
      <c r="E28477" s="6">
        <v>3461.0859999999998</v>
      </c>
    </row>
    <row r="28478" spans="4:5" x14ac:dyDescent="0.25">
      <c r="D28478" s="6">
        <v>1072.742</v>
      </c>
      <c r="E28478" s="6">
        <v>936.82320000000004</v>
      </c>
    </row>
    <row r="28479" spans="4:5" x14ac:dyDescent="0.25">
      <c r="D28479" s="6">
        <v>900.07280000000003</v>
      </c>
      <c r="E28479" s="6">
        <v>622.85</v>
      </c>
    </row>
    <row r="28480" spans="4:5" x14ac:dyDescent="0.25">
      <c r="D28480" s="6">
        <v>671.18190000000004</v>
      </c>
      <c r="E28480" s="6">
        <v>3373.8539999999998</v>
      </c>
    </row>
    <row r="28481" spans="4:5" x14ac:dyDescent="0.25">
      <c r="D28481" s="6">
        <v>842.625</v>
      </c>
      <c r="E28481" s="6">
        <v>1169.2750000000001</v>
      </c>
    </row>
    <row r="28482" spans="4:5" x14ac:dyDescent="0.25">
      <c r="D28482" s="6">
        <v>998.21270000000004</v>
      </c>
      <c r="E28482" s="6">
        <v>1011.33</v>
      </c>
    </row>
    <row r="28483" spans="4:5" x14ac:dyDescent="0.25">
      <c r="D28483" s="6">
        <v>1023.261</v>
      </c>
      <c r="E28483" s="6">
        <v>2638.5010000000002</v>
      </c>
    </row>
    <row r="28484" spans="4:5" x14ac:dyDescent="0.25">
      <c r="D28484" s="6">
        <v>1088.5830000000001</v>
      </c>
      <c r="E28484" s="6">
        <v>566.90769999999998</v>
      </c>
    </row>
    <row r="28485" spans="4:5" x14ac:dyDescent="0.25">
      <c r="D28485" s="6">
        <v>1379.807</v>
      </c>
      <c r="E28485" s="6">
        <v>850.60630000000003</v>
      </c>
    </row>
    <row r="28486" spans="4:5" x14ac:dyDescent="0.25">
      <c r="D28486" s="6">
        <v>569.80150000000003</v>
      </c>
      <c r="E28486" s="6">
        <v>1243.3040000000001</v>
      </c>
    </row>
    <row r="28487" spans="4:5" x14ac:dyDescent="0.25">
      <c r="D28487" s="6">
        <v>1140.1420000000001</v>
      </c>
      <c r="E28487" s="6">
        <v>763.7441</v>
      </c>
    </row>
    <row r="28488" spans="4:5" x14ac:dyDescent="0.25">
      <c r="D28488" s="6">
        <v>1047.511</v>
      </c>
      <c r="E28488" s="6">
        <v>1307.1869999999999</v>
      </c>
    </row>
    <row r="28489" spans="4:5" x14ac:dyDescent="0.25">
      <c r="D28489" s="6">
        <v>491.6429</v>
      </c>
      <c r="E28489" s="6">
        <v>1759.8989999999999</v>
      </c>
    </row>
    <row r="28490" spans="4:5" x14ac:dyDescent="0.25">
      <c r="D28490" s="6">
        <v>1203.345</v>
      </c>
      <c r="E28490" s="6">
        <v>7029.3320000000003</v>
      </c>
    </row>
    <row r="28491" spans="4:5" x14ac:dyDescent="0.25">
      <c r="D28491" s="6">
        <v>1600.4079999999999</v>
      </c>
      <c r="E28491" s="6">
        <v>6314.9359999999997</v>
      </c>
    </row>
    <row r="28492" spans="4:5" x14ac:dyDescent="0.25">
      <c r="D28492" s="6">
        <v>3096.2550000000001</v>
      </c>
      <c r="E28492" s="6">
        <v>975.99540000000002</v>
      </c>
    </row>
    <row r="28493" spans="4:5" x14ac:dyDescent="0.25">
      <c r="D28493" s="6">
        <v>1352.058</v>
      </c>
      <c r="E28493" s="6">
        <v>5958.4970000000003</v>
      </c>
    </row>
    <row r="28494" spans="4:5" x14ac:dyDescent="0.25">
      <c r="D28494" s="6">
        <v>1086.4490000000001</v>
      </c>
      <c r="E28494" s="6">
        <v>1593.6859999999999</v>
      </c>
    </row>
    <row r="28495" spans="4:5" x14ac:dyDescent="0.25">
      <c r="D28495" s="6">
        <v>1928.9590000000001</v>
      </c>
      <c r="E28495" s="6">
        <v>1639.2729999999999</v>
      </c>
    </row>
    <row r="28496" spans="4:5" x14ac:dyDescent="0.25">
      <c r="D28496" s="6">
        <v>1120.5640000000001</v>
      </c>
      <c r="E28496" s="6">
        <v>610.19420000000002</v>
      </c>
    </row>
    <row r="28497" spans="4:5" x14ac:dyDescent="0.25">
      <c r="D28497" s="6">
        <v>720.07370000000003</v>
      </c>
      <c r="E28497" s="6">
        <v>2452.6889999999999</v>
      </c>
    </row>
    <row r="28498" spans="4:5" x14ac:dyDescent="0.25">
      <c r="D28498" s="6">
        <v>1255.1659999999999</v>
      </c>
      <c r="E28498" s="6">
        <v>593.56830000000002</v>
      </c>
    </row>
    <row r="28499" spans="4:5" x14ac:dyDescent="0.25">
      <c r="D28499" s="6">
        <v>1132.9349999999999</v>
      </c>
      <c r="E28499" s="6">
        <v>968.52239999999995</v>
      </c>
    </row>
    <row r="28500" spans="4:5" x14ac:dyDescent="0.25">
      <c r="D28500" s="6">
        <v>1121.0219999999999</v>
      </c>
      <c r="E28500" s="6">
        <v>9723.223</v>
      </c>
    </row>
    <row r="28501" spans="4:5" x14ac:dyDescent="0.25">
      <c r="D28501" s="6">
        <v>1308.143</v>
      </c>
      <c r="E28501" s="6">
        <v>1312.606</v>
      </c>
    </row>
    <row r="28502" spans="4:5" x14ac:dyDescent="0.25">
      <c r="D28502" s="6">
        <v>1958.614</v>
      </c>
      <c r="E28502" s="6">
        <v>1077.288</v>
      </c>
    </row>
    <row r="28503" spans="4:5" x14ac:dyDescent="0.25">
      <c r="D28503" s="6">
        <v>775.38800000000003</v>
      </c>
      <c r="E28503" s="6">
        <v>448.47370000000001</v>
      </c>
    </row>
    <row r="28504" spans="4:5" x14ac:dyDescent="0.25">
      <c r="D28504" s="6">
        <v>1063.0719999999999</v>
      </c>
      <c r="E28504" s="6">
        <v>519.38810000000001</v>
      </c>
    </row>
    <row r="28505" spans="4:5" x14ac:dyDescent="0.25">
      <c r="D28505" s="6">
        <v>999.03229999999996</v>
      </c>
      <c r="E28505" s="6">
        <v>458.88780000000003</v>
      </c>
    </row>
    <row r="28506" spans="4:5" x14ac:dyDescent="0.25">
      <c r="D28506" s="6">
        <v>1469.421</v>
      </c>
      <c r="E28506" s="6">
        <v>1110.376</v>
      </c>
    </row>
    <row r="28507" spans="4:5" x14ac:dyDescent="0.25">
      <c r="D28507" s="6">
        <v>2950.2979999999998</v>
      </c>
      <c r="E28507" s="6">
        <v>586.75</v>
      </c>
    </row>
    <row r="28508" spans="4:5" x14ac:dyDescent="0.25">
      <c r="D28508" s="6">
        <v>1456.684</v>
      </c>
      <c r="E28508" s="6">
        <v>15368</v>
      </c>
    </row>
    <row r="28509" spans="4:5" x14ac:dyDescent="0.25">
      <c r="D28509" s="6">
        <v>903.75540000000001</v>
      </c>
      <c r="E28509" s="6">
        <v>1099.9380000000001</v>
      </c>
    </row>
    <row r="28510" spans="4:5" x14ac:dyDescent="0.25">
      <c r="D28510" s="6">
        <v>766.98249999999996</v>
      </c>
      <c r="E28510" s="6">
        <v>519.53430000000003</v>
      </c>
    </row>
    <row r="28511" spans="4:5" x14ac:dyDescent="0.25">
      <c r="D28511" s="6">
        <v>645.10239999999999</v>
      </c>
      <c r="E28511" s="6">
        <v>521.18759999999997</v>
      </c>
    </row>
    <row r="28512" spans="4:5" x14ac:dyDescent="0.25">
      <c r="D28512" s="6">
        <v>1060.1959999999999</v>
      </c>
      <c r="E28512" s="6">
        <v>869.28049999999996</v>
      </c>
    </row>
    <row r="28513" spans="4:5" x14ac:dyDescent="0.25">
      <c r="D28513" s="6">
        <v>545.86919999999998</v>
      </c>
      <c r="E28513" s="6">
        <v>485.11810000000003</v>
      </c>
    </row>
    <row r="28514" spans="4:5" x14ac:dyDescent="0.25">
      <c r="D28514" s="6">
        <v>1498.136</v>
      </c>
      <c r="E28514" s="6">
        <v>1030.587</v>
      </c>
    </row>
    <row r="28515" spans="4:5" x14ac:dyDescent="0.25">
      <c r="D28515" s="6">
        <v>1550.9839999999999</v>
      </c>
      <c r="E28515" s="6">
        <v>1780.0219999999999</v>
      </c>
    </row>
    <row r="28516" spans="4:5" x14ac:dyDescent="0.25">
      <c r="D28516" s="6">
        <v>801.80349999999999</v>
      </c>
      <c r="E28516" s="6">
        <v>2533.3850000000002</v>
      </c>
    </row>
    <row r="28517" spans="4:5" x14ac:dyDescent="0.25">
      <c r="D28517" s="6">
        <v>866.16570000000002</v>
      </c>
      <c r="E28517" s="6">
        <v>2443.529</v>
      </c>
    </row>
    <row r="28518" spans="4:5" x14ac:dyDescent="0.25">
      <c r="D28518" s="6">
        <v>1097.6880000000001</v>
      </c>
      <c r="E28518" s="6">
        <v>698.15319999999997</v>
      </c>
    </row>
    <row r="28519" spans="4:5" x14ac:dyDescent="0.25">
      <c r="D28519" s="6">
        <v>2946.6680000000001</v>
      </c>
      <c r="E28519" s="6">
        <v>2626.9180000000001</v>
      </c>
    </row>
    <row r="28520" spans="4:5" x14ac:dyDescent="0.25">
      <c r="D28520" s="6">
        <v>910.39700000000005</v>
      </c>
      <c r="E28520" s="6">
        <v>1067.655</v>
      </c>
    </row>
    <row r="28521" spans="4:5" x14ac:dyDescent="0.25">
      <c r="D28521" s="6">
        <v>1155.643</v>
      </c>
      <c r="E28521" s="6">
        <v>506.17520000000002</v>
      </c>
    </row>
    <row r="28522" spans="4:5" x14ac:dyDescent="0.25">
      <c r="D28522" s="6">
        <v>604.16</v>
      </c>
      <c r="E28522" s="6">
        <v>1324</v>
      </c>
    </row>
    <row r="28523" spans="4:5" x14ac:dyDescent="0.25">
      <c r="D28523" s="6">
        <v>1702.3579999999999</v>
      </c>
      <c r="E28523" s="6">
        <v>6140.8620000000001</v>
      </c>
    </row>
    <row r="28524" spans="4:5" x14ac:dyDescent="0.25">
      <c r="D28524" s="6">
        <v>453.97910000000002</v>
      </c>
      <c r="E28524" s="6">
        <v>3921.431</v>
      </c>
    </row>
    <row r="28525" spans="4:5" x14ac:dyDescent="0.25">
      <c r="D28525" s="6">
        <v>983.89059999999995</v>
      </c>
      <c r="E28525" s="6">
        <v>824.74570000000006</v>
      </c>
    </row>
    <row r="28526" spans="4:5" x14ac:dyDescent="0.25">
      <c r="D28526" s="6">
        <v>2178.1559999999999</v>
      </c>
      <c r="E28526" s="6">
        <v>569.15819999999997</v>
      </c>
    </row>
    <row r="28527" spans="4:5" x14ac:dyDescent="0.25">
      <c r="D28527" s="6">
        <v>970.2704</v>
      </c>
      <c r="E28527" s="6">
        <v>10074.32</v>
      </c>
    </row>
    <row r="28528" spans="4:5" x14ac:dyDescent="0.25">
      <c r="D28528" s="6">
        <v>1839.2760000000001</v>
      </c>
      <c r="E28528" s="6">
        <v>638.00030000000004</v>
      </c>
    </row>
    <row r="28529" spans="4:5" x14ac:dyDescent="0.25">
      <c r="D28529" s="6">
        <v>1308.751</v>
      </c>
      <c r="E28529" s="6">
        <v>440.05380000000002</v>
      </c>
    </row>
    <row r="28530" spans="4:5" x14ac:dyDescent="0.25">
      <c r="D28530" s="6">
        <v>1210.99</v>
      </c>
      <c r="E28530" s="6">
        <v>958.73490000000004</v>
      </c>
    </row>
    <row r="28531" spans="4:5" x14ac:dyDescent="0.25">
      <c r="D28531" s="6">
        <v>6033.5</v>
      </c>
      <c r="E28531" s="6">
        <v>1177.527</v>
      </c>
    </row>
    <row r="28532" spans="4:5" x14ac:dyDescent="0.25">
      <c r="D28532" s="6">
        <v>956.66669999999999</v>
      </c>
      <c r="E28532" s="6">
        <v>2561.19</v>
      </c>
    </row>
    <row r="28533" spans="4:5" x14ac:dyDescent="0.25">
      <c r="D28533" s="6">
        <v>786</v>
      </c>
      <c r="E28533" s="6">
        <v>798.12969999999996</v>
      </c>
    </row>
    <row r="28534" spans="4:5" x14ac:dyDescent="0.25">
      <c r="D28534" s="6">
        <v>1034.5650000000001</v>
      </c>
      <c r="E28534" s="6">
        <v>848.48400000000004</v>
      </c>
    </row>
    <row r="28535" spans="4:5" x14ac:dyDescent="0.25">
      <c r="D28535" s="6">
        <v>1272.5809999999999</v>
      </c>
      <c r="E28535" s="6">
        <v>902.76509999999996</v>
      </c>
    </row>
    <row r="28536" spans="4:5" x14ac:dyDescent="0.25">
      <c r="D28536" s="6">
        <v>1235.0429999999999</v>
      </c>
      <c r="E28536" s="6">
        <v>1222.3620000000001</v>
      </c>
    </row>
    <row r="28537" spans="4:5" x14ac:dyDescent="0.25">
      <c r="D28537" s="6">
        <v>1753.2819999999999</v>
      </c>
      <c r="E28537" s="6">
        <v>1218.8309999999999</v>
      </c>
    </row>
    <row r="28538" spans="4:5" x14ac:dyDescent="0.25">
      <c r="D28538" s="6">
        <v>719.23080000000004</v>
      </c>
      <c r="E28538" s="6">
        <v>493.34050000000002</v>
      </c>
    </row>
    <row r="28539" spans="4:5" x14ac:dyDescent="0.25">
      <c r="D28539" s="6">
        <v>1405.973</v>
      </c>
      <c r="E28539" s="6">
        <v>1161.203</v>
      </c>
    </row>
    <row r="28540" spans="4:5" x14ac:dyDescent="0.25">
      <c r="D28540" s="6">
        <v>1613.604</v>
      </c>
      <c r="E28540" s="6">
        <v>930.64710000000002</v>
      </c>
    </row>
    <row r="28541" spans="4:5" x14ac:dyDescent="0.25">
      <c r="D28541" s="6">
        <v>2803.9</v>
      </c>
      <c r="E28541" s="6">
        <v>1072.636</v>
      </c>
    </row>
    <row r="28542" spans="4:5" x14ac:dyDescent="0.25">
      <c r="D28542" s="6">
        <v>1694.3720000000001</v>
      </c>
      <c r="E28542" s="6">
        <v>2126.261</v>
      </c>
    </row>
    <row r="28543" spans="4:5" x14ac:dyDescent="0.25">
      <c r="D28543" s="6">
        <v>1336.107</v>
      </c>
      <c r="E28543" s="6">
        <v>407.31119999999999</v>
      </c>
    </row>
    <row r="28544" spans="4:5" x14ac:dyDescent="0.25">
      <c r="D28544" s="6">
        <v>2819.2310000000002</v>
      </c>
      <c r="E28544" s="6">
        <v>1104.568</v>
      </c>
    </row>
    <row r="28545" spans="4:5" x14ac:dyDescent="0.25">
      <c r="D28545" s="6">
        <v>897.04629999999997</v>
      </c>
      <c r="E28545" s="6">
        <v>4130.5959999999995</v>
      </c>
    </row>
    <row r="28546" spans="4:5" x14ac:dyDescent="0.25">
      <c r="D28546" s="6">
        <v>1439.0260000000001</v>
      </c>
      <c r="E28546" s="6">
        <v>1719.662</v>
      </c>
    </row>
    <row r="28547" spans="4:5" x14ac:dyDescent="0.25">
      <c r="D28547" s="6">
        <v>1517.0740000000001</v>
      </c>
      <c r="E28547" s="6">
        <v>6105.6589999999997</v>
      </c>
    </row>
    <row r="28548" spans="4:5" x14ac:dyDescent="0.25">
      <c r="D28548" s="6">
        <v>1099.431</v>
      </c>
      <c r="E28548" s="6">
        <v>1539.068</v>
      </c>
    </row>
    <row r="28549" spans="4:5" x14ac:dyDescent="0.25">
      <c r="D28549" s="6">
        <v>604.22220000000004</v>
      </c>
      <c r="E28549" s="6">
        <v>14197.55</v>
      </c>
    </row>
    <row r="28550" spans="4:5" x14ac:dyDescent="0.25">
      <c r="D28550" s="6">
        <v>1573.011</v>
      </c>
      <c r="E28550" s="6">
        <v>1071.6780000000001</v>
      </c>
    </row>
    <row r="28551" spans="4:5" x14ac:dyDescent="0.25">
      <c r="D28551" s="6">
        <v>2533.875</v>
      </c>
      <c r="E28551" s="6">
        <v>860.32749999999999</v>
      </c>
    </row>
    <row r="28552" spans="4:5" x14ac:dyDescent="0.25">
      <c r="D28552" s="6">
        <v>1197.7739999999999</v>
      </c>
      <c r="E28552" s="6">
        <v>2004.027</v>
      </c>
    </row>
    <row r="28553" spans="4:5" x14ac:dyDescent="0.25">
      <c r="D28553" s="6">
        <v>1260.038</v>
      </c>
      <c r="E28553" s="6">
        <v>231.3235</v>
      </c>
    </row>
    <row r="28554" spans="4:5" x14ac:dyDescent="0.25">
      <c r="D28554" s="6">
        <v>2073.5729999999999</v>
      </c>
      <c r="E28554" s="6">
        <v>1036.8330000000001</v>
      </c>
    </row>
    <row r="28555" spans="4:5" x14ac:dyDescent="0.25">
      <c r="D28555" s="6">
        <v>1933.175</v>
      </c>
      <c r="E28555" s="6">
        <v>997.49570000000006</v>
      </c>
    </row>
    <row r="28556" spans="4:5" x14ac:dyDescent="0.25">
      <c r="D28556" s="6">
        <v>1463.0709999999999</v>
      </c>
      <c r="E28556" s="6">
        <v>695.95410000000004</v>
      </c>
    </row>
    <row r="28557" spans="4:5" x14ac:dyDescent="0.25">
      <c r="D28557" s="6">
        <v>854.4461</v>
      </c>
      <c r="E28557" s="6">
        <v>5566.5969999999998</v>
      </c>
    </row>
    <row r="28558" spans="4:5" x14ac:dyDescent="0.25">
      <c r="D28558" s="6">
        <v>935.37549999999999</v>
      </c>
      <c r="E28558" s="6">
        <v>503.19979999999998</v>
      </c>
    </row>
    <row r="28559" spans="4:5" x14ac:dyDescent="0.25">
      <c r="D28559" s="6">
        <v>1283.7139999999999</v>
      </c>
      <c r="E28559" s="6">
        <v>1319.9590000000001</v>
      </c>
    </row>
    <row r="28560" spans="4:5" x14ac:dyDescent="0.25">
      <c r="D28560" s="6">
        <v>1969.2149999999999</v>
      </c>
      <c r="E28560" s="6">
        <v>4891.8209999999999</v>
      </c>
    </row>
    <row r="28561" spans="4:5" x14ac:dyDescent="0.25">
      <c r="D28561" s="6">
        <v>1215.7270000000001</v>
      </c>
      <c r="E28561" s="6">
        <v>1051.3530000000001</v>
      </c>
    </row>
    <row r="28562" spans="4:5" x14ac:dyDescent="0.25">
      <c r="D28562" s="6">
        <v>540.17250000000001</v>
      </c>
      <c r="E28562" s="6">
        <v>1386.2940000000001</v>
      </c>
    </row>
    <row r="28563" spans="4:5" x14ac:dyDescent="0.25">
      <c r="D28563" s="6">
        <v>1141.9380000000001</v>
      </c>
      <c r="E28563" s="6">
        <v>711.91570000000002</v>
      </c>
    </row>
    <row r="28564" spans="4:5" x14ac:dyDescent="0.25">
      <c r="D28564" s="6">
        <v>1093.508</v>
      </c>
      <c r="E28564" s="6">
        <v>1363.328</v>
      </c>
    </row>
    <row r="28565" spans="4:5" x14ac:dyDescent="0.25">
      <c r="D28565" s="6">
        <v>682.79340000000002</v>
      </c>
      <c r="E28565" s="6">
        <v>961.35770000000002</v>
      </c>
    </row>
    <row r="28566" spans="4:5" x14ac:dyDescent="0.25">
      <c r="D28566" s="6">
        <v>883.10749999999996</v>
      </c>
      <c r="E28566" s="6">
        <v>2308.3820000000001</v>
      </c>
    </row>
    <row r="28567" spans="4:5" x14ac:dyDescent="0.25">
      <c r="D28567" s="6">
        <v>1613.7950000000001</v>
      </c>
      <c r="E28567" s="6">
        <v>1757.077</v>
      </c>
    </row>
    <row r="28568" spans="4:5" x14ac:dyDescent="0.25">
      <c r="D28568" s="6">
        <v>923.63430000000005</v>
      </c>
      <c r="E28568" s="6">
        <v>1767.21</v>
      </c>
    </row>
    <row r="28569" spans="4:5" x14ac:dyDescent="0.25">
      <c r="D28569" s="6">
        <v>1241.8599999999999</v>
      </c>
      <c r="E28569" s="6">
        <v>894.13879999999995</v>
      </c>
    </row>
    <row r="28570" spans="4:5" x14ac:dyDescent="0.25">
      <c r="D28570" s="6">
        <v>1144.748</v>
      </c>
      <c r="E28570" s="6">
        <v>828.12850000000003</v>
      </c>
    </row>
    <row r="28571" spans="4:5" x14ac:dyDescent="0.25">
      <c r="D28571" s="6">
        <v>1149.5139999999999</v>
      </c>
      <c r="E28571" s="6">
        <v>521.41210000000001</v>
      </c>
    </row>
    <row r="28572" spans="4:5" x14ac:dyDescent="0.25">
      <c r="D28572" s="6">
        <v>985.26260000000002</v>
      </c>
      <c r="E28572" s="6">
        <v>514.5308</v>
      </c>
    </row>
    <row r="28573" spans="4:5" x14ac:dyDescent="0.25">
      <c r="D28573" s="6">
        <v>1358.461</v>
      </c>
      <c r="E28573" s="6">
        <v>907.45870000000002</v>
      </c>
    </row>
    <row r="28574" spans="4:5" x14ac:dyDescent="0.25">
      <c r="D28574" s="6">
        <v>1333.1559999999999</v>
      </c>
      <c r="E28574" s="6">
        <v>517.23289999999997</v>
      </c>
    </row>
    <row r="28575" spans="4:5" x14ac:dyDescent="0.25">
      <c r="D28575" s="6">
        <v>1328.934</v>
      </c>
      <c r="E28575" s="6">
        <v>521.83690000000001</v>
      </c>
    </row>
    <row r="28576" spans="4:5" x14ac:dyDescent="0.25">
      <c r="D28576" s="6">
        <v>479.84160000000003</v>
      </c>
      <c r="E28576" s="6">
        <v>5778.2860000000001</v>
      </c>
    </row>
    <row r="28577" spans="4:5" x14ac:dyDescent="0.25">
      <c r="D28577" s="6">
        <v>1712.9159999999999</v>
      </c>
      <c r="E28577" s="6">
        <v>491.15570000000002</v>
      </c>
    </row>
    <row r="28578" spans="4:5" x14ac:dyDescent="0.25">
      <c r="D28578" s="6">
        <v>556.08309999999994</v>
      </c>
      <c r="E28578" s="6">
        <v>3517.8960000000002</v>
      </c>
    </row>
    <row r="28579" spans="4:5" x14ac:dyDescent="0.25">
      <c r="D28579" s="6">
        <v>966.17510000000004</v>
      </c>
      <c r="E28579" s="6">
        <v>1298.8679999999999</v>
      </c>
    </row>
    <row r="28580" spans="4:5" x14ac:dyDescent="0.25">
      <c r="D28580" s="6">
        <v>598.01130000000001</v>
      </c>
      <c r="E28580" s="6">
        <v>527</v>
      </c>
    </row>
    <row r="28581" spans="4:5" x14ac:dyDescent="0.25">
      <c r="D28581" s="6">
        <v>701.05050000000006</v>
      </c>
      <c r="E28581" s="6">
        <v>1039.451</v>
      </c>
    </row>
    <row r="28582" spans="4:5" x14ac:dyDescent="0.25">
      <c r="D28582" s="6">
        <v>1656.954</v>
      </c>
      <c r="E28582" s="6">
        <v>879.22180000000003</v>
      </c>
    </row>
    <row r="28583" spans="4:5" x14ac:dyDescent="0.25">
      <c r="D28583" s="6">
        <v>2345.9569999999999</v>
      </c>
      <c r="E28583" s="6">
        <v>877.93</v>
      </c>
    </row>
    <row r="28584" spans="4:5" x14ac:dyDescent="0.25">
      <c r="D28584" s="6">
        <v>1447.376</v>
      </c>
      <c r="E28584" s="6">
        <v>484.8023</v>
      </c>
    </row>
    <row r="28585" spans="4:5" x14ac:dyDescent="0.25">
      <c r="D28585" s="6">
        <v>1282.1099999999999</v>
      </c>
      <c r="E28585" s="6">
        <v>592.02189999999996</v>
      </c>
    </row>
    <row r="28586" spans="4:5" x14ac:dyDescent="0.25">
      <c r="D28586" s="6">
        <v>2915.1480000000001</v>
      </c>
      <c r="E28586" s="6">
        <v>1104.8150000000001</v>
      </c>
    </row>
    <row r="28587" spans="4:5" x14ac:dyDescent="0.25">
      <c r="D28587" s="6">
        <v>7840.9089999999997</v>
      </c>
      <c r="E28587" s="6">
        <v>668.24189999999999</v>
      </c>
    </row>
    <row r="28588" spans="4:5" x14ac:dyDescent="0.25">
      <c r="D28588" s="6">
        <v>1470.748</v>
      </c>
      <c r="E28588" s="6">
        <v>572.78139999999996</v>
      </c>
    </row>
    <row r="28589" spans="4:5" x14ac:dyDescent="0.25">
      <c r="D28589" s="6">
        <v>2701.4090000000001</v>
      </c>
      <c r="E28589" s="6">
        <v>942.45479999999998</v>
      </c>
    </row>
    <row r="28590" spans="4:5" x14ac:dyDescent="0.25">
      <c r="D28590" s="6">
        <v>1835.377</v>
      </c>
      <c r="E28590" s="6">
        <v>1876.88</v>
      </c>
    </row>
    <row r="28591" spans="4:5" x14ac:dyDescent="0.25">
      <c r="D28591" s="6">
        <v>1231.181</v>
      </c>
      <c r="E28591" s="6">
        <v>3079.7359999999999</v>
      </c>
    </row>
    <row r="28592" spans="4:5" x14ac:dyDescent="0.25">
      <c r="D28592" s="6">
        <v>576.19259999999997</v>
      </c>
      <c r="E28592" s="6">
        <v>7240.0510000000004</v>
      </c>
    </row>
    <row r="28593" spans="4:5" x14ac:dyDescent="0.25">
      <c r="D28593" s="6">
        <v>1421.7629999999999</v>
      </c>
      <c r="E28593" s="6">
        <v>964.24570000000006</v>
      </c>
    </row>
    <row r="28594" spans="4:5" x14ac:dyDescent="0.25">
      <c r="D28594" s="6">
        <v>1331.6690000000001</v>
      </c>
      <c r="E28594" s="6">
        <v>512.29790000000003</v>
      </c>
    </row>
    <row r="28595" spans="4:5" x14ac:dyDescent="0.25">
      <c r="D28595" s="6">
        <v>1226.7819999999999</v>
      </c>
      <c r="E28595" s="6">
        <v>1303.943</v>
      </c>
    </row>
    <row r="28596" spans="4:5" x14ac:dyDescent="0.25">
      <c r="D28596" s="6">
        <v>8177.2039999999997</v>
      </c>
      <c r="E28596" s="6">
        <v>1088.797</v>
      </c>
    </row>
    <row r="28597" spans="4:5" x14ac:dyDescent="0.25">
      <c r="D28597" s="6">
        <v>606.07510000000002</v>
      </c>
      <c r="E28597" s="6">
        <v>986.97969999999998</v>
      </c>
    </row>
    <row r="28598" spans="4:5" x14ac:dyDescent="0.25">
      <c r="D28598" s="6">
        <v>1656.3920000000001</v>
      </c>
      <c r="E28598" s="6">
        <v>904.72220000000004</v>
      </c>
    </row>
    <row r="28599" spans="4:5" x14ac:dyDescent="0.25">
      <c r="D28599" s="6">
        <v>574.05430000000001</v>
      </c>
      <c r="E28599" s="6">
        <v>2775.1480000000001</v>
      </c>
    </row>
    <row r="28600" spans="4:5" x14ac:dyDescent="0.25">
      <c r="D28600" s="6">
        <v>1101.9970000000001</v>
      </c>
      <c r="E28600" s="6">
        <v>829.125</v>
      </c>
    </row>
    <row r="28601" spans="4:5" x14ac:dyDescent="0.25">
      <c r="D28601" s="6">
        <v>1040.096</v>
      </c>
      <c r="E28601" s="6">
        <v>798.923</v>
      </c>
    </row>
    <row r="28602" spans="4:5" x14ac:dyDescent="0.25">
      <c r="D28602" s="6">
        <v>1033.4390000000001</v>
      </c>
      <c r="E28602" s="6">
        <v>958.13009999999997</v>
      </c>
    </row>
    <row r="28603" spans="4:5" x14ac:dyDescent="0.25">
      <c r="D28603" s="6">
        <v>278.46429999999998</v>
      </c>
      <c r="E28603" s="6">
        <v>1001.086</v>
      </c>
    </row>
    <row r="28604" spans="4:5" x14ac:dyDescent="0.25">
      <c r="D28604" s="6">
        <v>1010.696</v>
      </c>
      <c r="E28604" s="6">
        <v>497.28440000000001</v>
      </c>
    </row>
    <row r="28605" spans="4:5" x14ac:dyDescent="0.25">
      <c r="D28605" s="6">
        <v>1740.3710000000001</v>
      </c>
      <c r="E28605" s="6">
        <v>2359.0680000000002</v>
      </c>
    </row>
    <row r="28606" spans="4:5" x14ac:dyDescent="0.25">
      <c r="D28606" s="6">
        <v>1300.809</v>
      </c>
      <c r="E28606" s="6">
        <v>794.41690000000006</v>
      </c>
    </row>
    <row r="28607" spans="4:5" x14ac:dyDescent="0.25">
      <c r="D28607" s="6">
        <v>1224.8520000000001</v>
      </c>
      <c r="E28607" s="6">
        <v>621.07770000000005</v>
      </c>
    </row>
    <row r="28608" spans="4:5" x14ac:dyDescent="0.25">
      <c r="D28608" s="6">
        <v>1964.7080000000001</v>
      </c>
      <c r="E28608" s="6">
        <v>999.74239999999998</v>
      </c>
    </row>
    <row r="28609" spans="4:5" x14ac:dyDescent="0.25">
      <c r="D28609" s="6">
        <v>908.34090000000003</v>
      </c>
      <c r="E28609" s="6">
        <v>6206.973</v>
      </c>
    </row>
    <row r="28610" spans="4:5" x14ac:dyDescent="0.25">
      <c r="D28610" s="6">
        <v>1008.958</v>
      </c>
      <c r="E28610" s="6">
        <v>966.89030000000002</v>
      </c>
    </row>
    <row r="28611" spans="4:5" x14ac:dyDescent="0.25">
      <c r="D28611" s="6">
        <v>1187.3689999999999</v>
      </c>
      <c r="E28611" s="6">
        <v>1521.722</v>
      </c>
    </row>
    <row r="28612" spans="4:5" x14ac:dyDescent="0.25">
      <c r="D28612" s="6">
        <v>664.50059999999996</v>
      </c>
      <c r="E28612" s="6">
        <v>2479.556</v>
      </c>
    </row>
    <row r="28613" spans="4:5" x14ac:dyDescent="0.25">
      <c r="D28613" s="6">
        <v>1291.0619999999999</v>
      </c>
      <c r="E28613" s="6">
        <v>841.15030000000002</v>
      </c>
    </row>
    <row r="28614" spans="4:5" x14ac:dyDescent="0.25">
      <c r="D28614" s="6">
        <v>1319.848</v>
      </c>
      <c r="E28614" s="6">
        <v>2172</v>
      </c>
    </row>
    <row r="28615" spans="4:5" x14ac:dyDescent="0.25">
      <c r="D28615" s="6">
        <v>1100.1759999999999</v>
      </c>
      <c r="E28615" s="6">
        <v>881.6386</v>
      </c>
    </row>
    <row r="28616" spans="4:5" x14ac:dyDescent="0.25">
      <c r="D28616" s="6">
        <v>1013.293</v>
      </c>
      <c r="E28616" s="6">
        <v>609.82650000000001</v>
      </c>
    </row>
    <row r="28617" spans="4:5" x14ac:dyDescent="0.25">
      <c r="D28617" s="6">
        <v>1294.598</v>
      </c>
      <c r="E28617" s="6">
        <v>1032.9010000000001</v>
      </c>
    </row>
    <row r="28618" spans="4:5" x14ac:dyDescent="0.25">
      <c r="D28618" s="6">
        <v>605.66399999999999</v>
      </c>
      <c r="E28618" s="6">
        <v>576.46280000000002</v>
      </c>
    </row>
    <row r="28619" spans="4:5" x14ac:dyDescent="0.25">
      <c r="D28619" s="6">
        <v>3432.0279999999998</v>
      </c>
      <c r="E28619" s="6">
        <v>2583.9830000000002</v>
      </c>
    </row>
    <row r="28620" spans="4:5" x14ac:dyDescent="0.25">
      <c r="D28620" s="6">
        <v>2880.27</v>
      </c>
      <c r="E28620" s="6">
        <v>5475.53</v>
      </c>
    </row>
    <row r="28621" spans="4:5" x14ac:dyDescent="0.25">
      <c r="D28621" s="6">
        <v>982.06140000000005</v>
      </c>
      <c r="E28621" s="6">
        <v>1233.6469999999999</v>
      </c>
    </row>
    <row r="28622" spans="4:5" x14ac:dyDescent="0.25">
      <c r="D28622" s="6">
        <v>890.88739999999996</v>
      </c>
      <c r="E28622" s="6">
        <v>1361.2159999999999</v>
      </c>
    </row>
    <row r="28623" spans="4:5" x14ac:dyDescent="0.25">
      <c r="D28623" s="6">
        <v>1220.4860000000001</v>
      </c>
      <c r="E28623" s="6">
        <v>1127.905</v>
      </c>
    </row>
    <row r="28624" spans="4:5" x14ac:dyDescent="0.25">
      <c r="D28624" s="6">
        <v>3890.3229999999999</v>
      </c>
      <c r="E28624" s="6">
        <v>9297.5110000000004</v>
      </c>
    </row>
    <row r="28625" spans="4:5" x14ac:dyDescent="0.25">
      <c r="D28625" s="6">
        <v>4137.57</v>
      </c>
      <c r="E28625" s="6">
        <v>789.08500000000004</v>
      </c>
    </row>
    <row r="28626" spans="4:5" x14ac:dyDescent="0.25">
      <c r="D28626" s="6">
        <v>839.9579</v>
      </c>
      <c r="E28626" s="6">
        <v>1073.6959999999999</v>
      </c>
    </row>
    <row r="28627" spans="4:5" x14ac:dyDescent="0.25">
      <c r="D28627" s="6">
        <v>951.34140000000002</v>
      </c>
      <c r="E28627" s="6">
        <v>9457.2970000000005</v>
      </c>
    </row>
    <row r="28628" spans="4:5" x14ac:dyDescent="0.25">
      <c r="D28628" s="6">
        <v>1401.211</v>
      </c>
      <c r="E28628" s="6">
        <v>966.3546</v>
      </c>
    </row>
    <row r="28629" spans="4:5" x14ac:dyDescent="0.25">
      <c r="D28629" s="6">
        <v>8205.9210000000003</v>
      </c>
      <c r="E28629" s="6">
        <v>1278.886</v>
      </c>
    </row>
    <row r="28630" spans="4:5" x14ac:dyDescent="0.25">
      <c r="D28630" s="6">
        <v>1370.6010000000001</v>
      </c>
      <c r="E28630" s="6">
        <v>1077.818</v>
      </c>
    </row>
    <row r="28631" spans="4:5" x14ac:dyDescent="0.25">
      <c r="D28631" s="6">
        <v>994.72280000000001</v>
      </c>
      <c r="E28631" s="6">
        <v>1034.1990000000001</v>
      </c>
    </row>
    <row r="28632" spans="4:5" x14ac:dyDescent="0.25">
      <c r="D28632" s="6">
        <v>1421.877</v>
      </c>
      <c r="E28632" s="6">
        <v>1590.297</v>
      </c>
    </row>
    <row r="28633" spans="4:5" x14ac:dyDescent="0.25">
      <c r="D28633" s="6">
        <v>555.90070000000003</v>
      </c>
      <c r="E28633" s="6">
        <v>1957.2550000000001</v>
      </c>
    </row>
    <row r="28634" spans="4:5" x14ac:dyDescent="0.25">
      <c r="D28634" s="6">
        <v>1397.375</v>
      </c>
      <c r="E28634" s="6">
        <v>2082.0430000000001</v>
      </c>
    </row>
    <row r="28635" spans="4:5" x14ac:dyDescent="0.25">
      <c r="D28635" s="6">
        <v>1103.0319999999999</v>
      </c>
      <c r="E28635" s="6">
        <v>1403.463</v>
      </c>
    </row>
    <row r="28636" spans="4:5" x14ac:dyDescent="0.25">
      <c r="D28636" s="6">
        <v>1116.1300000000001</v>
      </c>
      <c r="E28636" s="6">
        <v>1036.441</v>
      </c>
    </row>
    <row r="28637" spans="4:5" x14ac:dyDescent="0.25">
      <c r="D28637" s="6">
        <v>926.88570000000004</v>
      </c>
      <c r="E28637" s="6">
        <v>1081.93</v>
      </c>
    </row>
    <row r="28638" spans="4:5" x14ac:dyDescent="0.25">
      <c r="D28638" s="6">
        <v>503.2525</v>
      </c>
      <c r="E28638" s="6">
        <v>902.02660000000003</v>
      </c>
    </row>
    <row r="28639" spans="4:5" x14ac:dyDescent="0.25">
      <c r="D28639" s="6">
        <v>3074.5250000000001</v>
      </c>
      <c r="E28639" s="6">
        <v>14826.49</v>
      </c>
    </row>
    <row r="28640" spans="4:5" x14ac:dyDescent="0.25">
      <c r="D28640" s="6">
        <v>1608.5740000000001</v>
      </c>
      <c r="E28640" s="6">
        <v>837.13210000000004</v>
      </c>
    </row>
    <row r="28641" spans="4:5" x14ac:dyDescent="0.25">
      <c r="D28641" s="6">
        <v>767.34310000000005</v>
      </c>
      <c r="E28641" s="6">
        <v>916.22379999999998</v>
      </c>
    </row>
    <row r="28642" spans="4:5" x14ac:dyDescent="0.25">
      <c r="D28642" s="6">
        <v>1095.1489999999999</v>
      </c>
      <c r="E28642" s="6">
        <v>685</v>
      </c>
    </row>
    <row r="28643" spans="4:5" x14ac:dyDescent="0.25">
      <c r="D28643" s="6">
        <v>2023.153</v>
      </c>
      <c r="E28643" s="6">
        <v>2726.4070000000002</v>
      </c>
    </row>
    <row r="28644" spans="4:5" x14ac:dyDescent="0.25">
      <c r="D28644" s="6">
        <v>1128.4269999999999</v>
      </c>
      <c r="E28644" s="6">
        <v>825.82219999999995</v>
      </c>
    </row>
    <row r="28645" spans="4:5" x14ac:dyDescent="0.25">
      <c r="D28645" s="6">
        <v>4423.9489999999996</v>
      </c>
      <c r="E28645" s="6">
        <v>1951.3330000000001</v>
      </c>
    </row>
    <row r="28646" spans="4:5" x14ac:dyDescent="0.25">
      <c r="D28646" s="6">
        <v>1188.0039999999999</v>
      </c>
      <c r="E28646" s="6">
        <v>714.94320000000005</v>
      </c>
    </row>
    <row r="28647" spans="4:5" x14ac:dyDescent="0.25">
      <c r="D28647" s="6">
        <v>826.37580000000003</v>
      </c>
      <c r="E28647" s="6">
        <v>1033.7139999999999</v>
      </c>
    </row>
    <row r="28648" spans="4:5" x14ac:dyDescent="0.25">
      <c r="D28648" s="6">
        <v>1604.845</v>
      </c>
      <c r="E28648" s="6">
        <v>2441.3519999999999</v>
      </c>
    </row>
    <row r="28649" spans="4:5" x14ac:dyDescent="0.25">
      <c r="D28649" s="6">
        <v>1240.5450000000001</v>
      </c>
      <c r="E28649" s="6">
        <v>2519.4920000000002</v>
      </c>
    </row>
    <row r="28650" spans="4:5" x14ac:dyDescent="0.25">
      <c r="D28650" s="6">
        <v>8150</v>
      </c>
      <c r="E28650" s="6">
        <v>143.69300000000001</v>
      </c>
    </row>
    <row r="28651" spans="4:5" x14ac:dyDescent="0.25">
      <c r="D28651" s="6">
        <v>553</v>
      </c>
      <c r="E28651" s="6">
        <v>1173.895</v>
      </c>
    </row>
    <row r="28652" spans="4:5" x14ac:dyDescent="0.25">
      <c r="D28652" s="6">
        <v>1350.2070000000001</v>
      </c>
      <c r="E28652" s="6">
        <v>984.71280000000002</v>
      </c>
    </row>
    <row r="28653" spans="4:5" x14ac:dyDescent="0.25">
      <c r="D28653" s="6">
        <v>4619.6450000000004</v>
      </c>
      <c r="E28653" s="6">
        <v>3220.14</v>
      </c>
    </row>
    <row r="28654" spans="4:5" x14ac:dyDescent="0.25">
      <c r="D28654" s="6">
        <v>1141.4680000000001</v>
      </c>
      <c r="E28654" s="6">
        <v>615</v>
      </c>
    </row>
    <row r="28655" spans="4:5" x14ac:dyDescent="0.25">
      <c r="D28655" s="6">
        <v>1160.261</v>
      </c>
      <c r="E28655" s="6">
        <v>1001.842</v>
      </c>
    </row>
    <row r="28656" spans="4:5" x14ac:dyDescent="0.25">
      <c r="D28656" s="6">
        <v>483</v>
      </c>
      <c r="E28656" s="6">
        <v>3604.2629999999999</v>
      </c>
    </row>
    <row r="28657" spans="4:5" x14ac:dyDescent="0.25">
      <c r="D28657" s="6">
        <v>1670.2080000000001</v>
      </c>
      <c r="E28657" s="6">
        <v>746.0797</v>
      </c>
    </row>
    <row r="28658" spans="4:5" x14ac:dyDescent="0.25">
      <c r="D28658" s="6">
        <v>2620.6970000000001</v>
      </c>
      <c r="E28658" s="6">
        <v>636.48630000000003</v>
      </c>
    </row>
    <row r="28659" spans="4:5" x14ac:dyDescent="0.25">
      <c r="D28659" s="6">
        <v>1178.0129999999999</v>
      </c>
      <c r="E28659" s="6">
        <v>9359.6939999999995</v>
      </c>
    </row>
    <row r="28660" spans="4:5" x14ac:dyDescent="0.25">
      <c r="D28660" s="6">
        <v>2023.981</v>
      </c>
      <c r="E28660" s="6">
        <v>721.17280000000005</v>
      </c>
    </row>
    <row r="28661" spans="4:5" x14ac:dyDescent="0.25">
      <c r="D28661" s="6">
        <v>516.31920000000002</v>
      </c>
      <c r="E28661" s="6">
        <v>5352.6719999999996</v>
      </c>
    </row>
    <row r="28662" spans="4:5" x14ac:dyDescent="0.25">
      <c r="D28662" s="6">
        <v>1748.9780000000001</v>
      </c>
      <c r="E28662" s="6">
        <v>8790.7060000000001</v>
      </c>
    </row>
    <row r="28663" spans="4:5" x14ac:dyDescent="0.25">
      <c r="D28663" s="6">
        <v>1193.57</v>
      </c>
      <c r="E28663" s="6">
        <v>532.18420000000003</v>
      </c>
    </row>
    <row r="28664" spans="4:5" x14ac:dyDescent="0.25">
      <c r="D28664" s="6">
        <v>550.22839999999997</v>
      </c>
      <c r="E28664" s="6">
        <v>680.9452</v>
      </c>
    </row>
    <row r="28665" spans="4:5" x14ac:dyDescent="0.25">
      <c r="D28665" s="6">
        <v>1893.1110000000001</v>
      </c>
      <c r="E28665" s="6">
        <v>843.52030000000002</v>
      </c>
    </row>
    <row r="28666" spans="4:5" x14ac:dyDescent="0.25">
      <c r="D28666" s="6">
        <v>313.09089999999998</v>
      </c>
      <c r="E28666" s="6">
        <v>3244.9670000000001</v>
      </c>
    </row>
    <row r="28667" spans="4:5" x14ac:dyDescent="0.25">
      <c r="D28667" s="6">
        <v>1252.384</v>
      </c>
      <c r="E28667" s="6">
        <v>1218.3130000000001</v>
      </c>
    </row>
    <row r="28668" spans="4:5" x14ac:dyDescent="0.25">
      <c r="D28668" s="6">
        <v>1269.864</v>
      </c>
      <c r="E28668" s="6">
        <v>1152.6469999999999</v>
      </c>
    </row>
    <row r="28669" spans="4:5" x14ac:dyDescent="0.25">
      <c r="D28669" s="6">
        <v>1435.2829999999999</v>
      </c>
      <c r="E28669" s="6">
        <v>11486.42</v>
      </c>
    </row>
    <row r="28670" spans="4:5" x14ac:dyDescent="0.25">
      <c r="D28670" s="6">
        <v>830.14739999999995</v>
      </c>
      <c r="E28670" s="6">
        <v>1087.1869999999999</v>
      </c>
    </row>
    <row r="28671" spans="4:5" x14ac:dyDescent="0.25">
      <c r="D28671" s="6">
        <v>1072.4100000000001</v>
      </c>
      <c r="E28671" s="6">
        <v>5822.7139999999999</v>
      </c>
    </row>
    <row r="28672" spans="4:5" x14ac:dyDescent="0.25">
      <c r="D28672" s="6">
        <v>797.07069999999999</v>
      </c>
      <c r="E28672" s="6">
        <v>592.06960000000004</v>
      </c>
    </row>
    <row r="28673" spans="4:5" x14ac:dyDescent="0.25">
      <c r="D28673" s="6">
        <v>1116.633</v>
      </c>
      <c r="E28673" s="6">
        <v>204.00360000000001</v>
      </c>
    </row>
    <row r="28674" spans="4:5" x14ac:dyDescent="0.25">
      <c r="D28674" s="6">
        <v>4812.7640000000001</v>
      </c>
      <c r="E28674" s="6">
        <v>515.88170000000002</v>
      </c>
    </row>
    <row r="28675" spans="4:5" x14ac:dyDescent="0.25">
      <c r="D28675" s="6">
        <v>778.96849999999995</v>
      </c>
      <c r="E28675" s="6">
        <v>2389.877</v>
      </c>
    </row>
    <row r="28676" spans="4:5" x14ac:dyDescent="0.25">
      <c r="D28676" s="6">
        <v>1695.06</v>
      </c>
      <c r="E28676" s="6">
        <v>704.5</v>
      </c>
    </row>
    <row r="28677" spans="4:5" x14ac:dyDescent="0.25">
      <c r="D28677" s="6">
        <v>3504.2890000000002</v>
      </c>
      <c r="E28677" s="6">
        <v>4297.76</v>
      </c>
    </row>
    <row r="28678" spans="4:5" x14ac:dyDescent="0.25">
      <c r="D28678" s="6">
        <v>1156.124</v>
      </c>
      <c r="E28678" s="6">
        <v>1478.1980000000001</v>
      </c>
    </row>
    <row r="28679" spans="4:5" x14ac:dyDescent="0.25">
      <c r="D28679" s="6">
        <v>1720.086</v>
      </c>
      <c r="E28679" s="6">
        <v>1089.424</v>
      </c>
    </row>
    <row r="28680" spans="4:5" x14ac:dyDescent="0.25">
      <c r="D28680" s="6">
        <v>631.46960000000001</v>
      </c>
      <c r="E28680" s="6">
        <v>800.47929999999997</v>
      </c>
    </row>
    <row r="28681" spans="4:5" x14ac:dyDescent="0.25">
      <c r="D28681" s="6">
        <v>1027.7860000000001</v>
      </c>
      <c r="E28681" s="6">
        <v>996.99879999999996</v>
      </c>
    </row>
    <row r="28682" spans="4:5" x14ac:dyDescent="0.25">
      <c r="D28682" s="6">
        <v>882.39340000000004</v>
      </c>
      <c r="E28682" s="6">
        <v>581.654</v>
      </c>
    </row>
    <row r="28683" spans="4:5" x14ac:dyDescent="0.25">
      <c r="D28683" s="6">
        <v>1487.181</v>
      </c>
      <c r="E28683" s="6">
        <v>2342.86</v>
      </c>
    </row>
    <row r="28684" spans="4:5" x14ac:dyDescent="0.25">
      <c r="D28684" s="6">
        <v>1012.019</v>
      </c>
      <c r="E28684" s="6">
        <v>1460.2840000000001</v>
      </c>
    </row>
    <row r="28685" spans="4:5" x14ac:dyDescent="0.25">
      <c r="D28685" s="6">
        <v>2175.6619999999998</v>
      </c>
      <c r="E28685" s="6">
        <v>681.79750000000001</v>
      </c>
    </row>
    <row r="28686" spans="4:5" x14ac:dyDescent="0.25">
      <c r="D28686" s="6">
        <v>1234.43</v>
      </c>
      <c r="E28686" s="6">
        <v>1434.8130000000001</v>
      </c>
    </row>
    <row r="28687" spans="4:5" x14ac:dyDescent="0.25">
      <c r="D28687" s="6">
        <v>842.33979999999997</v>
      </c>
      <c r="E28687" s="6">
        <v>863.09690000000001</v>
      </c>
    </row>
    <row r="28688" spans="4:5" x14ac:dyDescent="0.25">
      <c r="D28688" s="6">
        <v>1457.3630000000001</v>
      </c>
      <c r="E28688" s="6">
        <v>497.26780000000002</v>
      </c>
    </row>
    <row r="28689" spans="4:5" x14ac:dyDescent="0.25">
      <c r="D28689" s="6">
        <v>1120.5309999999999</v>
      </c>
      <c r="E28689" s="6">
        <v>720.78060000000005</v>
      </c>
    </row>
    <row r="28690" spans="4:5" x14ac:dyDescent="0.25">
      <c r="D28690" s="6">
        <v>516.89049999999997</v>
      </c>
      <c r="E28690" s="6">
        <v>1024.95</v>
      </c>
    </row>
    <row r="28691" spans="4:5" x14ac:dyDescent="0.25">
      <c r="D28691" s="6">
        <v>477.3143</v>
      </c>
      <c r="E28691" s="6">
        <v>715.92200000000003</v>
      </c>
    </row>
    <row r="28692" spans="4:5" x14ac:dyDescent="0.25">
      <c r="D28692" s="6">
        <v>1305.655</v>
      </c>
      <c r="E28692" s="6">
        <v>1396.6859999999999</v>
      </c>
    </row>
    <row r="28693" spans="4:5" x14ac:dyDescent="0.25">
      <c r="D28693" s="6">
        <v>924.23739999999998</v>
      </c>
      <c r="E28693" s="6">
        <v>989.85069999999996</v>
      </c>
    </row>
    <row r="28694" spans="4:5" x14ac:dyDescent="0.25">
      <c r="D28694" s="6">
        <v>1618.52</v>
      </c>
      <c r="E28694" s="6">
        <v>1072.9680000000001</v>
      </c>
    </row>
    <row r="28695" spans="4:5" x14ac:dyDescent="0.25">
      <c r="D28695" s="6">
        <v>506</v>
      </c>
      <c r="E28695" s="6">
        <v>679.44320000000005</v>
      </c>
    </row>
    <row r="28696" spans="4:5" x14ac:dyDescent="0.25">
      <c r="D28696" s="6">
        <v>955</v>
      </c>
      <c r="E28696" s="6">
        <v>2476.1010000000001</v>
      </c>
    </row>
    <row r="28697" spans="4:5" x14ac:dyDescent="0.25">
      <c r="D28697" s="6">
        <v>217.71430000000001</v>
      </c>
      <c r="E28697" s="6">
        <v>558.41430000000003</v>
      </c>
    </row>
    <row r="28698" spans="4:5" x14ac:dyDescent="0.25">
      <c r="D28698" s="6">
        <v>502.07249999999999</v>
      </c>
      <c r="E28698" s="6">
        <v>995.44830000000002</v>
      </c>
    </row>
    <row r="28699" spans="4:5" x14ac:dyDescent="0.25">
      <c r="D28699" s="6">
        <v>1295.894</v>
      </c>
      <c r="E28699" s="6">
        <v>213.06790000000001</v>
      </c>
    </row>
    <row r="28700" spans="4:5" x14ac:dyDescent="0.25">
      <c r="D28700" s="6">
        <v>960.43089999999995</v>
      </c>
      <c r="E28700" s="6">
        <v>2560.1869999999999</v>
      </c>
    </row>
    <row r="28701" spans="4:5" x14ac:dyDescent="0.25">
      <c r="D28701" s="6">
        <v>1258.289</v>
      </c>
      <c r="E28701" s="6">
        <v>566.94590000000005</v>
      </c>
    </row>
    <row r="28702" spans="4:5" x14ac:dyDescent="0.25">
      <c r="D28702" s="6">
        <v>1512.0319999999999</v>
      </c>
      <c r="E28702" s="6">
        <v>918.15279999999996</v>
      </c>
    </row>
    <row r="28703" spans="4:5" x14ac:dyDescent="0.25">
      <c r="D28703" s="6">
        <v>429.60860000000002</v>
      </c>
      <c r="E28703" s="6">
        <v>1363.6030000000001</v>
      </c>
    </row>
    <row r="28704" spans="4:5" x14ac:dyDescent="0.25">
      <c r="D28704" s="6">
        <v>8828.0640000000003</v>
      </c>
      <c r="E28704" s="6">
        <v>226.9538</v>
      </c>
    </row>
    <row r="28705" spans="4:5" x14ac:dyDescent="0.25">
      <c r="D28705" s="6">
        <v>1009.2089999999999</v>
      </c>
      <c r="E28705" s="6">
        <v>819.45929999999998</v>
      </c>
    </row>
    <row r="28706" spans="4:5" x14ac:dyDescent="0.25">
      <c r="D28706" s="6">
        <v>1715.8440000000001</v>
      </c>
      <c r="E28706" s="6">
        <v>1671.645</v>
      </c>
    </row>
    <row r="28707" spans="4:5" x14ac:dyDescent="0.25">
      <c r="D28707" s="6">
        <v>482.45960000000002</v>
      </c>
      <c r="E28707" s="6">
        <v>423.79719999999998</v>
      </c>
    </row>
    <row r="28708" spans="4:5" x14ac:dyDescent="0.25">
      <c r="D28708" s="6">
        <v>1218.1559999999999</v>
      </c>
      <c r="E28708" s="6">
        <v>3211</v>
      </c>
    </row>
    <row r="28709" spans="4:5" x14ac:dyDescent="0.25">
      <c r="D28709" s="6">
        <v>1069.5640000000001</v>
      </c>
      <c r="E28709" s="6">
        <v>905.86789999999996</v>
      </c>
    </row>
    <row r="28710" spans="4:5" x14ac:dyDescent="0.25">
      <c r="D28710" s="6">
        <v>3113.1950000000002</v>
      </c>
      <c r="E28710" s="6">
        <v>11838.3</v>
      </c>
    </row>
    <row r="28711" spans="4:5" x14ac:dyDescent="0.25">
      <c r="D28711" s="6">
        <v>1153.3779999999999</v>
      </c>
      <c r="E28711" s="6">
        <v>6778.9089999999997</v>
      </c>
    </row>
    <row r="28712" spans="4:5" x14ac:dyDescent="0.25">
      <c r="D28712" s="6">
        <v>625.18520000000001</v>
      </c>
      <c r="E28712" s="6">
        <v>681.72339999999997</v>
      </c>
    </row>
    <row r="28713" spans="4:5" x14ac:dyDescent="0.25">
      <c r="D28713" s="6">
        <v>1475.2449999999999</v>
      </c>
      <c r="E28713" s="6">
        <v>845.91880000000003</v>
      </c>
    </row>
    <row r="28714" spans="4:5" x14ac:dyDescent="0.25">
      <c r="D28714" s="6">
        <v>509.40629999999999</v>
      </c>
      <c r="E28714" s="6">
        <v>967.37850000000003</v>
      </c>
    </row>
    <row r="28715" spans="4:5" x14ac:dyDescent="0.25">
      <c r="D28715" s="6">
        <v>438.67079999999999</v>
      </c>
      <c r="E28715" s="6">
        <v>2037.19</v>
      </c>
    </row>
    <row r="28716" spans="4:5" x14ac:dyDescent="0.25">
      <c r="D28716" s="6">
        <v>1458.4190000000001</v>
      </c>
      <c r="E28716" s="6">
        <v>431.08949999999999</v>
      </c>
    </row>
    <row r="28717" spans="4:5" x14ac:dyDescent="0.25">
      <c r="D28717" s="6">
        <v>1281.521</v>
      </c>
      <c r="E28717" s="6">
        <v>886.20699999999999</v>
      </c>
    </row>
    <row r="28718" spans="4:5" x14ac:dyDescent="0.25">
      <c r="D28718" s="6">
        <v>680.45500000000004</v>
      </c>
      <c r="E28718" s="6">
        <v>739.09559999999999</v>
      </c>
    </row>
    <row r="28719" spans="4:5" x14ac:dyDescent="0.25">
      <c r="D28719" s="6">
        <v>1489.9870000000001</v>
      </c>
      <c r="E28719" s="6">
        <v>1087.7550000000001</v>
      </c>
    </row>
    <row r="28720" spans="4:5" x14ac:dyDescent="0.25">
      <c r="D28720" s="6">
        <v>1377.6220000000001</v>
      </c>
      <c r="E28720" s="6">
        <v>2420.1019999999999</v>
      </c>
    </row>
    <row r="28721" spans="4:5" x14ac:dyDescent="0.25">
      <c r="D28721" s="6">
        <v>755.90329999999994</v>
      </c>
      <c r="E28721" s="6">
        <v>12256.63</v>
      </c>
    </row>
    <row r="28722" spans="4:5" x14ac:dyDescent="0.25">
      <c r="D28722" s="6">
        <v>1381.3789999999999</v>
      </c>
      <c r="E28722" s="6">
        <v>2743.422</v>
      </c>
    </row>
    <row r="28723" spans="4:5" x14ac:dyDescent="0.25">
      <c r="D28723" s="6">
        <v>999.87840000000006</v>
      </c>
      <c r="E28723" s="6">
        <v>2776.8090000000002</v>
      </c>
    </row>
    <row r="28724" spans="4:5" x14ac:dyDescent="0.25">
      <c r="D28724" s="6">
        <v>1377.45</v>
      </c>
      <c r="E28724" s="6">
        <v>5385.34</v>
      </c>
    </row>
    <row r="28725" spans="4:5" x14ac:dyDescent="0.25">
      <c r="D28725" s="6">
        <v>2381.221</v>
      </c>
      <c r="E28725" s="6">
        <v>855.90909999999997</v>
      </c>
    </row>
    <row r="28726" spans="4:5" x14ac:dyDescent="0.25">
      <c r="D28726" s="6">
        <v>907.79190000000006</v>
      </c>
      <c r="E28726" s="6">
        <v>887.13409999999999</v>
      </c>
    </row>
    <row r="28727" spans="4:5" x14ac:dyDescent="0.25">
      <c r="D28727" s="6">
        <v>1036.8050000000001</v>
      </c>
      <c r="E28727" s="6">
        <v>1614.396</v>
      </c>
    </row>
    <row r="28728" spans="4:5" x14ac:dyDescent="0.25">
      <c r="D28728" s="6">
        <v>2010.491</v>
      </c>
      <c r="E28728" s="6">
        <v>2132.154</v>
      </c>
    </row>
    <row r="28729" spans="4:5" x14ac:dyDescent="0.25">
      <c r="D28729" s="6">
        <v>1451.7149999999999</v>
      </c>
      <c r="E28729" s="6">
        <v>2317.3719999999998</v>
      </c>
    </row>
    <row r="28730" spans="4:5" x14ac:dyDescent="0.25">
      <c r="D28730" s="6">
        <v>735.25850000000003</v>
      </c>
      <c r="E28730" s="6">
        <v>994.15129999999999</v>
      </c>
    </row>
    <row r="28731" spans="4:5" x14ac:dyDescent="0.25">
      <c r="D28731" s="6">
        <v>2643.54</v>
      </c>
      <c r="E28731" s="6">
        <v>1079.8579999999999</v>
      </c>
    </row>
    <row r="28732" spans="4:5" x14ac:dyDescent="0.25">
      <c r="D28732" s="6">
        <v>943.70029999999997</v>
      </c>
      <c r="E28732" s="6">
        <v>1224.3119999999999</v>
      </c>
    </row>
    <row r="28733" spans="4:5" x14ac:dyDescent="0.25">
      <c r="D28733" s="6">
        <v>1126.1420000000001</v>
      </c>
      <c r="E28733" s="6">
        <v>697.14980000000003</v>
      </c>
    </row>
    <row r="28734" spans="4:5" x14ac:dyDescent="0.25">
      <c r="D28734" s="6">
        <v>1450.798</v>
      </c>
      <c r="E28734" s="6">
        <v>5269.18</v>
      </c>
    </row>
    <row r="28735" spans="4:5" x14ac:dyDescent="0.25">
      <c r="D28735" s="6">
        <v>1348.462</v>
      </c>
      <c r="E28735" s="6">
        <v>731.048</v>
      </c>
    </row>
    <row r="28736" spans="4:5" x14ac:dyDescent="0.25">
      <c r="D28736" s="6">
        <v>2228.0140000000001</v>
      </c>
      <c r="E28736" s="6">
        <v>385.76190000000003</v>
      </c>
    </row>
    <row r="28737" spans="4:5" x14ac:dyDescent="0.25">
      <c r="D28737" s="6">
        <v>2354.9760000000001</v>
      </c>
      <c r="E28737" s="6">
        <v>816.6001</v>
      </c>
    </row>
    <row r="28738" spans="4:5" x14ac:dyDescent="0.25">
      <c r="D28738" s="6">
        <v>9074</v>
      </c>
      <c r="E28738" s="6">
        <v>932</v>
      </c>
    </row>
    <row r="28739" spans="4:5" x14ac:dyDescent="0.25">
      <c r="D28739" s="6">
        <v>1113.4269999999999</v>
      </c>
      <c r="E28739" s="6">
        <v>750.59</v>
      </c>
    </row>
    <row r="28740" spans="4:5" x14ac:dyDescent="0.25">
      <c r="D28740" s="6">
        <v>942.45780000000002</v>
      </c>
      <c r="E28740" s="6">
        <v>1240.1130000000001</v>
      </c>
    </row>
    <row r="28741" spans="4:5" x14ac:dyDescent="0.25">
      <c r="D28741" s="6">
        <v>977.77549999999997</v>
      </c>
      <c r="E28741" s="6">
        <v>983.87860000000001</v>
      </c>
    </row>
    <row r="28742" spans="4:5" x14ac:dyDescent="0.25">
      <c r="D28742" s="6">
        <v>653.84619999999995</v>
      </c>
      <c r="E28742" s="6">
        <v>1069.385</v>
      </c>
    </row>
    <row r="28743" spans="4:5" x14ac:dyDescent="0.25">
      <c r="D28743" s="6">
        <v>599.31150000000002</v>
      </c>
      <c r="E28743" s="6">
        <v>685.68489999999997</v>
      </c>
    </row>
    <row r="28744" spans="4:5" x14ac:dyDescent="0.25">
      <c r="D28744" s="6">
        <v>1287.4960000000001</v>
      </c>
      <c r="E28744" s="6">
        <v>576.37950000000001</v>
      </c>
    </row>
    <row r="28745" spans="4:5" x14ac:dyDescent="0.25">
      <c r="D28745" s="6">
        <v>187.43100000000001</v>
      </c>
      <c r="E28745" s="6">
        <v>465.01369999999997</v>
      </c>
    </row>
    <row r="28746" spans="4:5" x14ac:dyDescent="0.25">
      <c r="D28746" s="6">
        <v>546.12689999999998</v>
      </c>
      <c r="E28746" s="6">
        <v>834.57360000000006</v>
      </c>
    </row>
    <row r="28747" spans="4:5" x14ac:dyDescent="0.25">
      <c r="D28747" s="6">
        <v>1260.57</v>
      </c>
      <c r="E28747" s="6">
        <v>1016.826</v>
      </c>
    </row>
    <row r="28748" spans="4:5" x14ac:dyDescent="0.25">
      <c r="D28748" s="6">
        <v>1266.3630000000001</v>
      </c>
      <c r="E28748" s="6">
        <v>543.62300000000005</v>
      </c>
    </row>
    <row r="28749" spans="4:5" x14ac:dyDescent="0.25">
      <c r="D28749" s="6">
        <v>859.86040000000003</v>
      </c>
      <c r="E28749" s="6">
        <v>1856.069</v>
      </c>
    </row>
    <row r="28750" spans="4:5" x14ac:dyDescent="0.25">
      <c r="D28750" s="6">
        <v>1185.6890000000001</v>
      </c>
      <c r="E28750" s="6">
        <v>525.98710000000005</v>
      </c>
    </row>
    <row r="28751" spans="4:5" x14ac:dyDescent="0.25">
      <c r="D28751" s="6">
        <v>1095.3520000000001</v>
      </c>
      <c r="E28751" s="6">
        <v>948.36699999999996</v>
      </c>
    </row>
    <row r="28752" spans="4:5" x14ac:dyDescent="0.25">
      <c r="D28752" s="6">
        <v>1100.3489999999999</v>
      </c>
      <c r="E28752" s="6">
        <v>980.70920000000001</v>
      </c>
    </row>
    <row r="28753" spans="4:5" x14ac:dyDescent="0.25">
      <c r="D28753" s="6">
        <v>200.5042</v>
      </c>
      <c r="E28753" s="6">
        <v>12420.25</v>
      </c>
    </row>
    <row r="28754" spans="4:5" x14ac:dyDescent="0.25">
      <c r="D28754" s="6">
        <v>1204.347</v>
      </c>
      <c r="E28754" s="6">
        <v>444.09210000000002</v>
      </c>
    </row>
    <row r="28755" spans="4:5" x14ac:dyDescent="0.25">
      <c r="D28755" s="6">
        <v>3120.8980000000001</v>
      </c>
      <c r="E28755" s="6">
        <v>4162.9049999999997</v>
      </c>
    </row>
    <row r="28756" spans="4:5" x14ac:dyDescent="0.25">
      <c r="D28756" s="6">
        <v>594.48050000000001</v>
      </c>
      <c r="E28756" s="6">
        <v>1074.222</v>
      </c>
    </row>
    <row r="28757" spans="4:5" x14ac:dyDescent="0.25">
      <c r="D28757" s="6">
        <v>3936.326</v>
      </c>
      <c r="E28757" s="6">
        <v>833.85500000000002</v>
      </c>
    </row>
    <row r="28758" spans="4:5" x14ac:dyDescent="0.25">
      <c r="D28758" s="6">
        <v>1162.4649999999999</v>
      </c>
      <c r="E28758" s="6">
        <v>1815.182</v>
      </c>
    </row>
    <row r="28759" spans="4:5" x14ac:dyDescent="0.25">
      <c r="D28759" s="6">
        <v>984.28880000000004</v>
      </c>
      <c r="E28759" s="6">
        <v>9843.732</v>
      </c>
    </row>
    <row r="28760" spans="4:5" x14ac:dyDescent="0.25">
      <c r="D28760" s="6">
        <v>2283.6559999999999</v>
      </c>
      <c r="E28760" s="6">
        <v>540.05730000000005</v>
      </c>
    </row>
    <row r="28761" spans="4:5" x14ac:dyDescent="0.25">
      <c r="D28761" s="6">
        <v>575.46900000000005</v>
      </c>
      <c r="E28761" s="6">
        <v>1511.867</v>
      </c>
    </row>
    <row r="28762" spans="4:5" x14ac:dyDescent="0.25">
      <c r="D28762" s="6">
        <v>1247.5709999999999</v>
      </c>
      <c r="E28762" s="6">
        <v>2070.02</v>
      </c>
    </row>
    <row r="28763" spans="4:5" x14ac:dyDescent="0.25">
      <c r="D28763" s="6">
        <v>327.3415</v>
      </c>
      <c r="E28763" s="6">
        <v>2725.69</v>
      </c>
    </row>
    <row r="28764" spans="4:5" x14ac:dyDescent="0.25">
      <c r="D28764" s="6">
        <v>1809.9749999999999</v>
      </c>
      <c r="E28764" s="6">
        <v>3758.7269999999999</v>
      </c>
    </row>
    <row r="28765" spans="4:5" x14ac:dyDescent="0.25">
      <c r="D28765" s="6">
        <v>1531.1790000000001</v>
      </c>
      <c r="E28765" s="6">
        <v>1975.3330000000001</v>
      </c>
    </row>
    <row r="28766" spans="4:5" x14ac:dyDescent="0.25">
      <c r="D28766" s="6">
        <v>932.42700000000002</v>
      </c>
      <c r="E28766" s="6">
        <v>413.35700000000003</v>
      </c>
    </row>
    <row r="28767" spans="4:5" x14ac:dyDescent="0.25">
      <c r="D28767" s="6">
        <v>1602.193</v>
      </c>
      <c r="E28767" s="6">
        <v>6598</v>
      </c>
    </row>
    <row r="28768" spans="4:5" x14ac:dyDescent="0.25">
      <c r="D28768" s="6">
        <v>1374.249</v>
      </c>
      <c r="E28768" s="6">
        <v>5661</v>
      </c>
    </row>
    <row r="28769" spans="4:5" x14ac:dyDescent="0.25">
      <c r="D28769" s="6">
        <v>1416.0840000000001</v>
      </c>
      <c r="E28769" s="6">
        <v>818.66300000000001</v>
      </c>
    </row>
    <row r="28770" spans="4:5" x14ac:dyDescent="0.25">
      <c r="D28770" s="6">
        <v>675.27589999999998</v>
      </c>
      <c r="E28770" s="6">
        <v>1170.625</v>
      </c>
    </row>
    <row r="28771" spans="4:5" x14ac:dyDescent="0.25">
      <c r="D28771" s="6">
        <v>1087.115</v>
      </c>
      <c r="E28771" s="6">
        <v>708.13070000000005</v>
      </c>
    </row>
    <row r="28772" spans="4:5" x14ac:dyDescent="0.25">
      <c r="D28772" s="6">
        <v>1018.794</v>
      </c>
      <c r="E28772" s="6">
        <v>767.93359999999996</v>
      </c>
    </row>
    <row r="28773" spans="4:5" x14ac:dyDescent="0.25">
      <c r="D28773" s="6">
        <v>1040.336</v>
      </c>
      <c r="E28773" s="6">
        <v>2202.08</v>
      </c>
    </row>
    <row r="28774" spans="4:5" x14ac:dyDescent="0.25">
      <c r="D28774" s="6">
        <v>1171.3969999999999</v>
      </c>
      <c r="E28774" s="6">
        <v>2691.2730000000001</v>
      </c>
    </row>
    <row r="28775" spans="4:5" x14ac:dyDescent="0.25">
      <c r="D28775" s="6">
        <v>1644.423</v>
      </c>
      <c r="E28775" s="6">
        <v>829.33699999999999</v>
      </c>
    </row>
    <row r="28776" spans="4:5" x14ac:dyDescent="0.25">
      <c r="D28776" s="6">
        <v>805.10040000000004</v>
      </c>
      <c r="E28776" s="6">
        <v>734.83889999999997</v>
      </c>
    </row>
    <row r="28777" spans="4:5" x14ac:dyDescent="0.25">
      <c r="D28777" s="6">
        <v>2340.19</v>
      </c>
      <c r="E28777" s="6">
        <v>613.31529999999998</v>
      </c>
    </row>
    <row r="28778" spans="4:5" x14ac:dyDescent="0.25">
      <c r="D28778" s="6">
        <v>1360.847</v>
      </c>
      <c r="E28778" s="6">
        <v>569.01840000000004</v>
      </c>
    </row>
    <row r="28779" spans="4:5" x14ac:dyDescent="0.25">
      <c r="D28779" s="6">
        <v>982.97389999999996</v>
      </c>
      <c r="E28779" s="6">
        <v>1005.513</v>
      </c>
    </row>
    <row r="28780" spans="4:5" x14ac:dyDescent="0.25">
      <c r="D28780" s="6">
        <v>1311.9459999999999</v>
      </c>
      <c r="E28780" s="6">
        <v>626.09810000000004</v>
      </c>
    </row>
    <row r="28781" spans="4:5" x14ac:dyDescent="0.25">
      <c r="D28781" s="6">
        <v>3101.009</v>
      </c>
      <c r="E28781" s="6">
        <v>4807.1189999999997</v>
      </c>
    </row>
    <row r="28782" spans="4:5" x14ac:dyDescent="0.25">
      <c r="D28782" s="6">
        <v>615.42560000000003</v>
      </c>
      <c r="E28782" s="6">
        <v>1790.453</v>
      </c>
    </row>
    <row r="28783" spans="4:5" x14ac:dyDescent="0.25">
      <c r="D28783" s="6">
        <v>1005.391</v>
      </c>
      <c r="E28783" s="6">
        <v>645.19090000000006</v>
      </c>
    </row>
    <row r="28784" spans="4:5" x14ac:dyDescent="0.25">
      <c r="D28784" s="6">
        <v>1453.5650000000001</v>
      </c>
      <c r="E28784" s="6">
        <v>1637.7560000000001</v>
      </c>
    </row>
    <row r="28785" spans="4:5" x14ac:dyDescent="0.25">
      <c r="D28785" s="6">
        <v>1261.4580000000001</v>
      </c>
      <c r="E28785" s="6">
        <v>5558.25</v>
      </c>
    </row>
    <row r="28786" spans="4:5" x14ac:dyDescent="0.25">
      <c r="D28786" s="6">
        <v>1119.174</v>
      </c>
      <c r="E28786" s="6">
        <v>680.62649999999996</v>
      </c>
    </row>
    <row r="28787" spans="4:5" x14ac:dyDescent="0.25">
      <c r="D28787" s="6">
        <v>962.68499999999995</v>
      </c>
      <c r="E28787" s="6">
        <v>6375.5739999999996</v>
      </c>
    </row>
    <row r="28788" spans="4:5" x14ac:dyDescent="0.25">
      <c r="D28788" s="6">
        <v>1327.3969999999999</v>
      </c>
      <c r="E28788" s="6">
        <v>2808.8159999999998</v>
      </c>
    </row>
    <row r="28789" spans="4:5" x14ac:dyDescent="0.25">
      <c r="D28789" s="6">
        <v>1078.223</v>
      </c>
      <c r="E28789" s="6">
        <v>1658.3150000000001</v>
      </c>
    </row>
    <row r="28790" spans="4:5" x14ac:dyDescent="0.25">
      <c r="D28790" s="6">
        <v>981.25509999999997</v>
      </c>
      <c r="E28790" s="6">
        <v>766.87099999999998</v>
      </c>
    </row>
    <row r="28791" spans="4:5" x14ac:dyDescent="0.25">
      <c r="D28791" s="6">
        <v>951.09609999999998</v>
      </c>
      <c r="E28791" s="6">
        <v>4166.5609999999997</v>
      </c>
    </row>
    <row r="28792" spans="4:5" x14ac:dyDescent="0.25">
      <c r="D28792" s="6">
        <v>1069.2809999999999</v>
      </c>
      <c r="E28792" s="6">
        <v>724.49770000000001</v>
      </c>
    </row>
    <row r="28793" spans="4:5" x14ac:dyDescent="0.25">
      <c r="D28793" s="6">
        <v>5552.8289999999997</v>
      </c>
      <c r="E28793" s="6">
        <v>5217.7569999999996</v>
      </c>
    </row>
    <row r="28794" spans="4:5" x14ac:dyDescent="0.25">
      <c r="D28794" s="6">
        <v>2703.6849999999999</v>
      </c>
      <c r="E28794" s="6">
        <v>1252.471</v>
      </c>
    </row>
    <row r="28795" spans="4:5" x14ac:dyDescent="0.25">
      <c r="D28795" s="6">
        <v>1266.8699999999999</v>
      </c>
      <c r="E28795" s="6">
        <v>804.32889999999998</v>
      </c>
    </row>
    <row r="28796" spans="4:5" x14ac:dyDescent="0.25">
      <c r="D28796" s="6">
        <v>1760.328</v>
      </c>
      <c r="E28796" s="6">
        <v>1052.248</v>
      </c>
    </row>
    <row r="28797" spans="4:5" x14ac:dyDescent="0.25">
      <c r="D28797" s="6">
        <v>1335.777</v>
      </c>
      <c r="E28797" s="6">
        <v>1302.624</v>
      </c>
    </row>
    <row r="28798" spans="4:5" x14ac:dyDescent="0.25">
      <c r="D28798" s="6">
        <v>1717.722</v>
      </c>
      <c r="E28798" s="6">
        <v>657.125</v>
      </c>
    </row>
    <row r="28799" spans="4:5" x14ac:dyDescent="0.25">
      <c r="D28799" s="6">
        <v>1546.8820000000001</v>
      </c>
      <c r="E28799" s="6">
        <v>4089.2280000000001</v>
      </c>
    </row>
    <row r="28800" spans="4:5" x14ac:dyDescent="0.25">
      <c r="D28800" s="6">
        <v>1403.1610000000001</v>
      </c>
      <c r="E28800" s="6">
        <v>4508.3329999999996</v>
      </c>
    </row>
    <row r="28801" spans="4:5" x14ac:dyDescent="0.25">
      <c r="D28801" s="6">
        <v>576.83150000000001</v>
      </c>
      <c r="E28801" s="6">
        <v>4674.3519999999999</v>
      </c>
    </row>
    <row r="28802" spans="4:5" x14ac:dyDescent="0.25">
      <c r="D28802" s="6">
        <v>554.22379999999998</v>
      </c>
      <c r="E28802" s="6">
        <v>1215.3209999999999</v>
      </c>
    </row>
    <row r="28803" spans="4:5" x14ac:dyDescent="0.25">
      <c r="D28803" s="6">
        <v>1151.952</v>
      </c>
      <c r="E28803" s="6">
        <v>255.929</v>
      </c>
    </row>
    <row r="28804" spans="4:5" x14ac:dyDescent="0.25">
      <c r="D28804" s="6">
        <v>634.28830000000005</v>
      </c>
      <c r="E28804" s="6">
        <v>11364.9</v>
      </c>
    </row>
    <row r="28805" spans="4:5" x14ac:dyDescent="0.25">
      <c r="D28805" s="6">
        <v>2130.1350000000002</v>
      </c>
      <c r="E28805" s="6">
        <v>1191.8409999999999</v>
      </c>
    </row>
    <row r="28806" spans="4:5" x14ac:dyDescent="0.25">
      <c r="D28806" s="6">
        <v>1096.8689999999999</v>
      </c>
      <c r="E28806" s="6">
        <v>1031.7239999999999</v>
      </c>
    </row>
    <row r="28807" spans="4:5" x14ac:dyDescent="0.25">
      <c r="D28807" s="6">
        <v>622.14580000000001</v>
      </c>
      <c r="E28807" s="6">
        <v>1051.4860000000001</v>
      </c>
    </row>
    <row r="28808" spans="4:5" x14ac:dyDescent="0.25">
      <c r="D28808" s="6">
        <v>992.0444</v>
      </c>
      <c r="E28808" s="6">
        <v>464.5</v>
      </c>
    </row>
    <row r="28809" spans="4:5" x14ac:dyDescent="0.25">
      <c r="D28809" s="6">
        <v>1016.163</v>
      </c>
      <c r="E28809" s="6">
        <v>767.97260000000006</v>
      </c>
    </row>
    <row r="28810" spans="4:5" x14ac:dyDescent="0.25">
      <c r="D28810" s="6">
        <v>767.38969999999995</v>
      </c>
      <c r="E28810" s="6">
        <v>810.86030000000005</v>
      </c>
    </row>
    <row r="28811" spans="4:5" x14ac:dyDescent="0.25">
      <c r="D28811" s="6">
        <v>1449.212</v>
      </c>
      <c r="E28811" s="6">
        <v>707.89369999999997</v>
      </c>
    </row>
    <row r="28812" spans="4:5" x14ac:dyDescent="0.25">
      <c r="D28812" s="6">
        <v>895.62260000000003</v>
      </c>
      <c r="E28812" s="6">
        <v>994.79070000000002</v>
      </c>
    </row>
    <row r="28813" spans="4:5" x14ac:dyDescent="0.25">
      <c r="D28813" s="6">
        <v>1365.71</v>
      </c>
      <c r="E28813" s="6">
        <v>1793.941</v>
      </c>
    </row>
    <row r="28814" spans="4:5" x14ac:dyDescent="0.25">
      <c r="D28814" s="6">
        <v>1608.425</v>
      </c>
      <c r="E28814" s="6">
        <v>554.21849999999995</v>
      </c>
    </row>
    <row r="28815" spans="4:5" x14ac:dyDescent="0.25">
      <c r="D28815" s="6">
        <v>1332.249</v>
      </c>
      <c r="E28815" s="6">
        <v>578.56259999999997</v>
      </c>
    </row>
    <row r="28816" spans="4:5" x14ac:dyDescent="0.25">
      <c r="D28816" s="6">
        <v>956.23400000000004</v>
      </c>
      <c r="E28816" s="6">
        <v>1718.7059999999999</v>
      </c>
    </row>
    <row r="28817" spans="4:5" x14ac:dyDescent="0.25">
      <c r="D28817" s="6">
        <v>2354.0410000000002</v>
      </c>
      <c r="E28817" s="6">
        <v>515.58349999999996</v>
      </c>
    </row>
    <row r="28818" spans="4:5" x14ac:dyDescent="0.25">
      <c r="D28818" s="6">
        <v>654.12279999999998</v>
      </c>
      <c r="E28818" s="6">
        <v>3994.6149999999998</v>
      </c>
    </row>
    <row r="28819" spans="4:5" x14ac:dyDescent="0.25">
      <c r="D28819" s="6">
        <v>1391.528</v>
      </c>
      <c r="E28819" s="6">
        <v>811.48140000000001</v>
      </c>
    </row>
    <row r="28820" spans="4:5" x14ac:dyDescent="0.25">
      <c r="D28820" s="6">
        <v>1532.5360000000001</v>
      </c>
      <c r="E28820" s="6">
        <v>1771.847</v>
      </c>
    </row>
    <row r="28821" spans="4:5" x14ac:dyDescent="0.25">
      <c r="D28821" s="6">
        <v>567.25019999999995</v>
      </c>
      <c r="E28821" s="6">
        <v>497</v>
      </c>
    </row>
    <row r="28822" spans="4:5" x14ac:dyDescent="0.25">
      <c r="D28822" s="6">
        <v>3921.18</v>
      </c>
      <c r="E28822" s="6">
        <v>498.8</v>
      </c>
    </row>
    <row r="28823" spans="4:5" x14ac:dyDescent="0.25">
      <c r="D28823" s="6">
        <v>1191.1120000000001</v>
      </c>
      <c r="E28823" s="6">
        <v>543.99080000000004</v>
      </c>
    </row>
    <row r="28824" spans="4:5" x14ac:dyDescent="0.25">
      <c r="D28824" s="6">
        <v>759.92330000000004</v>
      </c>
      <c r="E28824" s="6">
        <v>539.34659999999997</v>
      </c>
    </row>
    <row r="28825" spans="4:5" x14ac:dyDescent="0.25">
      <c r="D28825" s="6">
        <v>1041.0730000000001</v>
      </c>
      <c r="E28825" s="6">
        <v>9054.5889999999999</v>
      </c>
    </row>
    <row r="28826" spans="4:5" x14ac:dyDescent="0.25">
      <c r="D28826" s="6">
        <v>880.21310000000005</v>
      </c>
      <c r="E28826" s="6">
        <v>10158.36</v>
      </c>
    </row>
    <row r="28827" spans="4:5" x14ac:dyDescent="0.25">
      <c r="D28827" s="6">
        <v>350.01409999999998</v>
      </c>
      <c r="E28827" s="6">
        <v>10017.02</v>
      </c>
    </row>
    <row r="28828" spans="4:5" x14ac:dyDescent="0.25">
      <c r="D28828" s="6">
        <v>542.84400000000005</v>
      </c>
      <c r="E28828" s="6">
        <v>7243.6090000000004</v>
      </c>
    </row>
    <row r="28829" spans="4:5" x14ac:dyDescent="0.25">
      <c r="D28829" s="6">
        <v>627.58720000000005</v>
      </c>
      <c r="E28829" s="6">
        <v>848.97720000000004</v>
      </c>
    </row>
    <row r="28830" spans="4:5" x14ac:dyDescent="0.25">
      <c r="D28830" s="6">
        <v>673.16970000000003</v>
      </c>
      <c r="E28830" s="6">
        <v>6955</v>
      </c>
    </row>
    <row r="28831" spans="4:5" x14ac:dyDescent="0.25">
      <c r="D28831" s="6">
        <v>1313.39</v>
      </c>
      <c r="E28831" s="6">
        <v>732.43020000000001</v>
      </c>
    </row>
    <row r="28832" spans="4:5" x14ac:dyDescent="0.25">
      <c r="D28832" s="6">
        <v>1997.752</v>
      </c>
      <c r="E28832" s="6">
        <v>1550.7719999999999</v>
      </c>
    </row>
    <row r="28833" spans="4:5" x14ac:dyDescent="0.25">
      <c r="D28833" s="6">
        <v>2180.6950000000002</v>
      </c>
      <c r="E28833" s="6">
        <v>1042.8040000000001</v>
      </c>
    </row>
    <row r="28834" spans="4:5" x14ac:dyDescent="0.25">
      <c r="D28834" s="6">
        <v>1412.489</v>
      </c>
      <c r="E28834" s="6">
        <v>1177.354</v>
      </c>
    </row>
    <row r="28835" spans="4:5" x14ac:dyDescent="0.25">
      <c r="D28835" s="6">
        <v>1154.5809999999999</v>
      </c>
      <c r="E28835" s="6">
        <v>679.53560000000004</v>
      </c>
    </row>
    <row r="28836" spans="4:5" x14ac:dyDescent="0.25">
      <c r="D28836" s="6">
        <v>1261.548</v>
      </c>
      <c r="E28836" s="6">
        <v>179.7638</v>
      </c>
    </row>
    <row r="28837" spans="4:5" x14ac:dyDescent="0.25">
      <c r="D28837" s="6">
        <v>571.75459999999998</v>
      </c>
      <c r="E28837" s="6">
        <v>1446.556</v>
      </c>
    </row>
    <row r="28838" spans="4:5" x14ac:dyDescent="0.25">
      <c r="D28838" s="6">
        <v>537.88710000000003</v>
      </c>
      <c r="E28838" s="6">
        <v>508.5</v>
      </c>
    </row>
    <row r="28839" spans="4:5" x14ac:dyDescent="0.25">
      <c r="D28839" s="6">
        <v>641.26130000000001</v>
      </c>
      <c r="E28839" s="6">
        <v>1595.528</v>
      </c>
    </row>
    <row r="28840" spans="4:5" x14ac:dyDescent="0.25">
      <c r="D28840" s="6">
        <v>2506.998</v>
      </c>
      <c r="E28840" s="6">
        <v>900.0761</v>
      </c>
    </row>
    <row r="28841" spans="4:5" x14ac:dyDescent="0.25">
      <c r="D28841" s="6">
        <v>591.42759999999998</v>
      </c>
      <c r="E28841" s="6">
        <v>9161.7839999999997</v>
      </c>
    </row>
    <row r="28842" spans="4:5" x14ac:dyDescent="0.25">
      <c r="D28842" s="6">
        <v>1219.942</v>
      </c>
      <c r="E28842" s="6">
        <v>673.00570000000005</v>
      </c>
    </row>
    <row r="28843" spans="4:5" x14ac:dyDescent="0.25">
      <c r="D28843" s="6">
        <v>1052.037</v>
      </c>
      <c r="E28843" s="6">
        <v>694.64340000000004</v>
      </c>
    </row>
    <row r="28844" spans="4:5" x14ac:dyDescent="0.25">
      <c r="D28844" s="6">
        <v>601.02940000000001</v>
      </c>
      <c r="E28844" s="6">
        <v>555.01769999999999</v>
      </c>
    </row>
    <row r="28845" spans="4:5" x14ac:dyDescent="0.25">
      <c r="D28845" s="6">
        <v>741.97289999999998</v>
      </c>
      <c r="E28845" s="6">
        <v>1798.7059999999999</v>
      </c>
    </row>
    <row r="28846" spans="4:5" x14ac:dyDescent="0.25">
      <c r="D28846" s="6">
        <v>1436.422</v>
      </c>
      <c r="E28846" s="6">
        <v>13304.06</v>
      </c>
    </row>
    <row r="28847" spans="4:5" x14ac:dyDescent="0.25">
      <c r="D28847" s="6">
        <v>1861.472</v>
      </c>
      <c r="E28847" s="6">
        <v>1746.8320000000001</v>
      </c>
    </row>
    <row r="28848" spans="4:5" x14ac:dyDescent="0.25">
      <c r="D28848" s="6">
        <v>3245.6370000000002</v>
      </c>
      <c r="E28848" s="6">
        <v>529.36739999999998</v>
      </c>
    </row>
    <row r="28849" spans="4:5" x14ac:dyDescent="0.25">
      <c r="D28849" s="6">
        <v>1152.2739999999999</v>
      </c>
      <c r="E28849" s="6">
        <v>7860</v>
      </c>
    </row>
    <row r="28850" spans="4:5" x14ac:dyDescent="0.25">
      <c r="D28850" s="6">
        <v>1020.902</v>
      </c>
      <c r="E28850" s="6">
        <v>449.4194</v>
      </c>
    </row>
    <row r="28851" spans="4:5" x14ac:dyDescent="0.25">
      <c r="D28851" s="6">
        <v>7458.65</v>
      </c>
      <c r="E28851" s="6">
        <v>5642.9470000000001</v>
      </c>
    </row>
    <row r="28852" spans="4:5" x14ac:dyDescent="0.25">
      <c r="D28852" s="6">
        <v>917.05930000000001</v>
      </c>
      <c r="E28852" s="6">
        <v>775.22310000000004</v>
      </c>
    </row>
    <row r="28853" spans="4:5" x14ac:dyDescent="0.25">
      <c r="D28853" s="6">
        <v>769.89369999999997</v>
      </c>
      <c r="E28853" s="6">
        <v>9612</v>
      </c>
    </row>
    <row r="28854" spans="4:5" x14ac:dyDescent="0.25">
      <c r="D28854" s="6">
        <v>4092.05</v>
      </c>
      <c r="E28854" s="6">
        <v>593.44119999999998</v>
      </c>
    </row>
    <row r="28855" spans="4:5" x14ac:dyDescent="0.25">
      <c r="D28855" s="6">
        <v>497.62670000000003</v>
      </c>
      <c r="E28855" s="6">
        <v>13443.5</v>
      </c>
    </row>
    <row r="28856" spans="4:5" x14ac:dyDescent="0.25">
      <c r="D28856" s="6">
        <v>932.9624</v>
      </c>
      <c r="E28856" s="6">
        <v>787.6377</v>
      </c>
    </row>
    <row r="28857" spans="4:5" x14ac:dyDescent="0.25">
      <c r="D28857" s="6">
        <v>1656.99</v>
      </c>
      <c r="E28857" s="6">
        <v>758.17700000000002</v>
      </c>
    </row>
    <row r="28858" spans="4:5" x14ac:dyDescent="0.25">
      <c r="D28858" s="6">
        <v>1665.261</v>
      </c>
      <c r="E28858" s="6">
        <v>999.44880000000001</v>
      </c>
    </row>
    <row r="28859" spans="4:5" x14ac:dyDescent="0.25">
      <c r="D28859" s="6">
        <v>1625.675</v>
      </c>
      <c r="E28859" s="6">
        <v>815.67809999999997</v>
      </c>
    </row>
    <row r="28860" spans="4:5" x14ac:dyDescent="0.25">
      <c r="D28860" s="6">
        <v>1417.162</v>
      </c>
      <c r="E28860" s="6">
        <v>600.02980000000002</v>
      </c>
    </row>
    <row r="28861" spans="4:5" x14ac:dyDescent="0.25">
      <c r="D28861" s="6">
        <v>1954.3869999999999</v>
      </c>
      <c r="E28861" s="6">
        <v>673.35410000000002</v>
      </c>
    </row>
    <row r="28862" spans="4:5" x14ac:dyDescent="0.25">
      <c r="D28862" s="6">
        <v>3282.114</v>
      </c>
      <c r="E28862" s="6">
        <v>4613.7479999999996</v>
      </c>
    </row>
    <row r="28863" spans="4:5" x14ac:dyDescent="0.25">
      <c r="D28863" s="6">
        <v>1674.6030000000001</v>
      </c>
      <c r="E28863" s="6">
        <v>859.7713</v>
      </c>
    </row>
    <row r="28864" spans="4:5" x14ac:dyDescent="0.25">
      <c r="D28864" s="6">
        <v>650.37009999999998</v>
      </c>
      <c r="E28864" s="6">
        <v>392.32839999999999</v>
      </c>
    </row>
    <row r="28865" spans="4:5" x14ac:dyDescent="0.25">
      <c r="D28865" s="6">
        <v>1380.6980000000001</v>
      </c>
      <c r="E28865" s="6">
        <v>767.21010000000001</v>
      </c>
    </row>
    <row r="28866" spans="4:5" x14ac:dyDescent="0.25">
      <c r="D28866" s="6">
        <v>487.19729999999998</v>
      </c>
      <c r="E28866" s="6">
        <v>4955.9970000000003</v>
      </c>
    </row>
    <row r="28867" spans="4:5" x14ac:dyDescent="0.25">
      <c r="D28867" s="6">
        <v>1062.059</v>
      </c>
      <c r="E28867" s="6">
        <v>461.33850000000001</v>
      </c>
    </row>
    <row r="28868" spans="4:5" x14ac:dyDescent="0.25">
      <c r="D28868" s="6">
        <v>1066.2950000000001</v>
      </c>
      <c r="E28868" s="6">
        <v>804.28359999999998</v>
      </c>
    </row>
    <row r="28869" spans="4:5" x14ac:dyDescent="0.25">
      <c r="D28869" s="6">
        <v>1263.491</v>
      </c>
      <c r="E28869" s="6">
        <v>805.23209999999995</v>
      </c>
    </row>
    <row r="28870" spans="4:5" x14ac:dyDescent="0.25">
      <c r="D28870" s="6">
        <v>1042.604</v>
      </c>
      <c r="E28870" s="6">
        <v>12466.43</v>
      </c>
    </row>
    <row r="28871" spans="4:5" x14ac:dyDescent="0.25">
      <c r="D28871" s="6">
        <v>1195.528</v>
      </c>
      <c r="E28871" s="6">
        <v>2181.0920000000001</v>
      </c>
    </row>
    <row r="28872" spans="4:5" x14ac:dyDescent="0.25">
      <c r="D28872" s="6">
        <v>1649.806</v>
      </c>
      <c r="E28872" s="6">
        <v>1076.5650000000001</v>
      </c>
    </row>
    <row r="28873" spans="4:5" x14ac:dyDescent="0.25">
      <c r="D28873" s="6">
        <v>1343.854</v>
      </c>
      <c r="E28873" s="6">
        <v>3507.7269999999999</v>
      </c>
    </row>
    <row r="28874" spans="4:5" x14ac:dyDescent="0.25">
      <c r="D28874" s="6">
        <v>897.89589999999998</v>
      </c>
      <c r="E28874" s="6">
        <v>479.6782</v>
      </c>
    </row>
    <row r="28875" spans="4:5" x14ac:dyDescent="0.25">
      <c r="D28875" s="6">
        <v>911.49040000000002</v>
      </c>
      <c r="E28875" s="6">
        <v>465.36450000000002</v>
      </c>
    </row>
    <row r="28876" spans="4:5" x14ac:dyDescent="0.25">
      <c r="D28876" s="6">
        <v>1845.1369999999999</v>
      </c>
      <c r="E28876" s="6">
        <v>1135.5319999999999</v>
      </c>
    </row>
    <row r="28877" spans="4:5" x14ac:dyDescent="0.25">
      <c r="D28877" s="6">
        <v>1641.057</v>
      </c>
      <c r="E28877" s="6">
        <v>1826.3889999999999</v>
      </c>
    </row>
    <row r="28878" spans="4:5" x14ac:dyDescent="0.25">
      <c r="D28878" s="6">
        <v>1719.7860000000001</v>
      </c>
      <c r="E28878" s="6">
        <v>3016.57</v>
      </c>
    </row>
    <row r="28879" spans="4:5" x14ac:dyDescent="0.25">
      <c r="D28879" s="6">
        <v>1363.894</v>
      </c>
      <c r="E28879" s="6">
        <v>637.54859999999996</v>
      </c>
    </row>
    <row r="28880" spans="4:5" x14ac:dyDescent="0.25">
      <c r="D28880" s="6">
        <v>1951.1579999999999</v>
      </c>
      <c r="E28880" s="6">
        <v>685.73839999999996</v>
      </c>
    </row>
    <row r="28881" spans="4:5" x14ac:dyDescent="0.25">
      <c r="D28881" s="6">
        <v>1093.394</v>
      </c>
      <c r="E28881" s="6">
        <v>626.22159999999997</v>
      </c>
    </row>
    <row r="28882" spans="4:5" x14ac:dyDescent="0.25">
      <c r="D28882" s="6">
        <v>1380.9190000000001</v>
      </c>
      <c r="E28882" s="6">
        <v>2442.998</v>
      </c>
    </row>
    <row r="28883" spans="4:5" x14ac:dyDescent="0.25">
      <c r="D28883" s="6">
        <v>1066.2940000000001</v>
      </c>
      <c r="E28883" s="6">
        <v>1048.4480000000001</v>
      </c>
    </row>
    <row r="28884" spans="4:5" x14ac:dyDescent="0.25">
      <c r="D28884" s="6">
        <v>863</v>
      </c>
      <c r="E28884" s="6">
        <v>3109.74</v>
      </c>
    </row>
    <row r="28885" spans="4:5" x14ac:dyDescent="0.25">
      <c r="D28885" s="6">
        <v>1080.4860000000001</v>
      </c>
      <c r="E28885" s="6">
        <v>753.20630000000006</v>
      </c>
    </row>
    <row r="28886" spans="4:5" x14ac:dyDescent="0.25">
      <c r="D28886" s="6">
        <v>7349</v>
      </c>
      <c r="E28886" s="6">
        <v>8452.6610000000001</v>
      </c>
    </row>
    <row r="28887" spans="4:5" x14ac:dyDescent="0.25">
      <c r="D28887" s="6">
        <v>940.08209999999997</v>
      </c>
      <c r="E28887" s="6">
        <v>626</v>
      </c>
    </row>
    <row r="28888" spans="4:5" x14ac:dyDescent="0.25">
      <c r="D28888" s="6">
        <v>391.47370000000001</v>
      </c>
      <c r="E28888" s="6">
        <v>885.3528</v>
      </c>
    </row>
    <row r="28889" spans="4:5" x14ac:dyDescent="0.25">
      <c r="D28889" s="6">
        <v>840.55510000000004</v>
      </c>
      <c r="E28889" s="6">
        <v>3429</v>
      </c>
    </row>
    <row r="28890" spans="4:5" x14ac:dyDescent="0.25">
      <c r="D28890" s="6">
        <v>1224.454</v>
      </c>
      <c r="E28890" s="6">
        <v>5802.6570000000002</v>
      </c>
    </row>
    <row r="28891" spans="4:5" x14ac:dyDescent="0.25">
      <c r="D28891" s="6">
        <v>1517.231</v>
      </c>
      <c r="E28891" s="6">
        <v>2880.0630000000001</v>
      </c>
    </row>
    <row r="28892" spans="4:5" x14ac:dyDescent="0.25">
      <c r="D28892" s="6">
        <v>769.79819999999995</v>
      </c>
      <c r="E28892" s="6">
        <v>657.00779999999997</v>
      </c>
    </row>
    <row r="28893" spans="4:5" x14ac:dyDescent="0.25">
      <c r="D28893" s="6">
        <v>564.6454</v>
      </c>
      <c r="E28893" s="6">
        <v>1304.7819999999999</v>
      </c>
    </row>
    <row r="28894" spans="4:5" x14ac:dyDescent="0.25">
      <c r="D28894" s="6">
        <v>1079.7380000000001</v>
      </c>
      <c r="E28894" s="6">
        <v>6566.5</v>
      </c>
    </row>
    <row r="28895" spans="4:5" x14ac:dyDescent="0.25">
      <c r="D28895" s="6">
        <v>2383.1329999999998</v>
      </c>
      <c r="E28895" s="6">
        <v>1298.559</v>
      </c>
    </row>
    <row r="28896" spans="4:5" x14ac:dyDescent="0.25">
      <c r="D28896" s="6">
        <v>1758.0029999999999</v>
      </c>
      <c r="E28896" s="6">
        <v>566.14710000000002</v>
      </c>
    </row>
    <row r="28897" spans="4:5" x14ac:dyDescent="0.25">
      <c r="D28897" s="6">
        <v>1373.617</v>
      </c>
      <c r="E28897" s="6">
        <v>604.83330000000001</v>
      </c>
    </row>
    <row r="28898" spans="4:5" x14ac:dyDescent="0.25">
      <c r="D28898" s="6">
        <v>3869.5390000000002</v>
      </c>
      <c r="E28898" s="6">
        <v>2503.4119999999998</v>
      </c>
    </row>
    <row r="28899" spans="4:5" x14ac:dyDescent="0.25">
      <c r="D28899" s="6">
        <v>1032.2349999999999</v>
      </c>
      <c r="E28899" s="6">
        <v>7456.3230000000003</v>
      </c>
    </row>
    <row r="28900" spans="4:5" x14ac:dyDescent="0.25">
      <c r="D28900" s="6">
        <v>1018.338</v>
      </c>
      <c r="E28900" s="6">
        <v>1186.5</v>
      </c>
    </row>
    <row r="28901" spans="4:5" x14ac:dyDescent="0.25">
      <c r="D28901" s="6">
        <v>1061.3309999999999</v>
      </c>
      <c r="E28901" s="6">
        <v>831.09540000000004</v>
      </c>
    </row>
    <row r="28902" spans="4:5" x14ac:dyDescent="0.25">
      <c r="D28902" s="6">
        <v>1146.6769999999999</v>
      </c>
      <c r="E28902" s="6">
        <v>9335.6650000000009</v>
      </c>
    </row>
    <row r="28903" spans="4:5" x14ac:dyDescent="0.25">
      <c r="D28903" s="6">
        <v>2991.8780000000002</v>
      </c>
      <c r="E28903" s="6">
        <v>1213.117</v>
      </c>
    </row>
    <row r="28904" spans="4:5" x14ac:dyDescent="0.25">
      <c r="D28904" s="6">
        <v>853.0077</v>
      </c>
      <c r="E28904" s="6">
        <v>561.72159999999997</v>
      </c>
    </row>
    <row r="28905" spans="4:5" x14ac:dyDescent="0.25">
      <c r="D28905" s="6">
        <v>1231.05</v>
      </c>
      <c r="E28905" s="6">
        <v>6689.55</v>
      </c>
    </row>
    <row r="28906" spans="4:5" x14ac:dyDescent="0.25">
      <c r="D28906" s="6">
        <v>1751.1859999999999</v>
      </c>
      <c r="E28906" s="6">
        <v>2591.85</v>
      </c>
    </row>
    <row r="28907" spans="4:5" x14ac:dyDescent="0.25">
      <c r="D28907" s="6">
        <v>749.43169999999998</v>
      </c>
      <c r="E28907" s="6">
        <v>890.40409999999997</v>
      </c>
    </row>
    <row r="28908" spans="4:5" x14ac:dyDescent="0.25">
      <c r="D28908" s="6">
        <v>3448.4560000000001</v>
      </c>
      <c r="E28908" s="6">
        <v>956.3229</v>
      </c>
    </row>
    <row r="28909" spans="4:5" x14ac:dyDescent="0.25">
      <c r="D28909" s="6">
        <v>2111.576</v>
      </c>
      <c r="E28909" s="6">
        <v>756.49879999999996</v>
      </c>
    </row>
    <row r="28910" spans="4:5" x14ac:dyDescent="0.25">
      <c r="D28910" s="6">
        <v>2009.2529999999999</v>
      </c>
      <c r="E28910" s="6">
        <v>9979.7459999999992</v>
      </c>
    </row>
    <row r="28911" spans="4:5" x14ac:dyDescent="0.25">
      <c r="D28911" s="6">
        <v>1164.0050000000001</v>
      </c>
      <c r="E28911" s="6">
        <v>4355.2430000000004</v>
      </c>
    </row>
    <row r="28912" spans="4:5" x14ac:dyDescent="0.25">
      <c r="D28912" s="6">
        <v>1316.248</v>
      </c>
      <c r="E28912" s="6">
        <v>661.00959999999998</v>
      </c>
    </row>
    <row r="28913" spans="4:5" x14ac:dyDescent="0.25">
      <c r="D28913" s="6">
        <v>2220.7310000000002</v>
      </c>
      <c r="E28913" s="6">
        <v>800.0942</v>
      </c>
    </row>
    <row r="28914" spans="4:5" x14ac:dyDescent="0.25">
      <c r="D28914" s="6">
        <v>795.38239999999996</v>
      </c>
      <c r="E28914" s="6">
        <v>4594.6629999999996</v>
      </c>
    </row>
    <row r="28915" spans="4:5" x14ac:dyDescent="0.25">
      <c r="D28915" s="6">
        <v>1383.3219999999999</v>
      </c>
      <c r="E28915" s="6">
        <v>710.726</v>
      </c>
    </row>
    <row r="28916" spans="4:5" x14ac:dyDescent="0.25">
      <c r="D28916" s="6">
        <v>1158.5</v>
      </c>
      <c r="E28916" s="6">
        <v>742.45119999999997</v>
      </c>
    </row>
    <row r="28917" spans="4:5" x14ac:dyDescent="0.25">
      <c r="D28917" s="6">
        <v>1410.806</v>
      </c>
      <c r="E28917" s="6">
        <v>1054.261</v>
      </c>
    </row>
    <row r="28918" spans="4:5" x14ac:dyDescent="0.25">
      <c r="D28918" s="6">
        <v>1138.28</v>
      </c>
      <c r="E28918" s="6">
        <v>684.92750000000001</v>
      </c>
    </row>
    <row r="28919" spans="4:5" x14ac:dyDescent="0.25">
      <c r="D28919" s="6">
        <v>2326.712</v>
      </c>
      <c r="E28919" s="6">
        <v>860.88390000000004</v>
      </c>
    </row>
    <row r="28920" spans="4:5" x14ac:dyDescent="0.25">
      <c r="D28920" s="6">
        <v>8138.4669999999996</v>
      </c>
      <c r="E28920" s="6">
        <v>7485.5</v>
      </c>
    </row>
    <row r="28921" spans="4:5" x14ac:dyDescent="0.25">
      <c r="D28921" s="6">
        <v>1175.45</v>
      </c>
      <c r="E28921" s="6">
        <v>6111.5569999999998</v>
      </c>
    </row>
    <row r="28922" spans="4:5" x14ac:dyDescent="0.25">
      <c r="D28922" s="6">
        <v>1193.7190000000001</v>
      </c>
      <c r="E28922" s="6">
        <v>1005.795</v>
      </c>
    </row>
    <row r="28923" spans="4:5" x14ac:dyDescent="0.25">
      <c r="D28923" s="6">
        <v>2223.3620000000001</v>
      </c>
      <c r="E28923" s="6">
        <v>2377.3000000000002</v>
      </c>
    </row>
    <row r="28924" spans="4:5" x14ac:dyDescent="0.25">
      <c r="D28924" s="6">
        <v>665.35329999999999</v>
      </c>
      <c r="E28924" s="6">
        <v>2522.1750000000002</v>
      </c>
    </row>
    <row r="28925" spans="4:5" x14ac:dyDescent="0.25">
      <c r="D28925" s="6">
        <v>753.19809999999995</v>
      </c>
      <c r="E28925" s="6">
        <v>559.26480000000004</v>
      </c>
    </row>
    <row r="28926" spans="4:5" x14ac:dyDescent="0.25">
      <c r="D28926" s="6">
        <v>1158.5250000000001</v>
      </c>
      <c r="E28926" s="6">
        <v>835.00720000000001</v>
      </c>
    </row>
    <row r="28927" spans="4:5" x14ac:dyDescent="0.25">
      <c r="D28927" s="6">
        <v>985.42679999999996</v>
      </c>
      <c r="E28927" s="6">
        <v>1486.5</v>
      </c>
    </row>
    <row r="28928" spans="4:5" x14ac:dyDescent="0.25">
      <c r="D28928" s="6">
        <v>877.77560000000005</v>
      </c>
      <c r="E28928" s="6">
        <v>6550.7759999999998</v>
      </c>
    </row>
    <row r="28929" spans="4:5" x14ac:dyDescent="0.25">
      <c r="D28929" s="6">
        <v>1460.625</v>
      </c>
      <c r="E28929" s="6">
        <v>5542.3329999999996</v>
      </c>
    </row>
    <row r="28930" spans="4:5" x14ac:dyDescent="0.25">
      <c r="D28930" s="6">
        <v>808.90599999999995</v>
      </c>
      <c r="E28930" s="6">
        <v>603.26819999999998</v>
      </c>
    </row>
    <row r="28931" spans="4:5" x14ac:dyDescent="0.25">
      <c r="D28931" s="6">
        <v>798.32799999999997</v>
      </c>
      <c r="E28931" s="6">
        <v>6348</v>
      </c>
    </row>
    <row r="28932" spans="4:5" x14ac:dyDescent="0.25">
      <c r="D28932" s="6">
        <v>2509.6239999999998</v>
      </c>
      <c r="E28932" s="6">
        <v>1989.9469999999999</v>
      </c>
    </row>
    <row r="28933" spans="4:5" x14ac:dyDescent="0.25">
      <c r="D28933" s="6">
        <v>1654.117</v>
      </c>
      <c r="E28933" s="6">
        <v>2519.7489999999998</v>
      </c>
    </row>
    <row r="28934" spans="4:5" x14ac:dyDescent="0.25">
      <c r="D28934" s="6">
        <v>718.45129999999995</v>
      </c>
      <c r="E28934" s="6">
        <v>2137.1889999999999</v>
      </c>
    </row>
    <row r="28935" spans="4:5" x14ac:dyDescent="0.25">
      <c r="D28935" s="6">
        <v>542.17529999999999</v>
      </c>
      <c r="E28935" s="6">
        <v>2935.5630000000001</v>
      </c>
    </row>
    <row r="28936" spans="4:5" x14ac:dyDescent="0.25">
      <c r="D28936" s="6">
        <v>964.28589999999997</v>
      </c>
      <c r="E28936" s="6">
        <v>494.58</v>
      </c>
    </row>
    <row r="28937" spans="4:5" x14ac:dyDescent="0.25">
      <c r="D28937" s="6">
        <v>1006.544</v>
      </c>
      <c r="E28937" s="6">
        <v>1150.903</v>
      </c>
    </row>
    <row r="28938" spans="4:5" x14ac:dyDescent="0.25">
      <c r="D28938" s="6">
        <v>7144.7309999999998</v>
      </c>
      <c r="E28938" s="6">
        <v>491.33330000000001</v>
      </c>
    </row>
    <row r="28939" spans="4:5" x14ac:dyDescent="0.25">
      <c r="D28939" s="6">
        <v>475.9563</v>
      </c>
      <c r="E28939" s="6">
        <v>16383</v>
      </c>
    </row>
    <row r="28940" spans="4:5" x14ac:dyDescent="0.25">
      <c r="D28940" s="6">
        <v>1463.866</v>
      </c>
      <c r="E28940" s="6">
        <v>593.17750000000001</v>
      </c>
    </row>
    <row r="28941" spans="4:5" x14ac:dyDescent="0.25">
      <c r="D28941" s="6">
        <v>1504.4059999999999</v>
      </c>
      <c r="E28941" s="6">
        <v>2532.5</v>
      </c>
    </row>
    <row r="28942" spans="4:5" x14ac:dyDescent="0.25">
      <c r="D28942" s="6">
        <v>1985.905</v>
      </c>
      <c r="E28942" s="6">
        <v>784.17060000000004</v>
      </c>
    </row>
    <row r="28943" spans="4:5" x14ac:dyDescent="0.25">
      <c r="D28943" s="6">
        <v>2625.4650000000001</v>
      </c>
      <c r="E28943" s="6">
        <v>758.04740000000004</v>
      </c>
    </row>
    <row r="28944" spans="4:5" x14ac:dyDescent="0.25">
      <c r="D28944" s="6">
        <v>661.48</v>
      </c>
      <c r="E28944" s="6">
        <v>3354.39</v>
      </c>
    </row>
    <row r="28945" spans="4:5" x14ac:dyDescent="0.25">
      <c r="D28945" s="6">
        <v>1148.3019999999999</v>
      </c>
      <c r="E28945" s="6">
        <v>1015.856</v>
      </c>
    </row>
    <row r="28946" spans="4:5" x14ac:dyDescent="0.25">
      <c r="D28946" s="6">
        <v>1353.4760000000001</v>
      </c>
      <c r="E28946" s="6">
        <v>703.36149999999998</v>
      </c>
    </row>
    <row r="28947" spans="4:5" x14ac:dyDescent="0.25">
      <c r="D28947" s="6">
        <v>1337.461</v>
      </c>
      <c r="E28947" s="6">
        <v>754.05399999999997</v>
      </c>
    </row>
    <row r="28948" spans="4:5" x14ac:dyDescent="0.25">
      <c r="D28948" s="6">
        <v>1341.2660000000001</v>
      </c>
      <c r="E28948" s="6">
        <v>629.32140000000004</v>
      </c>
    </row>
    <row r="28949" spans="4:5" x14ac:dyDescent="0.25">
      <c r="D28949" s="6">
        <v>1146.8610000000001</v>
      </c>
      <c r="E28949" s="6">
        <v>2978.252</v>
      </c>
    </row>
    <row r="28950" spans="4:5" x14ac:dyDescent="0.25">
      <c r="D28950" s="6">
        <v>1692.52</v>
      </c>
      <c r="E28950" s="6">
        <v>4849.3149999999996</v>
      </c>
    </row>
    <row r="28951" spans="4:5" x14ac:dyDescent="0.25">
      <c r="D28951" s="6">
        <v>410.87990000000002</v>
      </c>
      <c r="E28951" s="6">
        <v>731.17020000000002</v>
      </c>
    </row>
    <row r="28952" spans="4:5" x14ac:dyDescent="0.25">
      <c r="D28952" s="6">
        <v>933.28039999999999</v>
      </c>
      <c r="E28952" s="6">
        <v>9650.5490000000009</v>
      </c>
    </row>
    <row r="28953" spans="4:5" x14ac:dyDescent="0.25">
      <c r="D28953" s="6">
        <v>1254.3920000000001</v>
      </c>
      <c r="E28953" s="6">
        <v>11295.29</v>
      </c>
    </row>
    <row r="28954" spans="4:5" x14ac:dyDescent="0.25">
      <c r="D28954" s="6">
        <v>1616.4639999999999</v>
      </c>
      <c r="E28954" s="6">
        <v>187.6481</v>
      </c>
    </row>
    <row r="28955" spans="4:5" x14ac:dyDescent="0.25">
      <c r="D28955" s="6">
        <v>1405.039</v>
      </c>
      <c r="E28955" s="6">
        <v>7385.4870000000001</v>
      </c>
    </row>
    <row r="28956" spans="4:5" x14ac:dyDescent="0.25">
      <c r="D28956" s="6">
        <v>390</v>
      </c>
      <c r="E28956" s="6">
        <v>745.73630000000003</v>
      </c>
    </row>
    <row r="28957" spans="4:5" x14ac:dyDescent="0.25">
      <c r="D28957" s="6">
        <v>1166.8810000000001</v>
      </c>
      <c r="E28957" s="6">
        <v>3844.846</v>
      </c>
    </row>
    <row r="28958" spans="4:5" x14ac:dyDescent="0.25">
      <c r="D28958" s="6">
        <v>1432.1659999999999</v>
      </c>
      <c r="E28958" s="6">
        <v>1589.6079999999999</v>
      </c>
    </row>
    <row r="28959" spans="4:5" x14ac:dyDescent="0.25">
      <c r="D28959" s="6">
        <v>1210.0409999999999</v>
      </c>
      <c r="E28959" s="6">
        <v>1025.8599999999999</v>
      </c>
    </row>
    <row r="28960" spans="4:5" x14ac:dyDescent="0.25">
      <c r="D28960" s="6">
        <v>464.16669999999999</v>
      </c>
      <c r="E28960" s="6">
        <v>357.4941</v>
      </c>
    </row>
    <row r="28961" spans="4:5" x14ac:dyDescent="0.25">
      <c r="D28961" s="6">
        <v>1304.5119999999999</v>
      </c>
      <c r="E28961" s="6">
        <v>780.94100000000003</v>
      </c>
    </row>
    <row r="28962" spans="4:5" x14ac:dyDescent="0.25">
      <c r="D28962" s="6">
        <v>1245.597</v>
      </c>
      <c r="E28962" s="6">
        <v>556.6223</v>
      </c>
    </row>
    <row r="28963" spans="4:5" x14ac:dyDescent="0.25">
      <c r="D28963" s="6">
        <v>871.78009999999995</v>
      </c>
      <c r="E28963" s="6">
        <v>702.47879999999998</v>
      </c>
    </row>
    <row r="28964" spans="4:5" x14ac:dyDescent="0.25">
      <c r="D28964" s="6">
        <v>846.66930000000002</v>
      </c>
      <c r="E28964" s="6">
        <v>629.15110000000004</v>
      </c>
    </row>
    <row r="28965" spans="4:5" x14ac:dyDescent="0.25">
      <c r="D28965" s="6">
        <v>1642.213</v>
      </c>
      <c r="E28965" s="6">
        <v>591.81290000000001</v>
      </c>
    </row>
    <row r="28966" spans="4:5" x14ac:dyDescent="0.25">
      <c r="D28966" s="6">
        <v>4704.652</v>
      </c>
      <c r="E28966" s="6">
        <v>871.38739999999996</v>
      </c>
    </row>
    <row r="28967" spans="4:5" x14ac:dyDescent="0.25">
      <c r="D28967" s="6">
        <v>721.20039999999995</v>
      </c>
      <c r="E28967" s="6">
        <v>513.71979999999996</v>
      </c>
    </row>
    <row r="28968" spans="4:5" x14ac:dyDescent="0.25">
      <c r="D28968" s="6">
        <v>742.56280000000004</v>
      </c>
      <c r="E28968" s="6">
        <v>8008.2560000000003</v>
      </c>
    </row>
    <row r="28969" spans="4:5" x14ac:dyDescent="0.25">
      <c r="D28969" s="6">
        <v>1088.0239999999999</v>
      </c>
      <c r="E28969" s="6">
        <v>1597.9860000000001</v>
      </c>
    </row>
    <row r="28970" spans="4:5" x14ac:dyDescent="0.25">
      <c r="D28970" s="6">
        <v>2281.8000000000002</v>
      </c>
      <c r="E28970" s="6">
        <v>5421</v>
      </c>
    </row>
    <row r="28971" spans="4:5" x14ac:dyDescent="0.25">
      <c r="D28971" s="6">
        <v>1183.413</v>
      </c>
      <c r="E28971" s="6">
        <v>4063.875</v>
      </c>
    </row>
    <row r="28972" spans="4:5" x14ac:dyDescent="0.25">
      <c r="D28972" s="6">
        <v>1449.0029999999999</v>
      </c>
      <c r="E28972" s="6">
        <v>5100.317</v>
      </c>
    </row>
    <row r="28973" spans="4:5" x14ac:dyDescent="0.25">
      <c r="D28973" s="6">
        <v>577.06700000000001</v>
      </c>
      <c r="E28973" s="6">
        <v>2996.402</v>
      </c>
    </row>
    <row r="28974" spans="4:5" x14ac:dyDescent="0.25">
      <c r="D28974" s="6">
        <v>608.21519999999998</v>
      </c>
      <c r="E28974" s="6">
        <v>1225.0450000000001</v>
      </c>
    </row>
    <row r="28975" spans="4:5" x14ac:dyDescent="0.25">
      <c r="D28975" s="6">
        <v>1395.9059999999999</v>
      </c>
      <c r="E28975" s="6">
        <v>6593.143</v>
      </c>
    </row>
    <row r="28976" spans="4:5" x14ac:dyDescent="0.25">
      <c r="D28976" s="6">
        <v>787.63610000000006</v>
      </c>
      <c r="E28976" s="6">
        <v>1288.9580000000001</v>
      </c>
    </row>
    <row r="28977" spans="4:5" x14ac:dyDescent="0.25">
      <c r="D28977" s="6">
        <v>716.41970000000003</v>
      </c>
      <c r="E28977" s="6">
        <v>888.00519999999995</v>
      </c>
    </row>
    <row r="28978" spans="4:5" x14ac:dyDescent="0.25">
      <c r="D28978" s="6">
        <v>1269.31</v>
      </c>
      <c r="E28978" s="6">
        <v>701.58370000000002</v>
      </c>
    </row>
    <row r="28979" spans="4:5" x14ac:dyDescent="0.25">
      <c r="D28979" s="6">
        <v>719.64649999999995</v>
      </c>
      <c r="E28979" s="6">
        <v>1024.3920000000001</v>
      </c>
    </row>
    <row r="28980" spans="4:5" x14ac:dyDescent="0.25">
      <c r="D28980" s="6">
        <v>1155.9069999999999</v>
      </c>
      <c r="E28980" s="6">
        <v>1118</v>
      </c>
    </row>
    <row r="28981" spans="4:5" x14ac:dyDescent="0.25">
      <c r="D28981" s="6">
        <v>1955</v>
      </c>
      <c r="E28981" s="6">
        <v>4334.5</v>
      </c>
    </row>
    <row r="28982" spans="4:5" x14ac:dyDescent="0.25">
      <c r="D28982" s="6">
        <v>1131.2460000000001</v>
      </c>
      <c r="E28982" s="6">
        <v>2803.3829999999998</v>
      </c>
    </row>
    <row r="28983" spans="4:5" x14ac:dyDescent="0.25">
      <c r="D28983" s="6">
        <v>1124.7090000000001</v>
      </c>
      <c r="E28983" s="6">
        <v>4066.413</v>
      </c>
    </row>
    <row r="28984" spans="4:5" x14ac:dyDescent="0.25">
      <c r="D28984" s="6">
        <v>1133.617</v>
      </c>
      <c r="E28984" s="6">
        <v>565.55280000000005</v>
      </c>
    </row>
    <row r="28985" spans="4:5" x14ac:dyDescent="0.25">
      <c r="D28985" s="6">
        <v>925.73850000000004</v>
      </c>
      <c r="E28985" s="6">
        <v>712.97040000000004</v>
      </c>
    </row>
    <row r="28986" spans="4:5" x14ac:dyDescent="0.25">
      <c r="D28986" s="6">
        <v>883.15009999999995</v>
      </c>
      <c r="E28986" s="6">
        <v>945.1</v>
      </c>
    </row>
    <row r="28987" spans="4:5" x14ac:dyDescent="0.25">
      <c r="D28987" s="6">
        <v>2220.8000000000002</v>
      </c>
      <c r="E28987" s="6">
        <v>994.39080000000001</v>
      </c>
    </row>
    <row r="28988" spans="4:5" x14ac:dyDescent="0.25">
      <c r="D28988" s="6">
        <v>1576.6679999999999</v>
      </c>
      <c r="E28988" s="6">
        <v>7625.75</v>
      </c>
    </row>
    <row r="28989" spans="4:5" x14ac:dyDescent="0.25">
      <c r="D28989" s="6">
        <v>181.72280000000001</v>
      </c>
      <c r="E28989" s="6">
        <v>426.58089999999999</v>
      </c>
    </row>
    <row r="28990" spans="4:5" x14ac:dyDescent="0.25">
      <c r="D28990" s="6">
        <v>1545.693</v>
      </c>
      <c r="E28990" s="6">
        <v>4240.7610000000004</v>
      </c>
    </row>
    <row r="28991" spans="4:5" x14ac:dyDescent="0.25">
      <c r="D28991" s="6">
        <v>2281.0360000000001</v>
      </c>
      <c r="E28991" s="6">
        <v>3641.8240000000001</v>
      </c>
    </row>
    <row r="28992" spans="4:5" x14ac:dyDescent="0.25">
      <c r="D28992" s="6">
        <v>546.31010000000003</v>
      </c>
      <c r="E28992" s="6">
        <v>551.67920000000004</v>
      </c>
    </row>
    <row r="28993" spans="4:5" x14ac:dyDescent="0.25">
      <c r="D28993" s="6">
        <v>1513.4690000000001</v>
      </c>
      <c r="E28993" s="6">
        <v>1073.442</v>
      </c>
    </row>
    <row r="28994" spans="4:5" x14ac:dyDescent="0.25">
      <c r="D28994" s="6">
        <v>1304.3240000000001</v>
      </c>
      <c r="E28994" s="6">
        <v>841.32680000000005</v>
      </c>
    </row>
    <row r="28995" spans="4:5" x14ac:dyDescent="0.25">
      <c r="D28995" s="6">
        <v>1235.7829999999999</v>
      </c>
      <c r="E28995" s="6">
        <v>5702.7370000000001</v>
      </c>
    </row>
    <row r="28996" spans="4:5" x14ac:dyDescent="0.25">
      <c r="D28996" s="6">
        <v>978.36760000000004</v>
      </c>
      <c r="E28996" s="6">
        <v>838.96410000000003</v>
      </c>
    </row>
    <row r="28997" spans="4:5" x14ac:dyDescent="0.25">
      <c r="D28997" s="6">
        <v>1145.8699999999999</v>
      </c>
      <c r="E28997" s="6">
        <v>4279.9539999999997</v>
      </c>
    </row>
    <row r="28998" spans="4:5" x14ac:dyDescent="0.25">
      <c r="D28998" s="6">
        <v>1254.913</v>
      </c>
      <c r="E28998" s="6">
        <v>6649.3789999999999</v>
      </c>
    </row>
    <row r="28999" spans="4:5" x14ac:dyDescent="0.25">
      <c r="D28999" s="6">
        <v>1165.405</v>
      </c>
      <c r="E28999" s="6">
        <v>6418.9319999999998</v>
      </c>
    </row>
    <row r="29000" spans="4:5" x14ac:dyDescent="0.25">
      <c r="D29000" s="6">
        <v>917.55859999999996</v>
      </c>
      <c r="E29000" s="6">
        <v>883.05589999999995</v>
      </c>
    </row>
    <row r="29001" spans="4:5" x14ac:dyDescent="0.25">
      <c r="D29001" s="6">
        <v>1156.777</v>
      </c>
      <c r="E29001" s="6">
        <v>2916.75</v>
      </c>
    </row>
    <row r="29002" spans="4:5" x14ac:dyDescent="0.25">
      <c r="D29002" s="6">
        <v>1234.7729999999999</v>
      </c>
      <c r="E29002" s="6">
        <v>6774.9579999999996</v>
      </c>
    </row>
    <row r="29003" spans="4:5" x14ac:dyDescent="0.25">
      <c r="D29003" s="6">
        <v>1419.8920000000001</v>
      </c>
      <c r="E29003" s="6">
        <v>7387</v>
      </c>
    </row>
    <row r="29004" spans="4:5" x14ac:dyDescent="0.25">
      <c r="D29004" s="6">
        <v>792.65309999999999</v>
      </c>
      <c r="E29004" s="6">
        <v>2088.4470000000001</v>
      </c>
    </row>
    <row r="29005" spans="4:5" x14ac:dyDescent="0.25">
      <c r="D29005" s="6">
        <v>3277.35</v>
      </c>
      <c r="E29005" s="6">
        <v>6077.701</v>
      </c>
    </row>
    <row r="29006" spans="4:5" x14ac:dyDescent="0.25">
      <c r="D29006" s="6">
        <v>644.40210000000002</v>
      </c>
      <c r="E29006" s="6">
        <v>7531</v>
      </c>
    </row>
    <row r="29007" spans="4:5" x14ac:dyDescent="0.25">
      <c r="D29007" s="6">
        <v>1064.2639999999999</v>
      </c>
      <c r="E29007" s="6">
        <v>732.59439999999995</v>
      </c>
    </row>
    <row r="29008" spans="4:5" x14ac:dyDescent="0.25">
      <c r="D29008" s="6">
        <v>2045.6389999999999</v>
      </c>
      <c r="E29008" s="6">
        <v>460.6001</v>
      </c>
    </row>
    <row r="29009" spans="4:5" x14ac:dyDescent="0.25">
      <c r="D29009" s="6">
        <v>1117.759</v>
      </c>
      <c r="E29009" s="6">
        <v>8028.6</v>
      </c>
    </row>
    <row r="29010" spans="4:5" x14ac:dyDescent="0.25">
      <c r="D29010" s="6">
        <v>614.82140000000004</v>
      </c>
      <c r="E29010" s="6">
        <v>9321.0939999999991</v>
      </c>
    </row>
    <row r="29011" spans="4:5" x14ac:dyDescent="0.25">
      <c r="D29011" s="6">
        <v>1299.6669999999999</v>
      </c>
      <c r="E29011" s="6">
        <v>3863.2860000000001</v>
      </c>
    </row>
    <row r="29012" spans="4:5" x14ac:dyDescent="0.25">
      <c r="D29012" s="6">
        <v>560.69150000000002</v>
      </c>
      <c r="E29012" s="6">
        <v>854.73540000000003</v>
      </c>
    </row>
    <row r="29013" spans="4:5" x14ac:dyDescent="0.25">
      <c r="D29013" s="6">
        <v>1991.114</v>
      </c>
      <c r="E29013" s="6">
        <v>4161.7889999999998</v>
      </c>
    </row>
    <row r="29014" spans="4:5" x14ac:dyDescent="0.25">
      <c r="D29014" s="6">
        <v>574.1893</v>
      </c>
      <c r="E29014" s="6">
        <v>2501.7460000000001</v>
      </c>
    </row>
    <row r="29015" spans="4:5" x14ac:dyDescent="0.25">
      <c r="D29015" s="6">
        <v>1251.3599999999999</v>
      </c>
      <c r="E29015" s="6">
        <v>10944.81</v>
      </c>
    </row>
    <row r="29016" spans="4:5" x14ac:dyDescent="0.25">
      <c r="D29016" s="6">
        <v>1658.83</v>
      </c>
      <c r="E29016" s="6">
        <v>1120.7080000000001</v>
      </c>
    </row>
    <row r="29017" spans="4:5" x14ac:dyDescent="0.25">
      <c r="D29017" s="6">
        <v>6569</v>
      </c>
      <c r="E29017" s="6">
        <v>1644.2829999999999</v>
      </c>
    </row>
    <row r="29018" spans="4:5" x14ac:dyDescent="0.25">
      <c r="D29018" s="6">
        <v>1201.0309999999999</v>
      </c>
      <c r="E29018" s="6">
        <v>556.34159999999997</v>
      </c>
    </row>
    <row r="29019" spans="4:5" x14ac:dyDescent="0.25">
      <c r="D29019" s="6">
        <v>1229.229</v>
      </c>
      <c r="E29019" s="6">
        <v>3512.107</v>
      </c>
    </row>
    <row r="29020" spans="4:5" x14ac:dyDescent="0.25">
      <c r="D29020" s="6">
        <v>866.96140000000003</v>
      </c>
      <c r="E29020" s="6">
        <v>5071.2129999999997</v>
      </c>
    </row>
    <row r="29021" spans="4:5" x14ac:dyDescent="0.25">
      <c r="D29021" s="6">
        <v>898.64570000000003</v>
      </c>
      <c r="E29021" s="6">
        <v>502.17759999999998</v>
      </c>
    </row>
    <row r="29022" spans="4:5" x14ac:dyDescent="0.25">
      <c r="D29022" s="6">
        <v>1098.9380000000001</v>
      </c>
      <c r="E29022" s="6">
        <v>756.50829999999996</v>
      </c>
    </row>
    <row r="29023" spans="4:5" x14ac:dyDescent="0.25">
      <c r="D29023" s="6">
        <v>2519.5239999999999</v>
      </c>
      <c r="E29023" s="6">
        <v>4960.4709999999995</v>
      </c>
    </row>
    <row r="29024" spans="4:5" x14ac:dyDescent="0.25">
      <c r="D29024" s="6">
        <v>1371.548</v>
      </c>
      <c r="E29024" s="6">
        <v>763.5</v>
      </c>
    </row>
    <row r="29025" spans="4:5" x14ac:dyDescent="0.25">
      <c r="D29025" s="6">
        <v>2163.7310000000002</v>
      </c>
      <c r="E29025" s="6">
        <v>2482.971</v>
      </c>
    </row>
    <row r="29026" spans="4:5" x14ac:dyDescent="0.25">
      <c r="D29026" s="6">
        <v>1495.8979999999999</v>
      </c>
      <c r="E29026" s="6">
        <v>992.4905</v>
      </c>
    </row>
    <row r="29027" spans="4:5" x14ac:dyDescent="0.25">
      <c r="D29027" s="6">
        <v>1070.8510000000001</v>
      </c>
      <c r="E29027" s="6">
        <v>8963.3580000000002</v>
      </c>
    </row>
    <row r="29028" spans="4:5" x14ac:dyDescent="0.25">
      <c r="D29028" s="6">
        <v>1355.0820000000001</v>
      </c>
      <c r="E29028" s="6">
        <v>820.10140000000001</v>
      </c>
    </row>
    <row r="29029" spans="4:5" x14ac:dyDescent="0.25">
      <c r="D29029" s="6">
        <v>1551.789</v>
      </c>
      <c r="E29029" s="6">
        <v>598.19129999999996</v>
      </c>
    </row>
    <row r="29030" spans="4:5" x14ac:dyDescent="0.25">
      <c r="D29030" s="6">
        <v>1718.68</v>
      </c>
      <c r="E29030" s="6">
        <v>3975.1149999999998</v>
      </c>
    </row>
    <row r="29031" spans="4:5" x14ac:dyDescent="0.25">
      <c r="D29031" s="6">
        <v>1351.9190000000001</v>
      </c>
      <c r="E29031" s="6">
        <v>1985.89</v>
      </c>
    </row>
    <row r="29032" spans="4:5" x14ac:dyDescent="0.25">
      <c r="D29032" s="6">
        <v>6402.1750000000002</v>
      </c>
      <c r="E29032" s="6">
        <v>9832.3330000000005</v>
      </c>
    </row>
    <row r="29033" spans="4:5" x14ac:dyDescent="0.25">
      <c r="D29033" s="6">
        <v>1345.271</v>
      </c>
      <c r="E29033" s="6">
        <v>857.05229999999995</v>
      </c>
    </row>
    <row r="29034" spans="4:5" x14ac:dyDescent="0.25">
      <c r="D29034" s="6">
        <v>1455.4280000000001</v>
      </c>
      <c r="E29034" s="6">
        <v>1236.508</v>
      </c>
    </row>
    <row r="29035" spans="4:5" x14ac:dyDescent="0.25">
      <c r="D29035" s="6">
        <v>1297.942</v>
      </c>
      <c r="E29035" s="6">
        <v>865.58330000000001</v>
      </c>
    </row>
    <row r="29036" spans="4:5" x14ac:dyDescent="0.25">
      <c r="D29036" s="6">
        <v>1296.33</v>
      </c>
      <c r="E29036" s="6">
        <v>11652.87</v>
      </c>
    </row>
    <row r="29037" spans="4:5" x14ac:dyDescent="0.25">
      <c r="D29037" s="6">
        <v>995.90470000000005</v>
      </c>
      <c r="E29037" s="6">
        <v>1263.3579999999999</v>
      </c>
    </row>
    <row r="29038" spans="4:5" x14ac:dyDescent="0.25">
      <c r="D29038" s="6">
        <v>1420.999</v>
      </c>
      <c r="E29038" s="6">
        <v>2563.1970000000001</v>
      </c>
    </row>
    <row r="29039" spans="4:5" x14ac:dyDescent="0.25">
      <c r="D29039" s="6">
        <v>1191.039</v>
      </c>
      <c r="E29039" s="6">
        <v>16383</v>
      </c>
    </row>
    <row r="29040" spans="4:5" x14ac:dyDescent="0.25">
      <c r="D29040" s="6">
        <v>1339.3409999999999</v>
      </c>
      <c r="E29040" s="6">
        <v>796.2527</v>
      </c>
    </row>
    <row r="29041" spans="4:5" x14ac:dyDescent="0.25">
      <c r="D29041" s="6">
        <v>1072.8779999999999</v>
      </c>
      <c r="E29041" s="6">
        <v>570.93679999999995</v>
      </c>
    </row>
    <row r="29042" spans="4:5" x14ac:dyDescent="0.25">
      <c r="D29042" s="6">
        <v>924.66759999999999</v>
      </c>
      <c r="E29042" s="6">
        <v>11075.33</v>
      </c>
    </row>
    <row r="29043" spans="4:5" x14ac:dyDescent="0.25">
      <c r="D29043" s="6">
        <v>761.01570000000004</v>
      </c>
      <c r="E29043" s="6">
        <v>1482.877</v>
      </c>
    </row>
    <row r="29044" spans="4:5" x14ac:dyDescent="0.25">
      <c r="D29044" s="6">
        <v>7583</v>
      </c>
      <c r="E29044" s="6">
        <v>5288.3180000000002</v>
      </c>
    </row>
    <row r="29045" spans="4:5" x14ac:dyDescent="0.25">
      <c r="D29045" s="6">
        <v>560.01020000000005</v>
      </c>
      <c r="E29045" s="6">
        <v>197.93049999999999</v>
      </c>
    </row>
    <row r="29046" spans="4:5" x14ac:dyDescent="0.25">
      <c r="D29046" s="6">
        <v>1038.037</v>
      </c>
      <c r="E29046" s="6">
        <v>3791.81</v>
      </c>
    </row>
    <row r="29047" spans="4:5" x14ac:dyDescent="0.25">
      <c r="D29047" s="6">
        <v>2589.23</v>
      </c>
      <c r="E29047" s="6">
        <v>925.09450000000004</v>
      </c>
    </row>
    <row r="29048" spans="4:5" x14ac:dyDescent="0.25">
      <c r="D29048" s="6">
        <v>1080.434</v>
      </c>
      <c r="E29048" s="6">
        <v>2724.3330000000001</v>
      </c>
    </row>
    <row r="29049" spans="4:5" x14ac:dyDescent="0.25">
      <c r="D29049" s="6">
        <v>1042.31</v>
      </c>
      <c r="E29049" s="6">
        <v>475.81819999999999</v>
      </c>
    </row>
    <row r="29050" spans="4:5" x14ac:dyDescent="0.25">
      <c r="D29050" s="6">
        <v>1021.107</v>
      </c>
      <c r="E29050" s="6">
        <v>875.27200000000005</v>
      </c>
    </row>
    <row r="29051" spans="4:5" x14ac:dyDescent="0.25">
      <c r="D29051" s="6">
        <v>1155.145</v>
      </c>
      <c r="E29051" s="6">
        <v>686.06910000000005</v>
      </c>
    </row>
    <row r="29052" spans="4:5" x14ac:dyDescent="0.25">
      <c r="D29052" s="6">
        <v>1321.424</v>
      </c>
      <c r="E29052" s="6">
        <v>3119.998</v>
      </c>
    </row>
    <row r="29053" spans="4:5" x14ac:dyDescent="0.25">
      <c r="D29053" s="6">
        <v>1489.11</v>
      </c>
      <c r="E29053" s="6">
        <v>2727.3609999999999</v>
      </c>
    </row>
    <row r="29054" spans="4:5" x14ac:dyDescent="0.25">
      <c r="D29054" s="6">
        <v>1131.316</v>
      </c>
      <c r="E29054" s="6">
        <v>927.05859999999996</v>
      </c>
    </row>
    <row r="29055" spans="4:5" x14ac:dyDescent="0.25">
      <c r="D29055" s="6">
        <v>1640.0360000000001</v>
      </c>
      <c r="E29055" s="6">
        <v>489.38979999999998</v>
      </c>
    </row>
    <row r="29056" spans="4:5" x14ac:dyDescent="0.25">
      <c r="D29056" s="6">
        <v>1175.442</v>
      </c>
      <c r="E29056" s="6">
        <v>479.97699999999998</v>
      </c>
    </row>
    <row r="29057" spans="4:5" x14ac:dyDescent="0.25">
      <c r="D29057" s="6">
        <v>1397.5039999999999</v>
      </c>
      <c r="E29057" s="6">
        <v>1747.6389999999999</v>
      </c>
    </row>
    <row r="29058" spans="4:5" x14ac:dyDescent="0.25">
      <c r="D29058" s="6">
        <v>1607.425</v>
      </c>
      <c r="E29058" s="6">
        <v>6958.0469999999996</v>
      </c>
    </row>
    <row r="29059" spans="4:5" x14ac:dyDescent="0.25">
      <c r="D29059" s="6">
        <v>1163.498</v>
      </c>
      <c r="E29059" s="6">
        <v>202.8537</v>
      </c>
    </row>
    <row r="29060" spans="4:5" x14ac:dyDescent="0.25">
      <c r="D29060" s="6">
        <v>1147.5150000000001</v>
      </c>
      <c r="E29060" s="6">
        <v>8661.0709999999999</v>
      </c>
    </row>
    <row r="29061" spans="4:5" x14ac:dyDescent="0.25">
      <c r="D29061" s="6">
        <v>952.22550000000001</v>
      </c>
      <c r="E29061" s="6">
        <v>2195.511</v>
      </c>
    </row>
    <row r="29062" spans="4:5" x14ac:dyDescent="0.25">
      <c r="D29062" s="6">
        <v>627.07809999999995</v>
      </c>
      <c r="E29062" s="6">
        <v>1340.9069999999999</v>
      </c>
    </row>
    <row r="29063" spans="4:5" x14ac:dyDescent="0.25">
      <c r="D29063" s="6">
        <v>1135.4259999999999</v>
      </c>
      <c r="E29063" s="6">
        <v>1940.1120000000001</v>
      </c>
    </row>
    <row r="29064" spans="4:5" x14ac:dyDescent="0.25">
      <c r="D29064" s="6">
        <v>3941.7919999999999</v>
      </c>
      <c r="E29064" s="6">
        <v>2513.2240000000002</v>
      </c>
    </row>
    <row r="29065" spans="4:5" x14ac:dyDescent="0.25">
      <c r="D29065" s="6">
        <v>1492.74</v>
      </c>
      <c r="E29065" s="6">
        <v>710.34490000000005</v>
      </c>
    </row>
    <row r="29066" spans="4:5" x14ac:dyDescent="0.25">
      <c r="D29066" s="6">
        <v>684.44309999999996</v>
      </c>
      <c r="E29066" s="6">
        <v>8752.5</v>
      </c>
    </row>
    <row r="29067" spans="4:5" x14ac:dyDescent="0.25">
      <c r="D29067" s="6">
        <v>1438.2270000000001</v>
      </c>
      <c r="E29067" s="6">
        <v>1732</v>
      </c>
    </row>
    <row r="29068" spans="4:5" x14ac:dyDescent="0.25">
      <c r="D29068" s="6">
        <v>1541.1769999999999</v>
      </c>
      <c r="E29068" s="6">
        <v>818.77930000000003</v>
      </c>
    </row>
    <row r="29069" spans="4:5" x14ac:dyDescent="0.25">
      <c r="D29069" s="6">
        <v>1194.68</v>
      </c>
      <c r="E29069" s="6">
        <v>400.15109999999999</v>
      </c>
    </row>
    <row r="29070" spans="4:5" x14ac:dyDescent="0.25">
      <c r="D29070" s="6">
        <v>1452.9870000000001</v>
      </c>
      <c r="E29070" s="6">
        <v>6867</v>
      </c>
    </row>
    <row r="29071" spans="4:5" x14ac:dyDescent="0.25">
      <c r="D29071" s="6">
        <v>566.27279999999996</v>
      </c>
      <c r="E29071" s="6">
        <v>1119.509</v>
      </c>
    </row>
    <row r="29072" spans="4:5" x14ac:dyDescent="0.25">
      <c r="D29072" s="6">
        <v>701.46489999999994</v>
      </c>
      <c r="E29072" s="6">
        <v>239.36969999999999</v>
      </c>
    </row>
    <row r="29073" spans="4:5" x14ac:dyDescent="0.25">
      <c r="D29073" s="6">
        <v>1141.104</v>
      </c>
      <c r="E29073" s="6">
        <v>8693.1460000000006</v>
      </c>
    </row>
    <row r="29074" spans="4:5" x14ac:dyDescent="0.25">
      <c r="D29074" s="6">
        <v>3394.288</v>
      </c>
      <c r="E29074" s="6">
        <v>1886.4580000000001</v>
      </c>
    </row>
    <row r="29075" spans="4:5" x14ac:dyDescent="0.25">
      <c r="D29075" s="6">
        <v>802.46780000000001</v>
      </c>
      <c r="E29075" s="6">
        <v>1497.6089999999999</v>
      </c>
    </row>
    <row r="29076" spans="4:5" x14ac:dyDescent="0.25">
      <c r="D29076" s="6">
        <v>1522.251</v>
      </c>
      <c r="E29076" s="6">
        <v>949.25369999999998</v>
      </c>
    </row>
    <row r="29077" spans="4:5" x14ac:dyDescent="0.25">
      <c r="D29077" s="6">
        <v>1025.1410000000001</v>
      </c>
      <c r="E29077" s="6">
        <v>4578.6109999999999</v>
      </c>
    </row>
    <row r="29078" spans="4:5" x14ac:dyDescent="0.25">
      <c r="D29078" s="6">
        <v>6146.8389999999999</v>
      </c>
      <c r="E29078" s="6">
        <v>2981.75</v>
      </c>
    </row>
    <row r="29079" spans="4:5" x14ac:dyDescent="0.25">
      <c r="D29079" s="6">
        <v>912.62390000000005</v>
      </c>
      <c r="E29079" s="6">
        <v>5717.5630000000001</v>
      </c>
    </row>
    <row r="29080" spans="4:5" x14ac:dyDescent="0.25">
      <c r="D29080" s="6">
        <v>1017.994</v>
      </c>
      <c r="E29080" s="6">
        <v>840.88040000000001</v>
      </c>
    </row>
    <row r="29081" spans="4:5" x14ac:dyDescent="0.25">
      <c r="D29081" s="6">
        <v>5888.7160000000003</v>
      </c>
      <c r="E29081" s="6">
        <v>2839.5</v>
      </c>
    </row>
    <row r="29082" spans="4:5" x14ac:dyDescent="0.25">
      <c r="D29082" s="6">
        <v>1443.9090000000001</v>
      </c>
      <c r="E29082" s="6">
        <v>979.4778</v>
      </c>
    </row>
    <row r="29083" spans="4:5" x14ac:dyDescent="0.25">
      <c r="D29083" s="6">
        <v>948.30280000000005</v>
      </c>
      <c r="E29083" s="6">
        <v>698.98670000000004</v>
      </c>
    </row>
    <row r="29084" spans="4:5" x14ac:dyDescent="0.25">
      <c r="D29084" s="6">
        <v>1341.6959999999999</v>
      </c>
      <c r="E29084" s="6">
        <v>3181.538</v>
      </c>
    </row>
    <row r="29085" spans="4:5" x14ac:dyDescent="0.25">
      <c r="D29085" s="6">
        <v>809.48239999999998</v>
      </c>
      <c r="E29085" s="6">
        <v>2647.0770000000002</v>
      </c>
    </row>
    <row r="29086" spans="4:5" x14ac:dyDescent="0.25">
      <c r="D29086" s="6">
        <v>999.62840000000006</v>
      </c>
      <c r="E29086" s="6">
        <v>1320.396</v>
      </c>
    </row>
    <row r="29087" spans="4:5" x14ac:dyDescent="0.25">
      <c r="D29087" s="6">
        <v>881.22199999999998</v>
      </c>
      <c r="E29087" s="6">
        <v>11556.61</v>
      </c>
    </row>
    <row r="29088" spans="4:5" x14ac:dyDescent="0.25">
      <c r="D29088" s="6">
        <v>901.65030000000002</v>
      </c>
      <c r="E29088" s="6">
        <v>2148.2570000000001</v>
      </c>
    </row>
    <row r="29089" spans="4:5" x14ac:dyDescent="0.25">
      <c r="D29089" s="6">
        <v>403.8442</v>
      </c>
      <c r="E29089" s="6">
        <v>425.16669999999999</v>
      </c>
    </row>
    <row r="29090" spans="4:5" x14ac:dyDescent="0.25">
      <c r="D29090" s="6">
        <v>1005.053</v>
      </c>
      <c r="E29090" s="6">
        <v>1369.8009999999999</v>
      </c>
    </row>
    <row r="29091" spans="4:5" x14ac:dyDescent="0.25">
      <c r="D29091" s="6">
        <v>1168.787</v>
      </c>
      <c r="E29091" s="6">
        <v>1347.673</v>
      </c>
    </row>
    <row r="29092" spans="4:5" x14ac:dyDescent="0.25">
      <c r="D29092" s="6">
        <v>882.59799999999996</v>
      </c>
      <c r="E29092" s="6">
        <v>6567.7240000000002</v>
      </c>
    </row>
    <row r="29093" spans="4:5" x14ac:dyDescent="0.25">
      <c r="D29093" s="6">
        <v>1126.009</v>
      </c>
      <c r="E29093" s="6">
        <v>11375.08</v>
      </c>
    </row>
    <row r="29094" spans="4:5" x14ac:dyDescent="0.25">
      <c r="D29094" s="6">
        <v>671.53300000000002</v>
      </c>
      <c r="E29094" s="6">
        <v>892.13890000000004</v>
      </c>
    </row>
    <row r="29095" spans="4:5" x14ac:dyDescent="0.25">
      <c r="D29095" s="6">
        <v>1014.253</v>
      </c>
      <c r="E29095" s="6">
        <v>1241.3240000000001</v>
      </c>
    </row>
    <row r="29096" spans="4:5" x14ac:dyDescent="0.25">
      <c r="D29096" s="6">
        <v>4331.3159999999998</v>
      </c>
      <c r="E29096" s="6">
        <v>1458.614</v>
      </c>
    </row>
    <row r="29097" spans="4:5" x14ac:dyDescent="0.25">
      <c r="D29097" s="6">
        <v>1205.9949999999999</v>
      </c>
      <c r="E29097" s="6">
        <v>4764.41</v>
      </c>
    </row>
    <row r="29098" spans="4:5" x14ac:dyDescent="0.25">
      <c r="D29098" s="6">
        <v>852.90940000000001</v>
      </c>
      <c r="E29098" s="6">
        <v>3398</v>
      </c>
    </row>
    <row r="29099" spans="4:5" x14ac:dyDescent="0.25">
      <c r="D29099" s="6">
        <v>2202.5709999999999</v>
      </c>
      <c r="E29099" s="6">
        <v>625.66359999999997</v>
      </c>
    </row>
    <row r="29100" spans="4:5" x14ac:dyDescent="0.25">
      <c r="D29100" s="6">
        <v>961.13430000000005</v>
      </c>
      <c r="E29100" s="6">
        <v>6290.7020000000002</v>
      </c>
    </row>
    <row r="29101" spans="4:5" x14ac:dyDescent="0.25">
      <c r="D29101" s="6">
        <v>526.06299999999999</v>
      </c>
      <c r="E29101" s="6">
        <v>10931.02</v>
      </c>
    </row>
    <row r="29102" spans="4:5" x14ac:dyDescent="0.25">
      <c r="D29102" s="6">
        <v>954.05949999999996</v>
      </c>
      <c r="E29102" s="6">
        <v>408</v>
      </c>
    </row>
    <row r="29103" spans="4:5" x14ac:dyDescent="0.25">
      <c r="D29103" s="6">
        <v>2769.1239999999998</v>
      </c>
      <c r="E29103" s="6">
        <v>707.90830000000005</v>
      </c>
    </row>
    <row r="29104" spans="4:5" x14ac:dyDescent="0.25">
      <c r="D29104" s="6">
        <v>4078.4540000000002</v>
      </c>
      <c r="E29104" s="6">
        <v>2510.2629999999999</v>
      </c>
    </row>
    <row r="29105" spans="4:5" x14ac:dyDescent="0.25">
      <c r="D29105" s="6">
        <v>4354.7740000000003</v>
      </c>
      <c r="E29105" s="6">
        <v>7185.6869999999999</v>
      </c>
    </row>
    <row r="29106" spans="4:5" x14ac:dyDescent="0.25">
      <c r="D29106" s="6">
        <v>2896.011</v>
      </c>
      <c r="E29106" s="6">
        <v>8240.7029999999995</v>
      </c>
    </row>
    <row r="29107" spans="4:5" x14ac:dyDescent="0.25">
      <c r="D29107" s="6">
        <v>805.78729999999996</v>
      </c>
      <c r="E29107" s="6">
        <v>4736.4949999999999</v>
      </c>
    </row>
    <row r="29108" spans="4:5" x14ac:dyDescent="0.25">
      <c r="D29108" s="6">
        <v>1145.6769999999999</v>
      </c>
      <c r="E29108" s="6">
        <v>875.72249999999997</v>
      </c>
    </row>
    <row r="29109" spans="4:5" x14ac:dyDescent="0.25">
      <c r="D29109" s="6">
        <v>1225.365</v>
      </c>
      <c r="E29109" s="6">
        <v>1919.65</v>
      </c>
    </row>
    <row r="29110" spans="4:5" x14ac:dyDescent="0.25">
      <c r="D29110" s="6">
        <v>2281.56</v>
      </c>
      <c r="E29110" s="6">
        <v>735.40449999999998</v>
      </c>
    </row>
    <row r="29111" spans="4:5" x14ac:dyDescent="0.25">
      <c r="D29111" s="6">
        <v>1484.4349999999999</v>
      </c>
      <c r="E29111" s="6">
        <v>3543</v>
      </c>
    </row>
    <row r="29112" spans="4:5" x14ac:dyDescent="0.25">
      <c r="D29112" s="6">
        <v>2358.9160000000002</v>
      </c>
      <c r="E29112" s="6">
        <v>16383</v>
      </c>
    </row>
    <row r="29113" spans="4:5" x14ac:dyDescent="0.25">
      <c r="D29113" s="6">
        <v>870.98149999999998</v>
      </c>
      <c r="E29113" s="6">
        <v>8836.2929999999997</v>
      </c>
    </row>
    <row r="29114" spans="4:5" x14ac:dyDescent="0.25">
      <c r="D29114" s="6">
        <v>567.20420000000001</v>
      </c>
      <c r="E29114" s="6">
        <v>3964.2860000000001</v>
      </c>
    </row>
    <row r="29115" spans="4:5" x14ac:dyDescent="0.25">
      <c r="D29115" s="6">
        <v>1095.0340000000001</v>
      </c>
      <c r="E29115" s="6">
        <v>4906.0420000000004</v>
      </c>
    </row>
    <row r="29116" spans="4:5" x14ac:dyDescent="0.25">
      <c r="D29116" s="6">
        <v>760.66430000000003</v>
      </c>
      <c r="E29116" s="6">
        <v>870.73749999999995</v>
      </c>
    </row>
    <row r="29117" spans="4:5" x14ac:dyDescent="0.25">
      <c r="D29117" s="6">
        <v>732.35760000000005</v>
      </c>
      <c r="E29117" s="6">
        <v>3332.4949999999999</v>
      </c>
    </row>
    <row r="29118" spans="4:5" x14ac:dyDescent="0.25">
      <c r="D29118" s="6">
        <v>2980.9319999999998</v>
      </c>
      <c r="E29118" s="6">
        <v>474.83330000000001</v>
      </c>
    </row>
    <row r="29119" spans="4:5" x14ac:dyDescent="0.25">
      <c r="D29119" s="6">
        <v>942.08669999999995</v>
      </c>
      <c r="E29119" s="6">
        <v>2564.3879999999999</v>
      </c>
    </row>
    <row r="29120" spans="4:5" x14ac:dyDescent="0.25">
      <c r="D29120" s="6">
        <v>3745.837</v>
      </c>
      <c r="E29120" s="6">
        <v>5509.549</v>
      </c>
    </row>
    <row r="29121" spans="4:5" x14ac:dyDescent="0.25">
      <c r="D29121" s="6">
        <v>1186.3689999999999</v>
      </c>
      <c r="E29121" s="6">
        <v>157.3578</v>
      </c>
    </row>
    <row r="29122" spans="4:5" x14ac:dyDescent="0.25">
      <c r="D29122" s="6">
        <v>594.60239999999999</v>
      </c>
      <c r="E29122" s="6">
        <v>1253.4880000000001</v>
      </c>
    </row>
    <row r="29123" spans="4:5" x14ac:dyDescent="0.25">
      <c r="D29123" s="6">
        <v>690.22490000000005</v>
      </c>
      <c r="E29123" s="6">
        <v>3139.1109999999999</v>
      </c>
    </row>
    <row r="29124" spans="4:5" x14ac:dyDescent="0.25">
      <c r="D29124" s="6">
        <v>853.29390000000001</v>
      </c>
      <c r="E29124" s="6">
        <v>705.37159999999994</v>
      </c>
    </row>
    <row r="29125" spans="4:5" x14ac:dyDescent="0.25">
      <c r="D29125" s="6">
        <v>1158.0909999999999</v>
      </c>
      <c r="E29125" s="6">
        <v>7343.2030000000004</v>
      </c>
    </row>
    <row r="29126" spans="4:5" x14ac:dyDescent="0.25">
      <c r="D29126" s="6">
        <v>663.16380000000004</v>
      </c>
      <c r="E29126" s="6">
        <v>8541.027</v>
      </c>
    </row>
    <row r="29127" spans="4:5" x14ac:dyDescent="0.25">
      <c r="D29127" s="6">
        <v>1073.8820000000001</v>
      </c>
      <c r="E29127" s="6">
        <v>715.20420000000001</v>
      </c>
    </row>
    <row r="29128" spans="4:5" x14ac:dyDescent="0.25">
      <c r="D29128" s="6">
        <v>1379.905</v>
      </c>
      <c r="E29128" s="6">
        <v>365.78570000000002</v>
      </c>
    </row>
    <row r="29129" spans="4:5" x14ac:dyDescent="0.25">
      <c r="D29129" s="6">
        <v>730.27890000000002</v>
      </c>
      <c r="E29129" s="6">
        <v>4882.308</v>
      </c>
    </row>
    <row r="29130" spans="4:5" x14ac:dyDescent="0.25">
      <c r="D29130" s="6">
        <v>1792.1420000000001</v>
      </c>
      <c r="E29130" s="6">
        <v>652.47469999999998</v>
      </c>
    </row>
    <row r="29131" spans="4:5" x14ac:dyDescent="0.25">
      <c r="D29131" s="6">
        <v>829.52229999999997</v>
      </c>
      <c r="E29131" s="6">
        <v>586.23019999999997</v>
      </c>
    </row>
    <row r="29132" spans="4:5" x14ac:dyDescent="0.25">
      <c r="D29132" s="6">
        <v>1480.7360000000001</v>
      </c>
      <c r="E29132" s="6">
        <v>1062.9079999999999</v>
      </c>
    </row>
    <row r="29133" spans="4:5" x14ac:dyDescent="0.25">
      <c r="D29133" s="6">
        <v>547.31960000000004</v>
      </c>
      <c r="E29133" s="6">
        <v>522.93190000000004</v>
      </c>
    </row>
    <row r="29134" spans="4:5" x14ac:dyDescent="0.25">
      <c r="D29134" s="6">
        <v>501.03989999999999</v>
      </c>
      <c r="E29134" s="6">
        <v>542.58709999999996</v>
      </c>
    </row>
    <row r="29135" spans="4:5" x14ac:dyDescent="0.25">
      <c r="D29135" s="6">
        <v>1029.0999999999999</v>
      </c>
      <c r="E29135" s="6">
        <v>331.54809999999998</v>
      </c>
    </row>
    <row r="29136" spans="4:5" x14ac:dyDescent="0.25">
      <c r="D29136" s="6">
        <v>663.14549999999997</v>
      </c>
      <c r="E29136" s="6">
        <v>6989.6180000000004</v>
      </c>
    </row>
    <row r="29137" spans="4:5" x14ac:dyDescent="0.25">
      <c r="D29137" s="6">
        <v>901.96460000000002</v>
      </c>
      <c r="E29137" s="6">
        <v>181.3278</v>
      </c>
    </row>
    <row r="29138" spans="4:5" x14ac:dyDescent="0.25">
      <c r="D29138" s="6">
        <v>771.92100000000005</v>
      </c>
      <c r="E29138" s="6">
        <v>4485.25</v>
      </c>
    </row>
    <row r="29139" spans="4:5" x14ac:dyDescent="0.25">
      <c r="D29139" s="6">
        <v>1389.7380000000001</v>
      </c>
      <c r="E29139" s="6">
        <v>5966.5860000000002</v>
      </c>
    </row>
    <row r="29140" spans="4:5" x14ac:dyDescent="0.25">
      <c r="D29140" s="6">
        <v>1201.4090000000001</v>
      </c>
      <c r="E29140" s="6">
        <v>535.05730000000005</v>
      </c>
    </row>
    <row r="29141" spans="4:5" x14ac:dyDescent="0.25">
      <c r="D29141" s="6">
        <v>769.96469999999999</v>
      </c>
      <c r="E29141" s="6">
        <v>777.62559999999996</v>
      </c>
    </row>
    <row r="29142" spans="4:5" x14ac:dyDescent="0.25">
      <c r="D29142" s="6">
        <v>1092.6679999999999</v>
      </c>
      <c r="E29142" s="6">
        <v>2855.2820000000002</v>
      </c>
    </row>
    <row r="29143" spans="4:5" x14ac:dyDescent="0.25">
      <c r="D29143" s="6">
        <v>1810.048</v>
      </c>
      <c r="E29143" s="6">
        <v>9909.14</v>
      </c>
    </row>
    <row r="29144" spans="4:5" x14ac:dyDescent="0.25">
      <c r="D29144" s="6">
        <v>652.26869999999997</v>
      </c>
      <c r="E29144" s="6">
        <v>531.30849999999998</v>
      </c>
    </row>
    <row r="29145" spans="4:5" x14ac:dyDescent="0.25">
      <c r="D29145" s="6">
        <v>1260.4190000000001</v>
      </c>
      <c r="E29145" s="6">
        <v>445.8</v>
      </c>
    </row>
    <row r="29146" spans="4:5" x14ac:dyDescent="0.25">
      <c r="D29146" s="6">
        <v>1681.7729999999999</v>
      </c>
      <c r="E29146" s="6">
        <v>1860.6669999999999</v>
      </c>
    </row>
    <row r="29147" spans="4:5" x14ac:dyDescent="0.25">
      <c r="D29147" s="6">
        <v>713.59709999999995</v>
      </c>
      <c r="E29147" s="6">
        <v>1134.2570000000001</v>
      </c>
    </row>
    <row r="29148" spans="4:5" x14ac:dyDescent="0.25">
      <c r="D29148" s="6">
        <v>1365.171</v>
      </c>
      <c r="E29148" s="6">
        <v>2818</v>
      </c>
    </row>
    <row r="29149" spans="4:5" x14ac:dyDescent="0.25">
      <c r="D29149" s="6">
        <v>879.47019999999998</v>
      </c>
      <c r="E29149" s="6">
        <v>5288</v>
      </c>
    </row>
    <row r="29150" spans="4:5" x14ac:dyDescent="0.25">
      <c r="D29150" s="6">
        <v>2904.0259999999998</v>
      </c>
      <c r="E29150" s="6">
        <v>5442.8180000000002</v>
      </c>
    </row>
    <row r="29151" spans="4:5" x14ac:dyDescent="0.25">
      <c r="D29151" s="6">
        <v>1055.6300000000001</v>
      </c>
      <c r="E29151" s="6">
        <v>4829.5879999999997</v>
      </c>
    </row>
    <row r="29152" spans="4:5" x14ac:dyDescent="0.25">
      <c r="D29152" s="6">
        <v>945.23099999999999</v>
      </c>
      <c r="E29152" s="6">
        <v>7788.2449999999999</v>
      </c>
    </row>
    <row r="29153" spans="4:5" x14ac:dyDescent="0.25">
      <c r="D29153" s="6">
        <v>10666.8</v>
      </c>
      <c r="E29153" s="6">
        <v>8590.26</v>
      </c>
    </row>
    <row r="29154" spans="4:5" x14ac:dyDescent="0.25">
      <c r="D29154" s="6">
        <v>973.64549999999997</v>
      </c>
      <c r="E29154" s="6">
        <v>2308.056</v>
      </c>
    </row>
    <row r="29155" spans="4:5" x14ac:dyDescent="0.25">
      <c r="D29155" s="6">
        <v>949.62789999999995</v>
      </c>
      <c r="E29155" s="6">
        <v>1528.9480000000001</v>
      </c>
    </row>
    <row r="29156" spans="4:5" x14ac:dyDescent="0.25">
      <c r="D29156" s="6">
        <v>1186.4469999999999</v>
      </c>
      <c r="E29156" s="6">
        <v>5706.8459999999995</v>
      </c>
    </row>
    <row r="29157" spans="4:5" x14ac:dyDescent="0.25">
      <c r="D29157" s="6">
        <v>3839.9690000000001</v>
      </c>
      <c r="E29157" s="6">
        <v>598.50530000000003</v>
      </c>
    </row>
    <row r="29158" spans="4:5" x14ac:dyDescent="0.25">
      <c r="D29158" s="6">
        <v>2689.9229999999998</v>
      </c>
      <c r="E29158" s="6">
        <v>2101.2820000000002</v>
      </c>
    </row>
    <row r="29159" spans="4:5" x14ac:dyDescent="0.25">
      <c r="D29159" s="6">
        <v>3175.0459999999998</v>
      </c>
      <c r="E29159" s="6">
        <v>206.8</v>
      </c>
    </row>
    <row r="29160" spans="4:5" x14ac:dyDescent="0.25">
      <c r="D29160" s="6">
        <v>657.31259999999997</v>
      </c>
      <c r="E29160" s="6">
        <v>9209.9509999999991</v>
      </c>
    </row>
    <row r="29161" spans="4:5" x14ac:dyDescent="0.25">
      <c r="D29161" s="6">
        <v>2094.9929999999999</v>
      </c>
      <c r="E29161" s="6">
        <v>8708.2579999999998</v>
      </c>
    </row>
    <row r="29162" spans="4:5" x14ac:dyDescent="0.25">
      <c r="D29162" s="6">
        <v>1653.346</v>
      </c>
      <c r="E29162" s="6">
        <v>524.02059999999994</v>
      </c>
    </row>
    <row r="29163" spans="4:5" x14ac:dyDescent="0.25">
      <c r="D29163" s="6">
        <v>1077.182</v>
      </c>
      <c r="E29163" s="6">
        <v>10173.08</v>
      </c>
    </row>
    <row r="29164" spans="4:5" x14ac:dyDescent="0.25">
      <c r="D29164" s="6">
        <v>1202.645</v>
      </c>
      <c r="E29164" s="6">
        <v>3340.8910000000001</v>
      </c>
    </row>
    <row r="29165" spans="4:5" x14ac:dyDescent="0.25">
      <c r="D29165" s="6">
        <v>706.28909999999996</v>
      </c>
      <c r="E29165" s="6">
        <v>8825.2659999999996</v>
      </c>
    </row>
    <row r="29166" spans="4:5" x14ac:dyDescent="0.25">
      <c r="D29166" s="6">
        <v>1622.25</v>
      </c>
      <c r="E29166" s="6">
        <v>16178.25</v>
      </c>
    </row>
    <row r="29167" spans="4:5" x14ac:dyDescent="0.25">
      <c r="D29167" s="6">
        <v>1628.8710000000001</v>
      </c>
      <c r="E29167" s="6">
        <v>6281.2179999999998</v>
      </c>
    </row>
    <row r="29168" spans="4:5" x14ac:dyDescent="0.25">
      <c r="D29168" s="6">
        <v>728.04150000000004</v>
      </c>
      <c r="E29168" s="6">
        <v>8156</v>
      </c>
    </row>
    <row r="29169" spans="4:5" x14ac:dyDescent="0.25">
      <c r="D29169" s="6">
        <v>1541.5609999999999</v>
      </c>
      <c r="E29169" s="6">
        <v>3552</v>
      </c>
    </row>
    <row r="29170" spans="4:5" x14ac:dyDescent="0.25">
      <c r="D29170" s="6">
        <v>663.05889999999999</v>
      </c>
      <c r="E29170" s="6">
        <v>616.11069999999995</v>
      </c>
    </row>
    <row r="29171" spans="4:5" x14ac:dyDescent="0.25">
      <c r="D29171" s="6">
        <v>1345.269</v>
      </c>
      <c r="E29171" s="6">
        <v>8953.4259999999995</v>
      </c>
    </row>
    <row r="29172" spans="4:5" x14ac:dyDescent="0.25">
      <c r="D29172" s="6">
        <v>1196.2460000000001</v>
      </c>
      <c r="E29172" s="6">
        <v>700.65719999999999</v>
      </c>
    </row>
    <row r="29173" spans="4:5" x14ac:dyDescent="0.25">
      <c r="D29173" s="6">
        <v>1091.46</v>
      </c>
      <c r="E29173" s="6">
        <v>8359.8610000000008</v>
      </c>
    </row>
    <row r="29174" spans="4:5" x14ac:dyDescent="0.25">
      <c r="D29174" s="6">
        <v>1356.271</v>
      </c>
      <c r="E29174" s="6">
        <v>1130.8389999999999</v>
      </c>
    </row>
    <row r="29175" spans="4:5" x14ac:dyDescent="0.25">
      <c r="D29175" s="6">
        <v>654.64880000000005</v>
      </c>
      <c r="E29175" s="6">
        <v>2848.357</v>
      </c>
    </row>
    <row r="29176" spans="4:5" x14ac:dyDescent="0.25">
      <c r="D29176" s="6">
        <v>2143</v>
      </c>
      <c r="E29176" s="6">
        <v>976.33330000000001</v>
      </c>
    </row>
    <row r="29177" spans="4:5" x14ac:dyDescent="0.25">
      <c r="D29177" s="6">
        <v>1875.9459999999999</v>
      </c>
      <c r="E29177" s="6">
        <v>630.04489999999998</v>
      </c>
    </row>
    <row r="29178" spans="4:5" x14ac:dyDescent="0.25">
      <c r="D29178" s="6">
        <v>638.7473</v>
      </c>
      <c r="E29178" s="6">
        <v>7552</v>
      </c>
    </row>
    <row r="29179" spans="4:5" x14ac:dyDescent="0.25">
      <c r="D29179" s="6">
        <v>586.91359999999997</v>
      </c>
      <c r="E29179" s="6">
        <v>432.75</v>
      </c>
    </row>
    <row r="29180" spans="4:5" x14ac:dyDescent="0.25">
      <c r="D29180" s="6">
        <v>1673.32</v>
      </c>
      <c r="E29180" s="6">
        <v>1190.386</v>
      </c>
    </row>
    <row r="29181" spans="4:5" x14ac:dyDescent="0.25">
      <c r="D29181" s="6">
        <v>1517.521</v>
      </c>
      <c r="E29181" s="6">
        <v>751.08529999999996</v>
      </c>
    </row>
    <row r="29182" spans="4:5" x14ac:dyDescent="0.25">
      <c r="D29182" s="6">
        <v>1435.2190000000001</v>
      </c>
      <c r="E29182" s="6">
        <v>1828.4960000000001</v>
      </c>
    </row>
    <row r="29183" spans="4:5" x14ac:dyDescent="0.25">
      <c r="D29183" s="6">
        <v>755.05920000000003</v>
      </c>
      <c r="E29183" s="6">
        <v>1139.279</v>
      </c>
    </row>
    <row r="29184" spans="4:5" x14ac:dyDescent="0.25">
      <c r="D29184" s="6">
        <v>761.43809999999996</v>
      </c>
      <c r="E29184" s="6">
        <v>1916</v>
      </c>
    </row>
    <row r="29185" spans="4:5" x14ac:dyDescent="0.25">
      <c r="D29185" s="6">
        <v>674.22329999999999</v>
      </c>
      <c r="E29185" s="6">
        <v>10545.04</v>
      </c>
    </row>
    <row r="29186" spans="4:5" x14ac:dyDescent="0.25">
      <c r="D29186" s="6">
        <v>6257</v>
      </c>
      <c r="E29186" s="6">
        <v>970.57360000000006</v>
      </c>
    </row>
    <row r="29187" spans="4:5" x14ac:dyDescent="0.25">
      <c r="D29187" s="6">
        <v>853.50540000000001</v>
      </c>
      <c r="E29187" s="6">
        <v>492.36399999999998</v>
      </c>
    </row>
    <row r="29188" spans="4:5" x14ac:dyDescent="0.25">
      <c r="D29188" s="6">
        <v>7861.7</v>
      </c>
      <c r="E29188" s="6">
        <v>1599.5450000000001</v>
      </c>
    </row>
    <row r="29189" spans="4:5" x14ac:dyDescent="0.25">
      <c r="D29189" s="6">
        <v>1247.0170000000001</v>
      </c>
      <c r="E29189" s="6">
        <v>463.61110000000002</v>
      </c>
    </row>
    <row r="29190" spans="4:5" x14ac:dyDescent="0.25">
      <c r="D29190" s="6">
        <v>8317.1389999999992</v>
      </c>
      <c r="E29190" s="6">
        <v>3736.3119999999999</v>
      </c>
    </row>
    <row r="29191" spans="4:5" x14ac:dyDescent="0.25">
      <c r="D29191" s="6">
        <v>494.60610000000003</v>
      </c>
      <c r="E29191" s="6">
        <v>305.64330000000001</v>
      </c>
    </row>
    <row r="29192" spans="4:5" x14ac:dyDescent="0.25">
      <c r="D29192" s="6">
        <v>772.13170000000002</v>
      </c>
      <c r="E29192" s="6">
        <v>754.03909999999996</v>
      </c>
    </row>
    <row r="29193" spans="4:5" x14ac:dyDescent="0.25">
      <c r="D29193" s="6">
        <v>5059.4790000000003</v>
      </c>
      <c r="E29193" s="6">
        <v>1652.7560000000001</v>
      </c>
    </row>
    <row r="29194" spans="4:5" x14ac:dyDescent="0.25">
      <c r="D29194" s="6">
        <v>672.56659999999999</v>
      </c>
      <c r="E29194" s="6">
        <v>2239.3449999999998</v>
      </c>
    </row>
    <row r="29195" spans="4:5" x14ac:dyDescent="0.25">
      <c r="D29195" s="6">
        <v>2767.0880000000002</v>
      </c>
      <c r="E29195" s="6">
        <v>920.42340000000002</v>
      </c>
    </row>
    <row r="29196" spans="4:5" x14ac:dyDescent="0.25">
      <c r="D29196" s="6">
        <v>763.40470000000005</v>
      </c>
      <c r="E29196" s="6">
        <v>8546.9339999999993</v>
      </c>
    </row>
    <row r="29197" spans="4:5" x14ac:dyDescent="0.25">
      <c r="D29197" s="6">
        <v>858.55730000000005</v>
      </c>
      <c r="E29197" s="6">
        <v>922.47739999999999</v>
      </c>
    </row>
    <row r="29198" spans="4:5" x14ac:dyDescent="0.25">
      <c r="D29198" s="6">
        <v>1091.963</v>
      </c>
      <c r="E29198" s="6">
        <v>624.85090000000002</v>
      </c>
    </row>
    <row r="29199" spans="4:5" x14ac:dyDescent="0.25">
      <c r="D29199" s="6">
        <v>2284.5729999999999</v>
      </c>
      <c r="E29199" s="6">
        <v>883.67650000000003</v>
      </c>
    </row>
    <row r="29200" spans="4:5" x14ac:dyDescent="0.25">
      <c r="D29200" s="6">
        <v>1093.7539999999999</v>
      </c>
      <c r="E29200" s="6">
        <v>1929.2059999999999</v>
      </c>
    </row>
    <row r="29201" spans="4:5" x14ac:dyDescent="0.25">
      <c r="D29201" s="6">
        <v>1330.394</v>
      </c>
      <c r="E29201" s="6">
        <v>1479.3579999999999</v>
      </c>
    </row>
    <row r="29202" spans="4:5" x14ac:dyDescent="0.25">
      <c r="D29202" s="6">
        <v>1309.2090000000001</v>
      </c>
      <c r="E29202" s="6">
        <v>10335</v>
      </c>
    </row>
    <row r="29203" spans="4:5" x14ac:dyDescent="0.25">
      <c r="D29203" s="6">
        <v>1274.624</v>
      </c>
      <c r="E29203" s="6">
        <v>542.15570000000002</v>
      </c>
    </row>
    <row r="29204" spans="4:5" x14ac:dyDescent="0.25">
      <c r="D29204" s="6">
        <v>984.35619999999994</v>
      </c>
      <c r="E29204" s="6">
        <v>1065.405</v>
      </c>
    </row>
    <row r="29205" spans="4:5" x14ac:dyDescent="0.25">
      <c r="D29205" s="6">
        <v>525.21510000000001</v>
      </c>
      <c r="E29205" s="6">
        <v>1295.1969999999999</v>
      </c>
    </row>
    <row r="29206" spans="4:5" x14ac:dyDescent="0.25">
      <c r="D29206" s="6">
        <v>953.37779999999998</v>
      </c>
      <c r="E29206" s="6">
        <v>523.52170000000001</v>
      </c>
    </row>
    <row r="29207" spans="4:5" x14ac:dyDescent="0.25">
      <c r="D29207" s="6">
        <v>198.1814</v>
      </c>
      <c r="E29207" s="6">
        <v>1142.0029999999999</v>
      </c>
    </row>
    <row r="29208" spans="4:5" x14ac:dyDescent="0.25">
      <c r="D29208" s="6">
        <v>951.26319999999998</v>
      </c>
      <c r="E29208" s="6">
        <v>441.3877</v>
      </c>
    </row>
    <row r="29209" spans="4:5" x14ac:dyDescent="0.25">
      <c r="D29209" s="6">
        <v>1223.683</v>
      </c>
      <c r="E29209" s="6">
        <v>1160.854</v>
      </c>
    </row>
    <row r="29210" spans="4:5" x14ac:dyDescent="0.25">
      <c r="D29210" s="6">
        <v>553.63350000000003</v>
      </c>
      <c r="E29210" s="6">
        <v>532.83699999999999</v>
      </c>
    </row>
    <row r="29211" spans="4:5" x14ac:dyDescent="0.25">
      <c r="D29211" s="6">
        <v>1187.627</v>
      </c>
      <c r="E29211" s="6">
        <v>697.56399999999996</v>
      </c>
    </row>
    <row r="29212" spans="4:5" x14ac:dyDescent="0.25">
      <c r="D29212" s="6">
        <v>503.41160000000002</v>
      </c>
      <c r="E29212" s="6">
        <v>308.66669999999999</v>
      </c>
    </row>
    <row r="29213" spans="4:5" x14ac:dyDescent="0.25">
      <c r="D29213" s="6">
        <v>1087.9290000000001</v>
      </c>
      <c r="E29213" s="6">
        <v>8786.0499999999993</v>
      </c>
    </row>
    <row r="29214" spans="4:5" x14ac:dyDescent="0.25">
      <c r="D29214" s="6">
        <v>1441.133</v>
      </c>
      <c r="E29214" s="6">
        <v>412.9837</v>
      </c>
    </row>
    <row r="29215" spans="4:5" x14ac:dyDescent="0.25">
      <c r="D29215" s="6">
        <v>1160.076</v>
      </c>
      <c r="E29215" s="6">
        <v>810.81349999999998</v>
      </c>
    </row>
    <row r="29216" spans="4:5" x14ac:dyDescent="0.25">
      <c r="D29216" s="6">
        <v>683.47749999999996</v>
      </c>
      <c r="E29216" s="6">
        <v>2875.857</v>
      </c>
    </row>
    <row r="29217" spans="4:5" x14ac:dyDescent="0.25">
      <c r="D29217" s="6">
        <v>448.23079999999999</v>
      </c>
      <c r="E29217" s="6">
        <v>818.75289999999995</v>
      </c>
    </row>
    <row r="29218" spans="4:5" x14ac:dyDescent="0.25">
      <c r="D29218" s="6">
        <v>1049</v>
      </c>
      <c r="E29218" s="6">
        <v>809.38829999999996</v>
      </c>
    </row>
    <row r="29219" spans="4:5" x14ac:dyDescent="0.25">
      <c r="D29219" s="6">
        <v>1311.3330000000001</v>
      </c>
      <c r="E29219" s="6">
        <v>3388.5</v>
      </c>
    </row>
    <row r="29220" spans="4:5" x14ac:dyDescent="0.25">
      <c r="D29220" s="6">
        <v>1318.05</v>
      </c>
      <c r="E29220" s="6">
        <v>3238.8</v>
      </c>
    </row>
    <row r="29221" spans="4:5" x14ac:dyDescent="0.25">
      <c r="D29221" s="6">
        <v>5361.3370000000004</v>
      </c>
      <c r="E29221" s="6">
        <v>1035.1130000000001</v>
      </c>
    </row>
    <row r="29222" spans="4:5" x14ac:dyDescent="0.25">
      <c r="D29222" s="6">
        <v>7253.9660000000003</v>
      </c>
      <c r="E29222" s="6">
        <v>2961.165</v>
      </c>
    </row>
    <row r="29223" spans="4:5" x14ac:dyDescent="0.25">
      <c r="D29223" s="6">
        <v>1678.527</v>
      </c>
      <c r="E29223" s="6">
        <v>855.65769999999998</v>
      </c>
    </row>
    <row r="29224" spans="4:5" x14ac:dyDescent="0.25">
      <c r="D29224" s="6">
        <v>8432.6620000000003</v>
      </c>
      <c r="E29224" s="6">
        <v>5857.9459999999999</v>
      </c>
    </row>
    <row r="29225" spans="4:5" x14ac:dyDescent="0.25">
      <c r="D29225" s="6">
        <v>902.12950000000001</v>
      </c>
      <c r="E29225" s="6">
        <v>473.41669999999999</v>
      </c>
    </row>
    <row r="29226" spans="4:5" x14ac:dyDescent="0.25">
      <c r="D29226" s="6">
        <v>2036.5429999999999</v>
      </c>
      <c r="E29226" s="6">
        <v>6109.567</v>
      </c>
    </row>
    <row r="29227" spans="4:5" x14ac:dyDescent="0.25">
      <c r="D29227" s="6">
        <v>1239.0930000000001</v>
      </c>
      <c r="E29227" s="6">
        <v>9857.857</v>
      </c>
    </row>
    <row r="29228" spans="4:5" x14ac:dyDescent="0.25">
      <c r="D29228" s="6">
        <v>488.70460000000003</v>
      </c>
      <c r="E29228" s="6">
        <v>2608</v>
      </c>
    </row>
    <row r="29229" spans="4:5" x14ac:dyDescent="0.25">
      <c r="D29229" s="6">
        <v>1359.903</v>
      </c>
      <c r="E29229" s="6">
        <v>1049.1089999999999</v>
      </c>
    </row>
    <row r="29230" spans="4:5" x14ac:dyDescent="0.25">
      <c r="D29230" s="6">
        <v>1296.7</v>
      </c>
      <c r="E29230" s="6">
        <v>547.59410000000003</v>
      </c>
    </row>
    <row r="29231" spans="4:5" x14ac:dyDescent="0.25">
      <c r="D29231" s="6">
        <v>715.3682</v>
      </c>
      <c r="E29231" s="6">
        <v>7955.1559999999999</v>
      </c>
    </row>
    <row r="29232" spans="4:5" x14ac:dyDescent="0.25">
      <c r="D29232" s="6">
        <v>8477.2620000000006</v>
      </c>
      <c r="E29232" s="6">
        <v>2363.0160000000001</v>
      </c>
    </row>
    <row r="29233" spans="4:5" x14ac:dyDescent="0.25">
      <c r="D29233" s="6">
        <v>7711.4409999999998</v>
      </c>
      <c r="E29233" s="6">
        <v>788.72770000000003</v>
      </c>
    </row>
    <row r="29234" spans="4:5" x14ac:dyDescent="0.25">
      <c r="D29234" s="6">
        <v>1189.9749999999999</v>
      </c>
      <c r="E29234" s="6">
        <v>2467.652</v>
      </c>
    </row>
    <row r="29235" spans="4:5" x14ac:dyDescent="0.25">
      <c r="D29235" s="6">
        <v>813.03449999999998</v>
      </c>
      <c r="E29235" s="6">
        <v>1152.5709999999999</v>
      </c>
    </row>
    <row r="29236" spans="4:5" x14ac:dyDescent="0.25">
      <c r="D29236" s="6">
        <v>1806.5650000000001</v>
      </c>
      <c r="E29236" s="6">
        <v>184.16</v>
      </c>
    </row>
    <row r="29237" spans="4:5" x14ac:dyDescent="0.25">
      <c r="D29237" s="6">
        <v>1138.8</v>
      </c>
      <c r="E29237" s="6">
        <v>1048.116</v>
      </c>
    </row>
    <row r="29238" spans="4:5" x14ac:dyDescent="0.25">
      <c r="D29238" s="6">
        <v>1287.2819999999999</v>
      </c>
      <c r="E29238" s="6">
        <v>2751.105</v>
      </c>
    </row>
    <row r="29239" spans="4:5" x14ac:dyDescent="0.25">
      <c r="D29239" s="6">
        <v>783.25660000000005</v>
      </c>
      <c r="E29239" s="6">
        <v>720.72090000000003</v>
      </c>
    </row>
    <row r="29240" spans="4:5" x14ac:dyDescent="0.25">
      <c r="D29240" s="6">
        <v>864.54729999999995</v>
      </c>
      <c r="E29240" s="6">
        <v>689.57839999999999</v>
      </c>
    </row>
    <row r="29241" spans="4:5" x14ac:dyDescent="0.25">
      <c r="D29241" s="6">
        <v>1491.37</v>
      </c>
      <c r="E29241" s="6">
        <v>645.75969999999995</v>
      </c>
    </row>
    <row r="29242" spans="4:5" x14ac:dyDescent="0.25">
      <c r="D29242" s="6">
        <v>680.20540000000005</v>
      </c>
      <c r="E29242" s="6">
        <v>6972.3580000000002</v>
      </c>
    </row>
    <row r="29243" spans="4:5" x14ac:dyDescent="0.25">
      <c r="D29243" s="6">
        <v>1590.778</v>
      </c>
      <c r="E29243" s="6">
        <v>515.33330000000001</v>
      </c>
    </row>
    <row r="29244" spans="4:5" x14ac:dyDescent="0.25">
      <c r="D29244" s="6">
        <v>1307.3599999999999</v>
      </c>
      <c r="E29244" s="6">
        <v>542.14919999999995</v>
      </c>
    </row>
    <row r="29245" spans="4:5" x14ac:dyDescent="0.25">
      <c r="D29245" s="6">
        <v>4616.9160000000002</v>
      </c>
      <c r="E29245" s="6">
        <v>599.34259999999995</v>
      </c>
    </row>
    <row r="29246" spans="4:5" x14ac:dyDescent="0.25">
      <c r="D29246" s="6">
        <v>1219.3610000000001</v>
      </c>
      <c r="E29246" s="6">
        <v>3555.8719999999998</v>
      </c>
    </row>
    <row r="29247" spans="4:5" x14ac:dyDescent="0.25">
      <c r="D29247" s="6">
        <v>608.54110000000003</v>
      </c>
      <c r="E29247" s="6">
        <v>746.86180000000002</v>
      </c>
    </row>
    <row r="29248" spans="4:5" x14ac:dyDescent="0.25">
      <c r="D29248" s="6">
        <v>1083.4290000000001</v>
      </c>
      <c r="E29248" s="6">
        <v>630.78200000000004</v>
      </c>
    </row>
    <row r="29249" spans="4:5" x14ac:dyDescent="0.25">
      <c r="D29249" s="6">
        <v>1252.586</v>
      </c>
      <c r="E29249" s="6">
        <v>5860.3209999999999</v>
      </c>
    </row>
    <row r="29250" spans="4:5" x14ac:dyDescent="0.25">
      <c r="D29250" s="6">
        <v>1168.2729999999999</v>
      </c>
      <c r="E29250" s="6">
        <v>2828.1320000000001</v>
      </c>
    </row>
    <row r="29251" spans="4:5" x14ac:dyDescent="0.25">
      <c r="D29251" s="6">
        <v>926</v>
      </c>
      <c r="E29251" s="6">
        <v>495.02010000000001</v>
      </c>
    </row>
    <row r="29252" spans="4:5" x14ac:dyDescent="0.25">
      <c r="D29252" s="6">
        <v>1649.77</v>
      </c>
      <c r="E29252" s="6">
        <v>9280.75</v>
      </c>
    </row>
    <row r="29253" spans="4:5" x14ac:dyDescent="0.25">
      <c r="D29253" s="6">
        <v>1228.605</v>
      </c>
      <c r="E29253" s="6">
        <v>1807.8589999999999</v>
      </c>
    </row>
    <row r="29254" spans="4:5" x14ac:dyDescent="0.25">
      <c r="D29254" s="6">
        <v>1563.0050000000001</v>
      </c>
      <c r="E29254" s="6">
        <v>9667.3029999999999</v>
      </c>
    </row>
    <row r="29255" spans="4:5" x14ac:dyDescent="0.25">
      <c r="D29255" s="6">
        <v>2169.4650000000001</v>
      </c>
      <c r="E29255" s="6">
        <v>2468</v>
      </c>
    </row>
    <row r="29256" spans="4:5" x14ac:dyDescent="0.25">
      <c r="D29256" s="6">
        <v>760.55840000000001</v>
      </c>
      <c r="E29256" s="6">
        <v>9425.2780000000002</v>
      </c>
    </row>
    <row r="29257" spans="4:5" x14ac:dyDescent="0.25">
      <c r="D29257" s="6">
        <v>5209.3779999999997</v>
      </c>
      <c r="E29257" s="6">
        <v>7330</v>
      </c>
    </row>
    <row r="29258" spans="4:5" x14ac:dyDescent="0.25">
      <c r="D29258" s="6">
        <v>1104.7670000000001</v>
      </c>
      <c r="E29258" s="6">
        <v>2012.633</v>
      </c>
    </row>
    <row r="29259" spans="4:5" x14ac:dyDescent="0.25">
      <c r="D29259" s="6">
        <v>1758.367</v>
      </c>
      <c r="E29259" s="6">
        <v>199.91220000000001</v>
      </c>
    </row>
    <row r="29260" spans="4:5" x14ac:dyDescent="0.25">
      <c r="D29260" s="6">
        <v>1162.7460000000001</v>
      </c>
      <c r="E29260" s="6">
        <v>5456.44</v>
      </c>
    </row>
    <row r="29261" spans="4:5" x14ac:dyDescent="0.25">
      <c r="D29261" s="6">
        <v>1245.395</v>
      </c>
      <c r="E29261" s="6">
        <v>360.99380000000002</v>
      </c>
    </row>
    <row r="29262" spans="4:5" x14ac:dyDescent="0.25">
      <c r="D29262" s="6">
        <v>1015.532</v>
      </c>
      <c r="E29262" s="6">
        <v>484.58589999999998</v>
      </c>
    </row>
    <row r="29263" spans="4:5" x14ac:dyDescent="0.25">
      <c r="D29263" s="6">
        <v>726.81780000000003</v>
      </c>
      <c r="E29263" s="6">
        <v>5578.9840000000004</v>
      </c>
    </row>
    <row r="29264" spans="4:5" x14ac:dyDescent="0.25">
      <c r="D29264" s="6">
        <v>603.21720000000005</v>
      </c>
      <c r="E29264" s="6">
        <v>1195.2860000000001</v>
      </c>
    </row>
    <row r="29265" spans="4:5" x14ac:dyDescent="0.25">
      <c r="D29265" s="6">
        <v>823.91750000000002</v>
      </c>
      <c r="E29265" s="6">
        <v>659.46669999999995</v>
      </c>
    </row>
    <row r="29266" spans="4:5" x14ac:dyDescent="0.25">
      <c r="D29266" s="6">
        <v>1409.164</v>
      </c>
      <c r="E29266" s="6">
        <v>176.88509999999999</v>
      </c>
    </row>
    <row r="29267" spans="4:5" x14ac:dyDescent="0.25">
      <c r="D29267" s="6">
        <v>11113</v>
      </c>
      <c r="E29267" s="6">
        <v>571.55250000000001</v>
      </c>
    </row>
    <row r="29268" spans="4:5" x14ac:dyDescent="0.25">
      <c r="D29268" s="6">
        <v>8107.0150000000003</v>
      </c>
      <c r="E29268" s="6">
        <v>580.22739999999999</v>
      </c>
    </row>
    <row r="29269" spans="4:5" x14ac:dyDescent="0.25">
      <c r="D29269" s="6">
        <v>5369.8869999999997</v>
      </c>
      <c r="E29269" s="6">
        <v>569.75850000000003</v>
      </c>
    </row>
    <row r="29270" spans="4:5" x14ac:dyDescent="0.25">
      <c r="D29270" s="6">
        <v>1478.92</v>
      </c>
      <c r="E29270" s="6">
        <v>1085.346</v>
      </c>
    </row>
    <row r="29271" spans="4:5" x14ac:dyDescent="0.25">
      <c r="D29271" s="6">
        <v>870.86969999999997</v>
      </c>
      <c r="E29271" s="6">
        <v>7155.9049999999997</v>
      </c>
    </row>
    <row r="29272" spans="4:5" x14ac:dyDescent="0.25">
      <c r="D29272" s="6">
        <v>1554.8440000000001</v>
      </c>
      <c r="E29272" s="6">
        <v>1582.104</v>
      </c>
    </row>
    <row r="29273" spans="4:5" x14ac:dyDescent="0.25">
      <c r="D29273" s="6">
        <v>1498.114</v>
      </c>
      <c r="E29273" s="6">
        <v>3811.8890000000001</v>
      </c>
    </row>
    <row r="29274" spans="4:5" x14ac:dyDescent="0.25">
      <c r="D29274" s="6">
        <v>8925.4220000000005</v>
      </c>
      <c r="E29274" s="6">
        <v>8933</v>
      </c>
    </row>
    <row r="29275" spans="4:5" x14ac:dyDescent="0.25">
      <c r="D29275" s="6">
        <v>1175.595</v>
      </c>
      <c r="E29275" s="6">
        <v>16383</v>
      </c>
    </row>
    <row r="29276" spans="4:5" x14ac:dyDescent="0.25">
      <c r="D29276" s="6">
        <v>1291.144</v>
      </c>
      <c r="E29276" s="6">
        <v>1000.235</v>
      </c>
    </row>
    <row r="29277" spans="4:5" x14ac:dyDescent="0.25">
      <c r="D29277" s="6">
        <v>1485.7339999999999</v>
      </c>
      <c r="E29277" s="6">
        <v>9170.8310000000001</v>
      </c>
    </row>
    <row r="29278" spans="4:5" x14ac:dyDescent="0.25">
      <c r="D29278" s="6">
        <v>1018.867</v>
      </c>
      <c r="E29278" s="6">
        <v>500.15010000000001</v>
      </c>
    </row>
    <row r="29279" spans="4:5" x14ac:dyDescent="0.25">
      <c r="D29279" s="6">
        <v>3301.9639999999999</v>
      </c>
      <c r="E29279" s="6">
        <v>5261.2809999999999</v>
      </c>
    </row>
    <row r="29280" spans="4:5" x14ac:dyDescent="0.25">
      <c r="D29280" s="6">
        <v>3131.2919999999999</v>
      </c>
      <c r="E29280" s="6">
        <v>670.71360000000004</v>
      </c>
    </row>
    <row r="29281" spans="4:5" x14ac:dyDescent="0.25">
      <c r="D29281" s="6">
        <v>1009.393</v>
      </c>
      <c r="E29281" s="6">
        <v>4124.6360000000004</v>
      </c>
    </row>
    <row r="29282" spans="4:5" x14ac:dyDescent="0.25">
      <c r="D29282" s="6">
        <v>952.87260000000003</v>
      </c>
      <c r="E29282" s="6">
        <v>11140.38</v>
      </c>
    </row>
    <row r="29283" spans="4:5" x14ac:dyDescent="0.25">
      <c r="D29283" s="6">
        <v>934.89930000000004</v>
      </c>
      <c r="E29283" s="6">
        <v>7363.9070000000002</v>
      </c>
    </row>
    <row r="29284" spans="4:5" x14ac:dyDescent="0.25">
      <c r="D29284" s="6">
        <v>993.18949999999995</v>
      </c>
      <c r="E29284" s="6">
        <v>526.79999999999995</v>
      </c>
    </row>
    <row r="29285" spans="4:5" x14ac:dyDescent="0.25">
      <c r="D29285" s="6">
        <v>1925.54</v>
      </c>
      <c r="E29285" s="6">
        <v>3077.09</v>
      </c>
    </row>
    <row r="29286" spans="4:5" x14ac:dyDescent="0.25">
      <c r="D29286" s="6">
        <v>2100.5300000000002</v>
      </c>
      <c r="E29286" s="6">
        <v>1065.9390000000001</v>
      </c>
    </row>
    <row r="29287" spans="4:5" x14ac:dyDescent="0.25">
      <c r="D29287" s="6">
        <v>1384.252</v>
      </c>
      <c r="E29287" s="6">
        <v>8403.4509999999991</v>
      </c>
    </row>
    <row r="29288" spans="4:5" x14ac:dyDescent="0.25">
      <c r="D29288" s="6">
        <v>1020.374</v>
      </c>
      <c r="E29288" s="6">
        <v>2973.4209999999998</v>
      </c>
    </row>
    <row r="29289" spans="4:5" x14ac:dyDescent="0.25">
      <c r="D29289" s="6">
        <v>676.66840000000002</v>
      </c>
      <c r="E29289" s="6">
        <v>1006.838</v>
      </c>
    </row>
    <row r="29290" spans="4:5" x14ac:dyDescent="0.25">
      <c r="D29290" s="6">
        <v>1230.8499999999999</v>
      </c>
      <c r="E29290" s="6">
        <v>3274.7710000000002</v>
      </c>
    </row>
    <row r="29291" spans="4:5" x14ac:dyDescent="0.25">
      <c r="D29291" s="6">
        <v>1791.5989999999999</v>
      </c>
      <c r="E29291" s="6">
        <v>4405.63</v>
      </c>
    </row>
    <row r="29292" spans="4:5" x14ac:dyDescent="0.25">
      <c r="D29292" s="6">
        <v>768.79470000000003</v>
      </c>
      <c r="E29292" s="6">
        <v>1667.3050000000001</v>
      </c>
    </row>
    <row r="29293" spans="4:5" x14ac:dyDescent="0.25">
      <c r="D29293" s="6">
        <v>1135.828</v>
      </c>
      <c r="E29293" s="6">
        <v>8447.8490000000002</v>
      </c>
    </row>
    <row r="29294" spans="4:5" x14ac:dyDescent="0.25">
      <c r="D29294" s="6">
        <v>1051.4880000000001</v>
      </c>
      <c r="E29294" s="6">
        <v>5164.9139999999998</v>
      </c>
    </row>
    <row r="29295" spans="4:5" x14ac:dyDescent="0.25">
      <c r="D29295" s="6">
        <v>1340.576</v>
      </c>
      <c r="E29295" s="6">
        <v>8364.2630000000008</v>
      </c>
    </row>
    <row r="29296" spans="4:5" x14ac:dyDescent="0.25">
      <c r="D29296" s="6">
        <v>1213.46</v>
      </c>
      <c r="E29296" s="6">
        <v>702.24080000000004</v>
      </c>
    </row>
    <row r="29297" spans="4:5" x14ac:dyDescent="0.25">
      <c r="D29297" s="6">
        <v>900.81560000000002</v>
      </c>
      <c r="E29297" s="6">
        <v>1922.211</v>
      </c>
    </row>
    <row r="29298" spans="4:5" x14ac:dyDescent="0.25">
      <c r="D29298" s="6">
        <v>1022.914</v>
      </c>
      <c r="E29298" s="6">
        <v>3030.3679999999999</v>
      </c>
    </row>
    <row r="29299" spans="4:5" x14ac:dyDescent="0.25">
      <c r="D29299" s="6">
        <v>1201.2829999999999</v>
      </c>
      <c r="E29299" s="6">
        <v>10848.61</v>
      </c>
    </row>
    <row r="29300" spans="4:5" x14ac:dyDescent="0.25">
      <c r="D29300" s="6">
        <v>1722.614</v>
      </c>
      <c r="E29300" s="6">
        <v>682.80409999999995</v>
      </c>
    </row>
    <row r="29301" spans="4:5" x14ac:dyDescent="0.25">
      <c r="D29301" s="6">
        <v>971.83550000000002</v>
      </c>
      <c r="E29301" s="6">
        <v>343.77780000000001</v>
      </c>
    </row>
    <row r="29302" spans="4:5" x14ac:dyDescent="0.25">
      <c r="D29302" s="6">
        <v>555.57629999999995</v>
      </c>
      <c r="E29302" s="6">
        <v>1005.02</v>
      </c>
    </row>
    <row r="29303" spans="4:5" x14ac:dyDescent="0.25">
      <c r="D29303" s="6">
        <v>593.26139999999998</v>
      </c>
      <c r="E29303" s="6">
        <v>427.78719999999998</v>
      </c>
    </row>
    <row r="29304" spans="4:5" x14ac:dyDescent="0.25">
      <c r="D29304" s="6">
        <v>1906.8689999999999</v>
      </c>
      <c r="E29304" s="6">
        <v>7963.1319999999996</v>
      </c>
    </row>
    <row r="29305" spans="4:5" x14ac:dyDescent="0.25">
      <c r="D29305" s="6">
        <v>781.51700000000005</v>
      </c>
      <c r="E29305" s="6">
        <v>993.99890000000005</v>
      </c>
    </row>
    <row r="29306" spans="4:5" x14ac:dyDescent="0.25">
      <c r="D29306" s="6">
        <v>1595.242</v>
      </c>
      <c r="E29306" s="6">
        <v>505.2</v>
      </c>
    </row>
    <row r="29307" spans="4:5" x14ac:dyDescent="0.25">
      <c r="D29307" s="6">
        <v>801.77629999999999</v>
      </c>
      <c r="E29307" s="6">
        <v>1843.5</v>
      </c>
    </row>
    <row r="29308" spans="4:5" x14ac:dyDescent="0.25">
      <c r="D29308" s="6">
        <v>1389.5340000000001</v>
      </c>
      <c r="E29308" s="6">
        <v>3108.1280000000002</v>
      </c>
    </row>
    <row r="29309" spans="4:5" x14ac:dyDescent="0.25">
      <c r="D29309" s="6">
        <v>1141.2190000000001</v>
      </c>
      <c r="E29309" s="6">
        <v>2497.8180000000002</v>
      </c>
    </row>
    <row r="29310" spans="4:5" x14ac:dyDescent="0.25">
      <c r="D29310" s="6">
        <v>2103.1590000000001</v>
      </c>
      <c r="E29310" s="6">
        <v>894.16880000000003</v>
      </c>
    </row>
    <row r="29311" spans="4:5" x14ac:dyDescent="0.25">
      <c r="D29311" s="6">
        <v>1075.761</v>
      </c>
      <c r="E29311" s="6">
        <v>801.24749999999995</v>
      </c>
    </row>
    <row r="29312" spans="4:5" x14ac:dyDescent="0.25">
      <c r="D29312" s="6">
        <v>1415.135</v>
      </c>
      <c r="E29312" s="6">
        <v>526.48450000000003</v>
      </c>
    </row>
    <row r="29313" spans="4:5" x14ac:dyDescent="0.25">
      <c r="D29313" s="6">
        <v>641.4819</v>
      </c>
      <c r="E29313" s="6">
        <v>4967.6310000000003</v>
      </c>
    </row>
    <row r="29314" spans="4:5" x14ac:dyDescent="0.25">
      <c r="D29314" s="6">
        <v>1006.587</v>
      </c>
      <c r="E29314" s="6">
        <v>6460</v>
      </c>
    </row>
    <row r="29315" spans="4:5" x14ac:dyDescent="0.25">
      <c r="D29315" s="6">
        <v>890.05280000000005</v>
      </c>
      <c r="E29315" s="6">
        <v>6652.6959999999999</v>
      </c>
    </row>
    <row r="29316" spans="4:5" x14ac:dyDescent="0.25">
      <c r="D29316" s="6">
        <v>399.8947</v>
      </c>
      <c r="E29316" s="6">
        <v>146.3681</v>
      </c>
    </row>
    <row r="29317" spans="4:5" x14ac:dyDescent="0.25">
      <c r="D29317" s="6">
        <v>500.31290000000001</v>
      </c>
      <c r="E29317" s="6">
        <v>1445.3119999999999</v>
      </c>
    </row>
    <row r="29318" spans="4:5" x14ac:dyDescent="0.25">
      <c r="D29318" s="6">
        <v>806.99649999999997</v>
      </c>
      <c r="E29318" s="6">
        <v>1502.596</v>
      </c>
    </row>
    <row r="29319" spans="4:5" x14ac:dyDescent="0.25">
      <c r="D29319" s="6">
        <v>843.70150000000001</v>
      </c>
      <c r="E29319" s="6">
        <v>7046.6</v>
      </c>
    </row>
    <row r="29320" spans="4:5" x14ac:dyDescent="0.25">
      <c r="D29320" s="6">
        <v>2643.3649999999998</v>
      </c>
      <c r="E29320" s="6">
        <v>1172.6110000000001</v>
      </c>
    </row>
    <row r="29321" spans="4:5" x14ac:dyDescent="0.25">
      <c r="D29321" s="6">
        <v>760.56500000000005</v>
      </c>
      <c r="E29321" s="6">
        <v>5396.433</v>
      </c>
    </row>
    <row r="29322" spans="4:5" x14ac:dyDescent="0.25">
      <c r="D29322" s="6">
        <v>1094.2260000000001</v>
      </c>
      <c r="E29322" s="6">
        <v>5855.7659999999996</v>
      </c>
    </row>
    <row r="29323" spans="4:5" x14ac:dyDescent="0.25">
      <c r="D29323" s="6">
        <v>3502.37</v>
      </c>
      <c r="E29323" s="6">
        <v>6770.2</v>
      </c>
    </row>
    <row r="29324" spans="4:5" x14ac:dyDescent="0.25">
      <c r="D29324" s="6">
        <v>626.22220000000004</v>
      </c>
      <c r="E29324" s="6">
        <v>8010.759</v>
      </c>
    </row>
    <row r="29325" spans="4:5" x14ac:dyDescent="0.25">
      <c r="D29325" s="6">
        <v>6113</v>
      </c>
      <c r="E29325" s="6">
        <v>670.67229999999995</v>
      </c>
    </row>
    <row r="29326" spans="4:5" x14ac:dyDescent="0.25">
      <c r="D29326" s="6">
        <v>792.40409999999997</v>
      </c>
      <c r="E29326" s="6">
        <v>4710.32</v>
      </c>
    </row>
    <row r="29327" spans="4:5" x14ac:dyDescent="0.25">
      <c r="D29327" s="6">
        <v>496.62529999999998</v>
      </c>
      <c r="E29327" s="6">
        <v>9600.902</v>
      </c>
    </row>
    <row r="29328" spans="4:5" x14ac:dyDescent="0.25">
      <c r="D29328" s="6">
        <v>1154.7090000000001</v>
      </c>
      <c r="E29328" s="6">
        <v>644.66210000000001</v>
      </c>
    </row>
    <row r="29329" spans="4:5" x14ac:dyDescent="0.25">
      <c r="D29329" s="6">
        <v>1105.097</v>
      </c>
      <c r="E29329" s="6">
        <v>3739.8220000000001</v>
      </c>
    </row>
    <row r="29330" spans="4:5" x14ac:dyDescent="0.25">
      <c r="D29330" s="6">
        <v>565.59299999999996</v>
      </c>
      <c r="E29330" s="6">
        <v>9112.2379999999994</v>
      </c>
    </row>
    <row r="29331" spans="4:5" x14ac:dyDescent="0.25">
      <c r="D29331" s="6">
        <v>4291.87</v>
      </c>
      <c r="E29331" s="6">
        <v>5073.8990000000003</v>
      </c>
    </row>
    <row r="29332" spans="4:5" x14ac:dyDescent="0.25">
      <c r="D29332" s="6">
        <v>847.37099999999998</v>
      </c>
      <c r="E29332" s="6">
        <v>2776.4160000000002</v>
      </c>
    </row>
    <row r="29333" spans="4:5" x14ac:dyDescent="0.25">
      <c r="D29333" s="6">
        <v>645.89089999999999</v>
      </c>
      <c r="E29333" s="6">
        <v>2429.5259999999998</v>
      </c>
    </row>
    <row r="29334" spans="4:5" x14ac:dyDescent="0.25">
      <c r="D29334" s="6">
        <v>1161.0050000000001</v>
      </c>
      <c r="E29334" s="6">
        <v>2662.7269999999999</v>
      </c>
    </row>
    <row r="29335" spans="4:5" x14ac:dyDescent="0.25">
      <c r="D29335" s="6">
        <v>1233.4590000000001</v>
      </c>
      <c r="E29335" s="6">
        <v>3678.2109999999998</v>
      </c>
    </row>
    <row r="29336" spans="4:5" x14ac:dyDescent="0.25">
      <c r="D29336" s="6">
        <v>1051.5050000000001</v>
      </c>
      <c r="E29336" s="6">
        <v>3814.1179999999999</v>
      </c>
    </row>
    <row r="29337" spans="4:5" x14ac:dyDescent="0.25">
      <c r="D29337" s="6">
        <v>1037.4590000000001</v>
      </c>
      <c r="E29337" s="6">
        <v>6637.7340000000004</v>
      </c>
    </row>
    <row r="29338" spans="4:5" x14ac:dyDescent="0.25">
      <c r="D29338" s="6">
        <v>2523.4279999999999</v>
      </c>
      <c r="E29338" s="6">
        <v>514.83159999999998</v>
      </c>
    </row>
    <row r="29339" spans="4:5" x14ac:dyDescent="0.25">
      <c r="D29339" s="6">
        <v>957.28560000000004</v>
      </c>
      <c r="E29339" s="6">
        <v>7215.3869999999997</v>
      </c>
    </row>
    <row r="29340" spans="4:5" x14ac:dyDescent="0.25">
      <c r="D29340" s="6">
        <v>689.16849999999999</v>
      </c>
      <c r="E29340" s="6">
        <v>1600</v>
      </c>
    </row>
    <row r="29341" spans="4:5" x14ac:dyDescent="0.25">
      <c r="D29341" s="6">
        <v>2699.5320000000002</v>
      </c>
      <c r="E29341" s="6">
        <v>2771.8890000000001</v>
      </c>
    </row>
    <row r="29342" spans="4:5" x14ac:dyDescent="0.25">
      <c r="D29342" s="6">
        <v>967.26819999999998</v>
      </c>
      <c r="E29342" s="6">
        <v>4100.933</v>
      </c>
    </row>
    <row r="29343" spans="4:5" x14ac:dyDescent="0.25">
      <c r="D29343" s="6">
        <v>1266.556</v>
      </c>
      <c r="E29343" s="6">
        <v>1654.7809999999999</v>
      </c>
    </row>
    <row r="29344" spans="4:5" x14ac:dyDescent="0.25">
      <c r="D29344" s="6">
        <v>1180.713</v>
      </c>
      <c r="E29344" s="6">
        <v>3009.944</v>
      </c>
    </row>
    <row r="29345" spans="4:5" x14ac:dyDescent="0.25">
      <c r="D29345" s="6">
        <v>1032.49</v>
      </c>
      <c r="E29345" s="6">
        <v>9218.9369999999999</v>
      </c>
    </row>
    <row r="29346" spans="4:5" x14ac:dyDescent="0.25">
      <c r="D29346" s="6">
        <v>712.63599999999997</v>
      </c>
      <c r="E29346" s="6">
        <v>1196.6669999999999</v>
      </c>
    </row>
    <row r="29347" spans="4:5" x14ac:dyDescent="0.25">
      <c r="D29347" s="6">
        <v>198.0172</v>
      </c>
      <c r="E29347" s="6">
        <v>1106.2080000000001</v>
      </c>
    </row>
    <row r="29348" spans="4:5" x14ac:dyDescent="0.25">
      <c r="D29348" s="6">
        <v>11211.85</v>
      </c>
      <c r="E29348" s="6">
        <v>8692.5370000000003</v>
      </c>
    </row>
    <row r="29349" spans="4:5" x14ac:dyDescent="0.25">
      <c r="D29349" s="6">
        <v>1034.713</v>
      </c>
      <c r="E29349" s="6">
        <v>2198.2629999999999</v>
      </c>
    </row>
    <row r="29350" spans="4:5" x14ac:dyDescent="0.25">
      <c r="D29350" s="6">
        <v>617.5829</v>
      </c>
      <c r="E29350" s="6">
        <v>6738.6270000000004</v>
      </c>
    </row>
    <row r="29351" spans="4:5" x14ac:dyDescent="0.25">
      <c r="D29351" s="6">
        <v>253.3288</v>
      </c>
      <c r="E29351" s="6">
        <v>3741.5630000000001</v>
      </c>
    </row>
    <row r="29352" spans="4:5" x14ac:dyDescent="0.25">
      <c r="D29352" s="6">
        <v>867.71669999999995</v>
      </c>
      <c r="E29352" s="6">
        <v>3205.6959999999999</v>
      </c>
    </row>
    <row r="29353" spans="4:5" x14ac:dyDescent="0.25">
      <c r="D29353" s="6">
        <v>1911.462</v>
      </c>
      <c r="E29353" s="6">
        <v>10625.02</v>
      </c>
    </row>
    <row r="29354" spans="4:5" x14ac:dyDescent="0.25">
      <c r="D29354" s="6">
        <v>1158.3589999999999</v>
      </c>
      <c r="E29354" s="6">
        <v>8529.7559999999994</v>
      </c>
    </row>
    <row r="29355" spans="4:5" x14ac:dyDescent="0.25">
      <c r="D29355" s="6">
        <v>1236.02</v>
      </c>
      <c r="E29355" s="6">
        <v>6428.8220000000001</v>
      </c>
    </row>
    <row r="29356" spans="4:5" x14ac:dyDescent="0.25">
      <c r="D29356" s="6">
        <v>1536.6220000000001</v>
      </c>
      <c r="E29356" s="6">
        <v>1043.002</v>
      </c>
    </row>
    <row r="29357" spans="4:5" x14ac:dyDescent="0.25">
      <c r="D29357" s="6">
        <v>643.06899999999996</v>
      </c>
      <c r="E29357" s="6">
        <v>8435.0589999999993</v>
      </c>
    </row>
    <row r="29358" spans="4:5" x14ac:dyDescent="0.25">
      <c r="D29358" s="6">
        <v>1628.3679999999999</v>
      </c>
      <c r="E29358" s="6">
        <v>1226.0160000000001</v>
      </c>
    </row>
    <row r="29359" spans="4:5" x14ac:dyDescent="0.25">
      <c r="D29359" s="6">
        <v>2894.22</v>
      </c>
      <c r="E29359" s="6">
        <v>5713.2110000000002</v>
      </c>
    </row>
    <row r="29360" spans="4:5" x14ac:dyDescent="0.25">
      <c r="D29360" s="6">
        <v>1675.192</v>
      </c>
      <c r="E29360" s="6">
        <v>473.25310000000002</v>
      </c>
    </row>
    <row r="29361" spans="4:5" x14ac:dyDescent="0.25">
      <c r="D29361" s="6">
        <v>1034.184</v>
      </c>
      <c r="E29361" s="6">
        <v>1334.248</v>
      </c>
    </row>
    <row r="29362" spans="4:5" x14ac:dyDescent="0.25">
      <c r="D29362" s="6">
        <v>1344.527</v>
      </c>
      <c r="E29362" s="6">
        <v>287.87549999999999</v>
      </c>
    </row>
    <row r="29363" spans="4:5" x14ac:dyDescent="0.25">
      <c r="D29363" s="6">
        <v>1304.749</v>
      </c>
      <c r="E29363" s="6">
        <v>2409.5450000000001</v>
      </c>
    </row>
    <row r="29364" spans="4:5" x14ac:dyDescent="0.25">
      <c r="D29364" s="6">
        <v>651.15409999999997</v>
      </c>
      <c r="E29364" s="6">
        <v>669.61810000000003</v>
      </c>
    </row>
    <row r="29365" spans="4:5" x14ac:dyDescent="0.25">
      <c r="D29365" s="6">
        <v>4306.6210000000001</v>
      </c>
      <c r="E29365" s="6">
        <v>1299.932</v>
      </c>
    </row>
    <row r="29366" spans="4:5" x14ac:dyDescent="0.25">
      <c r="D29366" s="6">
        <v>552.86800000000005</v>
      </c>
      <c r="E29366" s="6">
        <v>991.71320000000003</v>
      </c>
    </row>
    <row r="29367" spans="4:5" x14ac:dyDescent="0.25">
      <c r="D29367" s="6">
        <v>6680.7380000000003</v>
      </c>
      <c r="E29367" s="6">
        <v>495.46429999999998</v>
      </c>
    </row>
    <row r="29368" spans="4:5" x14ac:dyDescent="0.25">
      <c r="D29368" s="6">
        <v>1055.749</v>
      </c>
      <c r="E29368" s="6">
        <v>1206.875</v>
      </c>
    </row>
    <row r="29369" spans="4:5" x14ac:dyDescent="0.25">
      <c r="D29369" s="6">
        <v>1396.076</v>
      </c>
      <c r="E29369" s="6">
        <v>448.84030000000001</v>
      </c>
    </row>
    <row r="29370" spans="4:5" x14ac:dyDescent="0.25">
      <c r="D29370" s="6">
        <v>880.35670000000005</v>
      </c>
      <c r="E29370" s="6">
        <v>5101.6229999999996</v>
      </c>
    </row>
    <row r="29371" spans="4:5" x14ac:dyDescent="0.25">
      <c r="D29371" s="6">
        <v>1036.6099999999999</v>
      </c>
      <c r="E29371" s="6">
        <v>5877.8</v>
      </c>
    </row>
    <row r="29372" spans="4:5" x14ac:dyDescent="0.25">
      <c r="D29372" s="6">
        <v>733.23389999999995</v>
      </c>
      <c r="E29372" s="6">
        <v>4497.5349999999999</v>
      </c>
    </row>
    <row r="29373" spans="4:5" x14ac:dyDescent="0.25">
      <c r="D29373" s="6">
        <v>1406.4570000000001</v>
      </c>
      <c r="E29373" s="6">
        <v>2440.107</v>
      </c>
    </row>
    <row r="29374" spans="4:5" x14ac:dyDescent="0.25">
      <c r="D29374" s="6">
        <v>2115.6930000000002</v>
      </c>
      <c r="E29374" s="6">
        <v>1105.798</v>
      </c>
    </row>
    <row r="29375" spans="4:5" x14ac:dyDescent="0.25">
      <c r="D29375" s="6">
        <v>1906.934</v>
      </c>
      <c r="E29375" s="6">
        <v>1342.1569999999999</v>
      </c>
    </row>
    <row r="29376" spans="4:5" x14ac:dyDescent="0.25">
      <c r="D29376" s="6">
        <v>1235.7619999999999</v>
      </c>
      <c r="E29376" s="6">
        <v>584.99689999999998</v>
      </c>
    </row>
    <row r="29377" spans="4:5" x14ac:dyDescent="0.25">
      <c r="D29377" s="6">
        <v>943.56870000000004</v>
      </c>
      <c r="E29377" s="6">
        <v>4323.393</v>
      </c>
    </row>
    <row r="29378" spans="4:5" x14ac:dyDescent="0.25">
      <c r="D29378" s="6">
        <v>805.56129999999996</v>
      </c>
      <c r="E29378" s="6">
        <v>584.375</v>
      </c>
    </row>
    <row r="29379" spans="4:5" x14ac:dyDescent="0.25">
      <c r="D29379" s="6">
        <v>5294.701</v>
      </c>
      <c r="E29379" s="6">
        <v>395.94619999999998</v>
      </c>
    </row>
    <row r="29380" spans="4:5" x14ac:dyDescent="0.25">
      <c r="D29380" s="6">
        <v>1660.3510000000001</v>
      </c>
      <c r="E29380" s="6">
        <v>557.70830000000001</v>
      </c>
    </row>
    <row r="29381" spans="4:5" x14ac:dyDescent="0.25">
      <c r="D29381" s="6">
        <v>687.60670000000005</v>
      </c>
      <c r="E29381" s="6">
        <v>1149.0540000000001</v>
      </c>
    </row>
    <row r="29382" spans="4:5" x14ac:dyDescent="0.25">
      <c r="D29382" s="6">
        <v>1054.201</v>
      </c>
      <c r="E29382" s="6">
        <v>678.81910000000005</v>
      </c>
    </row>
    <row r="29383" spans="4:5" x14ac:dyDescent="0.25">
      <c r="D29383" s="6">
        <v>2520.5630000000001</v>
      </c>
      <c r="E29383" s="6">
        <v>448.53399999999999</v>
      </c>
    </row>
    <row r="29384" spans="4:5" x14ac:dyDescent="0.25">
      <c r="D29384" s="6">
        <v>1133.028</v>
      </c>
      <c r="E29384" s="6">
        <v>3119.797</v>
      </c>
    </row>
    <row r="29385" spans="4:5" x14ac:dyDescent="0.25">
      <c r="D29385" s="6">
        <v>513.43600000000004</v>
      </c>
      <c r="E29385" s="6">
        <v>6514.2020000000002</v>
      </c>
    </row>
    <row r="29386" spans="4:5" x14ac:dyDescent="0.25">
      <c r="D29386" s="6">
        <v>876.71669999999995</v>
      </c>
      <c r="E29386" s="6">
        <v>8187.3530000000001</v>
      </c>
    </row>
    <row r="29387" spans="4:5" x14ac:dyDescent="0.25">
      <c r="D29387" s="6">
        <v>2239.1329999999998</v>
      </c>
      <c r="E29387" s="6">
        <v>479.5</v>
      </c>
    </row>
    <row r="29388" spans="4:5" x14ac:dyDescent="0.25">
      <c r="D29388" s="6">
        <v>1027.5540000000001</v>
      </c>
      <c r="E29388" s="6">
        <v>842.15970000000004</v>
      </c>
    </row>
    <row r="29389" spans="4:5" x14ac:dyDescent="0.25">
      <c r="D29389" s="6">
        <v>437.48239999999998</v>
      </c>
      <c r="E29389" s="6">
        <v>1589.6210000000001</v>
      </c>
    </row>
    <row r="29390" spans="4:5" x14ac:dyDescent="0.25">
      <c r="D29390" s="6">
        <v>1055.7760000000001</v>
      </c>
      <c r="E29390" s="6">
        <v>5503.79</v>
      </c>
    </row>
    <row r="29391" spans="4:5" x14ac:dyDescent="0.25">
      <c r="D29391" s="6">
        <v>1096.9849999999999</v>
      </c>
      <c r="E29391" s="6">
        <v>2710.9189999999999</v>
      </c>
    </row>
    <row r="29392" spans="4:5" x14ac:dyDescent="0.25">
      <c r="D29392" s="6">
        <v>390.375</v>
      </c>
      <c r="E29392" s="6">
        <v>503.83100000000002</v>
      </c>
    </row>
    <row r="29393" spans="4:5" x14ac:dyDescent="0.25">
      <c r="D29393" s="6">
        <v>10495.17</v>
      </c>
      <c r="E29393" s="6">
        <v>641.80029999999999</v>
      </c>
    </row>
    <row r="29394" spans="4:5" x14ac:dyDescent="0.25">
      <c r="D29394" s="6">
        <v>4627.6149999999998</v>
      </c>
      <c r="E29394" s="6">
        <v>478.28570000000002</v>
      </c>
    </row>
    <row r="29395" spans="4:5" x14ac:dyDescent="0.25">
      <c r="D29395" s="6">
        <v>1401.7919999999999</v>
      </c>
      <c r="E29395" s="6">
        <v>4906.2359999999999</v>
      </c>
    </row>
    <row r="29396" spans="4:5" x14ac:dyDescent="0.25">
      <c r="D29396" s="6">
        <v>1399.0150000000001</v>
      </c>
      <c r="E29396" s="6">
        <v>808.48789999999997</v>
      </c>
    </row>
    <row r="29397" spans="4:5" x14ac:dyDescent="0.25">
      <c r="D29397" s="6">
        <v>1082.6479999999999</v>
      </c>
      <c r="E29397" s="6">
        <v>311.82760000000002</v>
      </c>
    </row>
    <row r="29398" spans="4:5" x14ac:dyDescent="0.25">
      <c r="D29398" s="6">
        <v>975.24450000000002</v>
      </c>
      <c r="E29398" s="6">
        <v>167.28569999999999</v>
      </c>
    </row>
    <row r="29399" spans="4:5" x14ac:dyDescent="0.25">
      <c r="D29399" s="6">
        <v>2894.3589999999999</v>
      </c>
      <c r="E29399" s="6">
        <v>5985.183</v>
      </c>
    </row>
    <row r="29400" spans="4:5" x14ac:dyDescent="0.25">
      <c r="D29400" s="6">
        <v>827.30290000000002</v>
      </c>
      <c r="E29400" s="6">
        <v>8048.5450000000001</v>
      </c>
    </row>
    <row r="29401" spans="4:5" x14ac:dyDescent="0.25">
      <c r="D29401" s="6">
        <v>1247.896</v>
      </c>
      <c r="E29401" s="6">
        <v>591.24810000000002</v>
      </c>
    </row>
    <row r="29402" spans="4:5" x14ac:dyDescent="0.25">
      <c r="D29402" s="6">
        <v>1381.31</v>
      </c>
      <c r="E29402" s="6">
        <v>9839.8970000000008</v>
      </c>
    </row>
    <row r="29403" spans="4:5" x14ac:dyDescent="0.25">
      <c r="D29403" s="6">
        <v>1366.489</v>
      </c>
      <c r="E29403" s="6">
        <v>6205.951</v>
      </c>
    </row>
    <row r="29404" spans="4:5" x14ac:dyDescent="0.25">
      <c r="D29404" s="6">
        <v>751.70069999999998</v>
      </c>
      <c r="E29404" s="6">
        <v>187.9187</v>
      </c>
    </row>
    <row r="29405" spans="4:5" x14ac:dyDescent="0.25">
      <c r="D29405" s="6">
        <v>1543.8969999999999</v>
      </c>
      <c r="E29405" s="6">
        <v>1725.335</v>
      </c>
    </row>
    <row r="29406" spans="4:5" x14ac:dyDescent="0.25">
      <c r="D29406" s="6">
        <v>636.05830000000003</v>
      </c>
      <c r="E29406" s="6">
        <v>777.09429999999998</v>
      </c>
    </row>
    <row r="29407" spans="4:5" x14ac:dyDescent="0.25">
      <c r="D29407" s="6">
        <v>191.79169999999999</v>
      </c>
      <c r="E29407" s="6">
        <v>189.8955</v>
      </c>
    </row>
    <row r="29408" spans="4:5" x14ac:dyDescent="0.25">
      <c r="D29408" s="6">
        <v>1203.9870000000001</v>
      </c>
      <c r="E29408" s="6">
        <v>6591.1980000000003</v>
      </c>
    </row>
    <row r="29409" spans="4:5" x14ac:dyDescent="0.25">
      <c r="D29409" s="6">
        <v>1182.0309999999999</v>
      </c>
      <c r="E29409" s="6">
        <v>890.34690000000001</v>
      </c>
    </row>
    <row r="29410" spans="4:5" x14ac:dyDescent="0.25">
      <c r="D29410" s="6">
        <v>6965.0280000000002</v>
      </c>
      <c r="E29410" s="6">
        <v>4213.8</v>
      </c>
    </row>
    <row r="29411" spans="4:5" x14ac:dyDescent="0.25">
      <c r="D29411" s="6">
        <v>995.98940000000005</v>
      </c>
      <c r="E29411" s="6">
        <v>2175</v>
      </c>
    </row>
    <row r="29412" spans="4:5" x14ac:dyDescent="0.25">
      <c r="D29412" s="6">
        <v>875.2518</v>
      </c>
      <c r="E29412" s="6">
        <v>4556</v>
      </c>
    </row>
    <row r="29413" spans="4:5" x14ac:dyDescent="0.25">
      <c r="D29413" s="6">
        <v>840.98720000000003</v>
      </c>
      <c r="E29413" s="6">
        <v>703.86369999999999</v>
      </c>
    </row>
    <row r="29414" spans="4:5" x14ac:dyDescent="0.25">
      <c r="D29414" s="6">
        <v>586.30319999999995</v>
      </c>
      <c r="E29414" s="6">
        <v>9228.9449999999997</v>
      </c>
    </row>
    <row r="29415" spans="4:5" x14ac:dyDescent="0.25">
      <c r="D29415" s="6">
        <v>1018.593</v>
      </c>
      <c r="E29415" s="6">
        <v>8200.7759999999998</v>
      </c>
    </row>
    <row r="29416" spans="4:5" x14ac:dyDescent="0.25">
      <c r="D29416" s="6">
        <v>723.21100000000001</v>
      </c>
      <c r="E29416" s="6">
        <v>7569.3140000000003</v>
      </c>
    </row>
    <row r="29417" spans="4:5" x14ac:dyDescent="0.25">
      <c r="D29417" s="6">
        <v>1209.739</v>
      </c>
      <c r="E29417" s="6">
        <v>487.79259999999999</v>
      </c>
    </row>
    <row r="29418" spans="4:5" x14ac:dyDescent="0.25">
      <c r="D29418" s="6">
        <v>1419.83</v>
      </c>
      <c r="E29418" s="6">
        <v>5285.6790000000001</v>
      </c>
    </row>
    <row r="29419" spans="4:5" x14ac:dyDescent="0.25">
      <c r="D29419" s="6">
        <v>1246.3579999999999</v>
      </c>
      <c r="E29419" s="6">
        <v>176.93950000000001</v>
      </c>
    </row>
    <row r="29420" spans="4:5" x14ac:dyDescent="0.25">
      <c r="D29420" s="6">
        <v>1187.2339999999999</v>
      </c>
      <c r="E29420" s="6">
        <v>501.98090000000002</v>
      </c>
    </row>
    <row r="29421" spans="4:5" x14ac:dyDescent="0.25">
      <c r="D29421" s="6">
        <v>1354.348</v>
      </c>
      <c r="E29421" s="6">
        <v>333.86700000000002</v>
      </c>
    </row>
    <row r="29422" spans="4:5" x14ac:dyDescent="0.25">
      <c r="D29422" s="6">
        <v>7444.0680000000002</v>
      </c>
      <c r="E29422" s="6">
        <v>859.51239999999996</v>
      </c>
    </row>
    <row r="29423" spans="4:5" x14ac:dyDescent="0.25">
      <c r="D29423" s="6">
        <v>987.84799999999996</v>
      </c>
      <c r="E29423" s="6">
        <v>872.30880000000002</v>
      </c>
    </row>
    <row r="29424" spans="4:5" x14ac:dyDescent="0.25">
      <c r="D29424" s="6">
        <v>883.50109999999995</v>
      </c>
      <c r="E29424" s="6">
        <v>427.4479</v>
      </c>
    </row>
    <row r="29425" spans="4:5" x14ac:dyDescent="0.25">
      <c r="D29425" s="6">
        <v>728.59050000000002</v>
      </c>
      <c r="E29425" s="6">
        <v>2121.8780000000002</v>
      </c>
    </row>
    <row r="29426" spans="4:5" x14ac:dyDescent="0.25">
      <c r="D29426" s="6">
        <v>699.59400000000005</v>
      </c>
      <c r="E29426" s="6">
        <v>1884.6859999999999</v>
      </c>
    </row>
    <row r="29427" spans="4:5" x14ac:dyDescent="0.25">
      <c r="D29427" s="6">
        <v>1063.489</v>
      </c>
      <c r="E29427" s="6">
        <v>549.85950000000003</v>
      </c>
    </row>
    <row r="29428" spans="4:5" x14ac:dyDescent="0.25">
      <c r="D29428" s="6">
        <v>191.6696</v>
      </c>
      <c r="E29428" s="6">
        <v>551.3587</v>
      </c>
    </row>
    <row r="29429" spans="4:5" x14ac:dyDescent="0.25">
      <c r="D29429" s="6">
        <v>781.80309999999997</v>
      </c>
      <c r="E29429" s="6">
        <v>577.02509999999995</v>
      </c>
    </row>
    <row r="29430" spans="4:5" x14ac:dyDescent="0.25">
      <c r="D29430" s="6">
        <v>1172.4269999999999</v>
      </c>
      <c r="E29430" s="6">
        <v>455.55560000000003</v>
      </c>
    </row>
    <row r="29431" spans="4:5" x14ac:dyDescent="0.25">
      <c r="D29431" s="6">
        <v>1131.318</v>
      </c>
      <c r="E29431" s="6">
        <v>6195.3540000000003</v>
      </c>
    </row>
    <row r="29432" spans="4:5" x14ac:dyDescent="0.25">
      <c r="D29432" s="6">
        <v>745.79859999999996</v>
      </c>
      <c r="E29432" s="6">
        <v>6164.8680000000004</v>
      </c>
    </row>
    <row r="29433" spans="4:5" x14ac:dyDescent="0.25">
      <c r="D29433" s="6">
        <v>910.05550000000005</v>
      </c>
      <c r="E29433" s="6">
        <v>631.05880000000002</v>
      </c>
    </row>
    <row r="29434" spans="4:5" x14ac:dyDescent="0.25">
      <c r="D29434" s="6">
        <v>977.49919999999997</v>
      </c>
      <c r="E29434" s="6">
        <v>8746</v>
      </c>
    </row>
    <row r="29435" spans="4:5" x14ac:dyDescent="0.25">
      <c r="D29435" s="6">
        <v>1065.2840000000001</v>
      </c>
      <c r="E29435" s="6">
        <v>5525.558</v>
      </c>
    </row>
    <row r="29436" spans="4:5" x14ac:dyDescent="0.25">
      <c r="D29436" s="6">
        <v>2180.2190000000001</v>
      </c>
      <c r="E29436" s="6">
        <v>3006.3150000000001</v>
      </c>
    </row>
    <row r="29437" spans="4:5" x14ac:dyDescent="0.25">
      <c r="D29437" s="6">
        <v>1311.5150000000001</v>
      </c>
      <c r="E29437" s="6">
        <v>396.12290000000002</v>
      </c>
    </row>
    <row r="29438" spans="4:5" x14ac:dyDescent="0.25">
      <c r="D29438" s="6">
        <v>826.18539999999996</v>
      </c>
      <c r="E29438" s="6">
        <v>2159.6990000000001</v>
      </c>
    </row>
    <row r="29439" spans="4:5" x14ac:dyDescent="0.25">
      <c r="D29439" s="6">
        <v>650.30960000000005</v>
      </c>
      <c r="E29439" s="6">
        <v>7783.1180000000004</v>
      </c>
    </row>
    <row r="29440" spans="4:5" x14ac:dyDescent="0.25">
      <c r="D29440" s="6">
        <v>679.11</v>
      </c>
      <c r="E29440" s="6">
        <v>549.34439999999995</v>
      </c>
    </row>
    <row r="29441" spans="4:5" x14ac:dyDescent="0.25">
      <c r="D29441" s="6">
        <v>8630.2630000000008</v>
      </c>
      <c r="E29441" s="6">
        <v>2102.4</v>
      </c>
    </row>
    <row r="29442" spans="4:5" x14ac:dyDescent="0.25">
      <c r="D29442" s="6">
        <v>687.25239999999997</v>
      </c>
      <c r="E29442" s="6">
        <v>8217.8719999999994</v>
      </c>
    </row>
    <row r="29443" spans="4:5" x14ac:dyDescent="0.25">
      <c r="D29443" s="6">
        <v>881.46510000000001</v>
      </c>
      <c r="E29443" s="6">
        <v>1913.248</v>
      </c>
    </row>
    <row r="29444" spans="4:5" x14ac:dyDescent="0.25">
      <c r="D29444" s="6">
        <v>727.90700000000004</v>
      </c>
      <c r="E29444" s="6">
        <v>426.00150000000002</v>
      </c>
    </row>
    <row r="29445" spans="4:5" x14ac:dyDescent="0.25">
      <c r="D29445" s="6">
        <v>1289.693</v>
      </c>
      <c r="E29445" s="6">
        <v>892.16849999999999</v>
      </c>
    </row>
    <row r="29446" spans="4:5" x14ac:dyDescent="0.25">
      <c r="D29446" s="6">
        <v>1215.009</v>
      </c>
      <c r="E29446" s="6">
        <v>5360.2259999999997</v>
      </c>
    </row>
    <row r="29447" spans="4:5" x14ac:dyDescent="0.25">
      <c r="D29447" s="6">
        <v>960.77790000000005</v>
      </c>
      <c r="E29447" s="6">
        <v>581.99900000000002</v>
      </c>
    </row>
    <row r="29448" spans="4:5" x14ac:dyDescent="0.25">
      <c r="D29448" s="6">
        <v>1173.2909999999999</v>
      </c>
      <c r="E29448" s="6">
        <v>2902.2040000000002</v>
      </c>
    </row>
    <row r="29449" spans="4:5" x14ac:dyDescent="0.25">
      <c r="D29449" s="6">
        <v>1292.856</v>
      </c>
      <c r="E29449" s="6">
        <v>403.56310000000002</v>
      </c>
    </row>
    <row r="29450" spans="4:5" x14ac:dyDescent="0.25">
      <c r="D29450" s="6">
        <v>8499.0020000000004</v>
      </c>
      <c r="E29450" s="6">
        <v>10916.67</v>
      </c>
    </row>
    <row r="29451" spans="4:5" x14ac:dyDescent="0.25">
      <c r="D29451" s="6">
        <v>706.96529999999996</v>
      </c>
      <c r="E29451" s="6">
        <v>136.12739999999999</v>
      </c>
    </row>
    <row r="29452" spans="4:5" x14ac:dyDescent="0.25">
      <c r="D29452" s="6">
        <v>1200.4480000000001</v>
      </c>
      <c r="E29452" s="6">
        <v>719.46969999999999</v>
      </c>
    </row>
    <row r="29453" spans="4:5" x14ac:dyDescent="0.25">
      <c r="D29453" s="6">
        <v>1046.0429999999999</v>
      </c>
      <c r="E29453" s="6">
        <v>3879.3420000000001</v>
      </c>
    </row>
    <row r="29454" spans="4:5" x14ac:dyDescent="0.25">
      <c r="D29454" s="6">
        <v>1050.8389999999999</v>
      </c>
      <c r="E29454" s="6">
        <v>380.6567</v>
      </c>
    </row>
    <row r="29455" spans="4:5" x14ac:dyDescent="0.25">
      <c r="D29455" s="6">
        <v>861.29190000000006</v>
      </c>
      <c r="E29455" s="6">
        <v>927.39499999999998</v>
      </c>
    </row>
    <row r="29456" spans="4:5" x14ac:dyDescent="0.25">
      <c r="D29456" s="6">
        <v>3553.145</v>
      </c>
      <c r="E29456" s="6">
        <v>6695.2860000000001</v>
      </c>
    </row>
    <row r="29457" spans="4:5" x14ac:dyDescent="0.25">
      <c r="D29457" s="6">
        <v>956.37390000000005</v>
      </c>
      <c r="E29457" s="6">
        <v>7807.4</v>
      </c>
    </row>
    <row r="29458" spans="4:5" x14ac:dyDescent="0.25">
      <c r="D29458" s="6">
        <v>1521.5509999999999</v>
      </c>
      <c r="E29458" s="6">
        <v>5390.9</v>
      </c>
    </row>
    <row r="29459" spans="4:5" x14ac:dyDescent="0.25">
      <c r="D29459" s="6">
        <v>1100.173</v>
      </c>
      <c r="E29459" s="6">
        <v>5268.6679999999997</v>
      </c>
    </row>
    <row r="29460" spans="4:5" x14ac:dyDescent="0.25">
      <c r="D29460" s="6">
        <v>978.76490000000001</v>
      </c>
      <c r="E29460" s="6">
        <v>743.45280000000002</v>
      </c>
    </row>
    <row r="29461" spans="4:5" x14ac:dyDescent="0.25">
      <c r="D29461" s="6">
        <v>1226.3820000000001</v>
      </c>
      <c r="E29461" s="6">
        <v>915.30430000000001</v>
      </c>
    </row>
    <row r="29462" spans="4:5" x14ac:dyDescent="0.25">
      <c r="D29462" s="6">
        <v>911.21450000000004</v>
      </c>
      <c r="E29462" s="6">
        <v>3753.8809999999999</v>
      </c>
    </row>
    <row r="29463" spans="4:5" x14ac:dyDescent="0.25">
      <c r="D29463" s="6">
        <v>623.15409999999997</v>
      </c>
      <c r="E29463" s="6">
        <v>1012.819</v>
      </c>
    </row>
    <row r="29464" spans="4:5" x14ac:dyDescent="0.25">
      <c r="D29464" s="6">
        <v>1055.5550000000001</v>
      </c>
      <c r="E29464" s="6">
        <v>9477.1740000000009</v>
      </c>
    </row>
    <row r="29465" spans="4:5" x14ac:dyDescent="0.25">
      <c r="D29465" s="6">
        <v>691.27700000000004</v>
      </c>
      <c r="E29465" s="6">
        <v>8500.5810000000001</v>
      </c>
    </row>
    <row r="29466" spans="4:5" x14ac:dyDescent="0.25">
      <c r="D29466" s="6">
        <v>679.59169999999995</v>
      </c>
      <c r="E29466" s="6">
        <v>6007.0739999999996</v>
      </c>
    </row>
    <row r="29467" spans="4:5" x14ac:dyDescent="0.25">
      <c r="D29467" s="6">
        <v>1500.5650000000001</v>
      </c>
      <c r="E29467" s="6">
        <v>7086.5230000000001</v>
      </c>
    </row>
    <row r="29468" spans="4:5" x14ac:dyDescent="0.25">
      <c r="D29468" s="6">
        <v>1271.713</v>
      </c>
      <c r="E29468" s="6">
        <v>462.92239999999998</v>
      </c>
    </row>
    <row r="29469" spans="4:5" x14ac:dyDescent="0.25">
      <c r="D29469" s="6">
        <v>4122.9859999999999</v>
      </c>
      <c r="E29469" s="6">
        <v>1134.25</v>
      </c>
    </row>
    <row r="29470" spans="4:5" x14ac:dyDescent="0.25">
      <c r="D29470" s="6">
        <v>1429.347</v>
      </c>
      <c r="E29470" s="6">
        <v>4634.1130000000003</v>
      </c>
    </row>
    <row r="29471" spans="4:5" x14ac:dyDescent="0.25">
      <c r="D29471" s="6">
        <v>880.35299999999995</v>
      </c>
      <c r="E29471" s="6">
        <v>4397.41</v>
      </c>
    </row>
    <row r="29472" spans="4:5" x14ac:dyDescent="0.25">
      <c r="D29472" s="6">
        <v>2794.241</v>
      </c>
      <c r="E29472" s="6">
        <v>5585.3879999999999</v>
      </c>
    </row>
    <row r="29473" spans="4:5" x14ac:dyDescent="0.25">
      <c r="D29473" s="6">
        <v>1348.9380000000001</v>
      </c>
      <c r="E29473" s="6">
        <v>1460.4639999999999</v>
      </c>
    </row>
    <row r="29474" spans="4:5" x14ac:dyDescent="0.25">
      <c r="D29474" s="6">
        <v>462.72559999999999</v>
      </c>
      <c r="E29474" s="6">
        <v>5066.1909999999998</v>
      </c>
    </row>
    <row r="29475" spans="4:5" x14ac:dyDescent="0.25">
      <c r="D29475" s="6">
        <v>832.72479999999996</v>
      </c>
      <c r="E29475" s="6">
        <v>2049.4740000000002</v>
      </c>
    </row>
    <row r="29476" spans="4:5" x14ac:dyDescent="0.25">
      <c r="D29476" s="6">
        <v>1149.546</v>
      </c>
      <c r="E29476" s="6">
        <v>950.57640000000004</v>
      </c>
    </row>
    <row r="29477" spans="4:5" x14ac:dyDescent="0.25">
      <c r="D29477" s="6">
        <v>459.28429999999997</v>
      </c>
      <c r="E29477" s="6">
        <v>435.1816</v>
      </c>
    </row>
    <row r="29478" spans="4:5" x14ac:dyDescent="0.25">
      <c r="D29478" s="6">
        <v>539.87609999999995</v>
      </c>
      <c r="E29478" s="6">
        <v>457.47289999999998</v>
      </c>
    </row>
    <row r="29479" spans="4:5" x14ac:dyDescent="0.25">
      <c r="D29479" s="6">
        <v>760.46090000000004</v>
      </c>
      <c r="E29479" s="6">
        <v>897.45450000000005</v>
      </c>
    </row>
    <row r="29480" spans="4:5" x14ac:dyDescent="0.25">
      <c r="D29480" s="6">
        <v>982.04399999999998</v>
      </c>
      <c r="E29480" s="6">
        <v>489.21690000000001</v>
      </c>
    </row>
    <row r="29481" spans="4:5" x14ac:dyDescent="0.25">
      <c r="D29481" s="6">
        <v>1134.1600000000001</v>
      </c>
      <c r="E29481" s="6">
        <v>6697.8919999999998</v>
      </c>
    </row>
    <row r="29482" spans="4:5" x14ac:dyDescent="0.25">
      <c r="D29482" s="6">
        <v>1779.4970000000001</v>
      </c>
      <c r="E29482" s="6">
        <v>637.94529999999997</v>
      </c>
    </row>
    <row r="29483" spans="4:5" x14ac:dyDescent="0.25">
      <c r="D29483" s="6">
        <v>1219.8420000000001</v>
      </c>
      <c r="E29483" s="6">
        <v>6805.4380000000001</v>
      </c>
    </row>
    <row r="29484" spans="4:5" x14ac:dyDescent="0.25">
      <c r="D29484" s="6">
        <v>1100.923</v>
      </c>
      <c r="E29484" s="6">
        <v>4121.134</v>
      </c>
    </row>
    <row r="29485" spans="4:5" x14ac:dyDescent="0.25">
      <c r="D29485" s="6">
        <v>492.89170000000001</v>
      </c>
      <c r="E29485" s="6">
        <v>803.50699999999995</v>
      </c>
    </row>
    <row r="29486" spans="4:5" x14ac:dyDescent="0.25">
      <c r="D29486" s="6">
        <v>1056.1110000000001</v>
      </c>
      <c r="E29486" s="6">
        <v>1151.7139999999999</v>
      </c>
    </row>
    <row r="29487" spans="4:5" x14ac:dyDescent="0.25">
      <c r="D29487" s="6">
        <v>1082.1110000000001</v>
      </c>
      <c r="E29487" s="6">
        <v>10952.25</v>
      </c>
    </row>
    <row r="29488" spans="4:5" x14ac:dyDescent="0.25">
      <c r="D29488" s="6">
        <v>1277.6089999999999</v>
      </c>
      <c r="E29488" s="6">
        <v>519.33330000000001</v>
      </c>
    </row>
    <row r="29489" spans="4:5" x14ac:dyDescent="0.25">
      <c r="D29489" s="6">
        <v>795.61929999999995</v>
      </c>
      <c r="E29489" s="6">
        <v>643.6413</v>
      </c>
    </row>
    <row r="29490" spans="4:5" x14ac:dyDescent="0.25">
      <c r="D29490" s="6">
        <v>770.30909999999994</v>
      </c>
      <c r="E29490" s="6">
        <v>589.6739</v>
      </c>
    </row>
    <row r="29491" spans="4:5" x14ac:dyDescent="0.25">
      <c r="D29491" s="6">
        <v>1437.278</v>
      </c>
      <c r="E29491" s="6">
        <v>3170.2779999999998</v>
      </c>
    </row>
    <row r="29492" spans="4:5" x14ac:dyDescent="0.25">
      <c r="D29492" s="6">
        <v>726.8116</v>
      </c>
      <c r="E29492" s="6">
        <v>519.18719999999996</v>
      </c>
    </row>
    <row r="29493" spans="4:5" x14ac:dyDescent="0.25">
      <c r="D29493" s="6">
        <v>1374.114</v>
      </c>
      <c r="E29493" s="6">
        <v>290.31029999999998</v>
      </c>
    </row>
    <row r="29494" spans="4:5" x14ac:dyDescent="0.25">
      <c r="D29494" s="6">
        <v>799.64639999999997</v>
      </c>
      <c r="E29494" s="6">
        <v>3764.433</v>
      </c>
    </row>
    <row r="29495" spans="4:5" x14ac:dyDescent="0.25">
      <c r="D29495" s="6">
        <v>645.18899999999996</v>
      </c>
      <c r="E29495" s="6">
        <v>1290.5820000000001</v>
      </c>
    </row>
    <row r="29496" spans="4:5" x14ac:dyDescent="0.25">
      <c r="D29496" s="6">
        <v>624.58479999999997</v>
      </c>
      <c r="E29496" s="6">
        <v>4257.75</v>
      </c>
    </row>
    <row r="29497" spans="4:5" x14ac:dyDescent="0.25">
      <c r="D29497" s="6">
        <v>1168.0309999999999</v>
      </c>
      <c r="E29497" s="6">
        <v>7849.6670000000004</v>
      </c>
    </row>
    <row r="29498" spans="4:5" x14ac:dyDescent="0.25">
      <c r="D29498" s="6">
        <v>790.85509999999999</v>
      </c>
      <c r="E29498" s="6">
        <v>3657.3629999999998</v>
      </c>
    </row>
    <row r="29499" spans="4:5" x14ac:dyDescent="0.25">
      <c r="D29499" s="6">
        <v>832.35730000000001</v>
      </c>
      <c r="E29499" s="6">
        <v>7878.5159999999996</v>
      </c>
    </row>
    <row r="29500" spans="4:5" x14ac:dyDescent="0.25">
      <c r="D29500" s="6">
        <v>2722.7460000000001</v>
      </c>
      <c r="E29500" s="6">
        <v>391.02409999999998</v>
      </c>
    </row>
    <row r="29501" spans="4:5" x14ac:dyDescent="0.25">
      <c r="D29501" s="6">
        <v>925.25319999999999</v>
      </c>
      <c r="E29501" s="6">
        <v>600.62310000000002</v>
      </c>
    </row>
    <row r="29502" spans="4:5" x14ac:dyDescent="0.25">
      <c r="D29502" s="6">
        <v>898.77269999999999</v>
      </c>
      <c r="E29502" s="6">
        <v>832.64760000000001</v>
      </c>
    </row>
    <row r="29503" spans="4:5" x14ac:dyDescent="0.25">
      <c r="D29503" s="6">
        <v>1227.6759999999999</v>
      </c>
      <c r="E29503" s="6">
        <v>3501.386</v>
      </c>
    </row>
    <row r="29504" spans="4:5" x14ac:dyDescent="0.25">
      <c r="D29504" s="6">
        <v>1336.8879999999999</v>
      </c>
      <c r="E29504" s="6">
        <v>175.57159999999999</v>
      </c>
    </row>
    <row r="29505" spans="4:5" x14ac:dyDescent="0.25">
      <c r="D29505" s="6">
        <v>4292.0709999999999</v>
      </c>
      <c r="E29505" s="6">
        <v>2778.511</v>
      </c>
    </row>
    <row r="29506" spans="4:5" x14ac:dyDescent="0.25">
      <c r="D29506" s="6">
        <v>518.5</v>
      </c>
      <c r="E29506" s="6">
        <v>5135.0910000000003</v>
      </c>
    </row>
    <row r="29507" spans="4:5" x14ac:dyDescent="0.25">
      <c r="D29507" s="6">
        <v>1216.31</v>
      </c>
      <c r="E29507" s="6">
        <v>315.31540000000001</v>
      </c>
    </row>
    <row r="29508" spans="4:5" x14ac:dyDescent="0.25">
      <c r="D29508" s="6">
        <v>1482.828</v>
      </c>
      <c r="E29508" s="6">
        <v>190.94290000000001</v>
      </c>
    </row>
    <row r="29509" spans="4:5" x14ac:dyDescent="0.25">
      <c r="D29509" s="6">
        <v>551.33669999999995</v>
      </c>
      <c r="E29509" s="6">
        <v>182.09</v>
      </c>
    </row>
    <row r="29510" spans="4:5" x14ac:dyDescent="0.25">
      <c r="D29510" s="6">
        <v>1204.817</v>
      </c>
      <c r="E29510" s="6">
        <v>870.02279999999996</v>
      </c>
    </row>
    <row r="29511" spans="4:5" x14ac:dyDescent="0.25">
      <c r="D29511" s="6">
        <v>510.2</v>
      </c>
      <c r="E29511" s="6">
        <v>1781.713</v>
      </c>
    </row>
    <row r="29512" spans="4:5" x14ac:dyDescent="0.25">
      <c r="D29512" s="6">
        <v>1294.7650000000001</v>
      </c>
      <c r="E29512" s="6">
        <v>680.73630000000003</v>
      </c>
    </row>
    <row r="29513" spans="4:5" x14ac:dyDescent="0.25">
      <c r="D29513" s="6">
        <v>1288.348</v>
      </c>
      <c r="E29513" s="6">
        <v>2641.9870000000001</v>
      </c>
    </row>
    <row r="29514" spans="4:5" x14ac:dyDescent="0.25">
      <c r="D29514" s="6">
        <v>1455.43</v>
      </c>
      <c r="E29514" s="6">
        <v>783.88009999999997</v>
      </c>
    </row>
    <row r="29515" spans="4:5" x14ac:dyDescent="0.25">
      <c r="D29515" s="6">
        <v>470.5</v>
      </c>
      <c r="E29515" s="6">
        <v>684.62120000000004</v>
      </c>
    </row>
    <row r="29516" spans="4:5" x14ac:dyDescent="0.25">
      <c r="D29516" s="6">
        <v>899.82960000000003</v>
      </c>
      <c r="E29516" s="6">
        <v>599.38459999999998</v>
      </c>
    </row>
    <row r="29517" spans="4:5" x14ac:dyDescent="0.25">
      <c r="D29517" s="6">
        <v>1479.0219999999999</v>
      </c>
      <c r="E29517" s="6">
        <v>2408.511</v>
      </c>
    </row>
    <row r="29518" spans="4:5" x14ac:dyDescent="0.25">
      <c r="D29518" s="6">
        <v>575.81449999999995</v>
      </c>
      <c r="E29518" s="6">
        <v>2371.5549999999998</v>
      </c>
    </row>
    <row r="29519" spans="4:5" x14ac:dyDescent="0.25">
      <c r="D29519" s="6">
        <v>848.84590000000003</v>
      </c>
      <c r="E29519" s="6">
        <v>4021.5</v>
      </c>
    </row>
    <row r="29520" spans="4:5" x14ac:dyDescent="0.25">
      <c r="D29520" s="6">
        <v>668.75329999999997</v>
      </c>
      <c r="E29520" s="6">
        <v>975</v>
      </c>
    </row>
    <row r="29521" spans="4:5" x14ac:dyDescent="0.25">
      <c r="D29521" s="6">
        <v>1023.3150000000001</v>
      </c>
      <c r="E29521" s="6">
        <v>6532.4579999999996</v>
      </c>
    </row>
    <row r="29522" spans="4:5" x14ac:dyDescent="0.25">
      <c r="D29522" s="6">
        <v>1472.117</v>
      </c>
      <c r="E29522" s="6">
        <v>6048.1549999999997</v>
      </c>
    </row>
    <row r="29523" spans="4:5" x14ac:dyDescent="0.25">
      <c r="D29523" s="6">
        <v>492.11180000000002</v>
      </c>
      <c r="E29523" s="6">
        <v>1113.759</v>
      </c>
    </row>
    <row r="29524" spans="4:5" x14ac:dyDescent="0.25">
      <c r="D29524" s="6">
        <v>1629.17</v>
      </c>
      <c r="E29524" s="6">
        <v>3527.5039999999999</v>
      </c>
    </row>
    <row r="29525" spans="4:5" x14ac:dyDescent="0.25">
      <c r="D29525" s="6">
        <v>1621.761</v>
      </c>
      <c r="E29525" s="6">
        <v>6745.6840000000002</v>
      </c>
    </row>
    <row r="29526" spans="4:5" x14ac:dyDescent="0.25">
      <c r="D29526" s="6">
        <v>1386.431</v>
      </c>
      <c r="E29526" s="6">
        <v>586.20389999999998</v>
      </c>
    </row>
    <row r="29527" spans="4:5" x14ac:dyDescent="0.25">
      <c r="D29527" s="6">
        <v>1153.4190000000001</v>
      </c>
      <c r="E29527" s="6">
        <v>427.63740000000001</v>
      </c>
    </row>
    <row r="29528" spans="4:5" x14ac:dyDescent="0.25">
      <c r="D29528" s="6">
        <v>1251.31</v>
      </c>
      <c r="E29528" s="6">
        <v>2624.692</v>
      </c>
    </row>
    <row r="29529" spans="4:5" x14ac:dyDescent="0.25">
      <c r="D29529" s="6">
        <v>1257.3320000000001</v>
      </c>
      <c r="E29529" s="6">
        <v>5681.5</v>
      </c>
    </row>
    <row r="29530" spans="4:5" x14ac:dyDescent="0.25">
      <c r="D29530" s="6">
        <v>5273.2640000000001</v>
      </c>
      <c r="E29530" s="6">
        <v>532.81470000000002</v>
      </c>
    </row>
    <row r="29531" spans="4:5" x14ac:dyDescent="0.25">
      <c r="D29531" s="6">
        <v>1940.5</v>
      </c>
      <c r="E29531" s="6">
        <v>878.39649999999995</v>
      </c>
    </row>
    <row r="29532" spans="4:5" x14ac:dyDescent="0.25">
      <c r="D29532" s="6">
        <v>1256.7629999999999</v>
      </c>
      <c r="E29532" s="6">
        <v>618.68910000000005</v>
      </c>
    </row>
    <row r="29533" spans="4:5" x14ac:dyDescent="0.25">
      <c r="D29533" s="6">
        <v>1053.183</v>
      </c>
      <c r="E29533" s="6">
        <v>583.06679999999994</v>
      </c>
    </row>
    <row r="29534" spans="4:5" x14ac:dyDescent="0.25">
      <c r="D29534" s="6">
        <v>734.28459999999995</v>
      </c>
      <c r="E29534" s="6">
        <v>3201.3910000000001</v>
      </c>
    </row>
    <row r="29535" spans="4:5" x14ac:dyDescent="0.25">
      <c r="D29535" s="6">
        <v>1473.5419999999999</v>
      </c>
      <c r="E29535" s="6">
        <v>6729.3029999999999</v>
      </c>
    </row>
    <row r="29536" spans="4:5" x14ac:dyDescent="0.25">
      <c r="D29536" s="6">
        <v>916.0204</v>
      </c>
      <c r="E29536" s="6">
        <v>898.5</v>
      </c>
    </row>
    <row r="29537" spans="4:5" x14ac:dyDescent="0.25">
      <c r="D29537" s="6">
        <v>1043.7449999999999</v>
      </c>
      <c r="E29537" s="6">
        <v>826.5</v>
      </c>
    </row>
    <row r="29538" spans="4:5" x14ac:dyDescent="0.25">
      <c r="D29538" s="6">
        <v>1123.5409999999999</v>
      </c>
      <c r="E29538" s="6">
        <v>5713.3540000000003</v>
      </c>
    </row>
    <row r="29539" spans="4:5" x14ac:dyDescent="0.25">
      <c r="D29539" s="6">
        <v>544.74469999999997</v>
      </c>
      <c r="E29539" s="6">
        <v>4363.9639999999999</v>
      </c>
    </row>
    <row r="29540" spans="4:5" x14ac:dyDescent="0.25">
      <c r="D29540" s="6">
        <v>969.58309999999994</v>
      </c>
      <c r="E29540" s="6">
        <v>1986</v>
      </c>
    </row>
    <row r="29541" spans="4:5" x14ac:dyDescent="0.25">
      <c r="D29541" s="6">
        <v>1026.1880000000001</v>
      </c>
      <c r="E29541" s="6">
        <v>358.04399999999998</v>
      </c>
    </row>
    <row r="29542" spans="4:5" x14ac:dyDescent="0.25">
      <c r="D29542" s="6">
        <v>1017.669</v>
      </c>
      <c r="E29542" s="6">
        <v>728.88189999999997</v>
      </c>
    </row>
    <row r="29543" spans="4:5" x14ac:dyDescent="0.25">
      <c r="D29543" s="6">
        <v>1054.433</v>
      </c>
      <c r="E29543" s="6">
        <v>666.43280000000004</v>
      </c>
    </row>
    <row r="29544" spans="4:5" x14ac:dyDescent="0.25">
      <c r="D29544" s="6">
        <v>715.06060000000002</v>
      </c>
      <c r="E29544" s="6">
        <v>162.298</v>
      </c>
    </row>
    <row r="29545" spans="4:5" x14ac:dyDescent="0.25">
      <c r="D29545" s="6">
        <v>754.12019999999995</v>
      </c>
      <c r="E29545" s="6">
        <v>1102.2139999999999</v>
      </c>
    </row>
    <row r="29546" spans="4:5" x14ac:dyDescent="0.25">
      <c r="D29546" s="6">
        <v>3418.73</v>
      </c>
      <c r="E29546" s="6">
        <v>279.17779999999999</v>
      </c>
    </row>
    <row r="29547" spans="4:5" x14ac:dyDescent="0.25">
      <c r="D29547" s="6">
        <v>1265.6400000000001</v>
      </c>
      <c r="E29547" s="6">
        <v>611.12909999999999</v>
      </c>
    </row>
    <row r="29548" spans="4:5" x14ac:dyDescent="0.25">
      <c r="D29548" s="6">
        <v>488.7971</v>
      </c>
      <c r="E29548" s="6">
        <v>645.1309</v>
      </c>
    </row>
    <row r="29549" spans="4:5" x14ac:dyDescent="0.25">
      <c r="D29549" s="6">
        <v>672.14509999999996</v>
      </c>
      <c r="E29549" s="6">
        <v>1873.91</v>
      </c>
    </row>
    <row r="29550" spans="4:5" x14ac:dyDescent="0.25">
      <c r="D29550" s="6">
        <v>3220.2</v>
      </c>
      <c r="E29550" s="6">
        <v>351.7851</v>
      </c>
    </row>
    <row r="29551" spans="4:5" x14ac:dyDescent="0.25">
      <c r="D29551" s="6">
        <v>481.6422</v>
      </c>
      <c r="E29551" s="6">
        <v>595.77179999999998</v>
      </c>
    </row>
    <row r="29552" spans="4:5" x14ac:dyDescent="0.25">
      <c r="D29552" s="6">
        <v>1573.9960000000001</v>
      </c>
      <c r="E29552" s="6">
        <v>474.1626</v>
      </c>
    </row>
    <row r="29553" spans="4:5" x14ac:dyDescent="0.25">
      <c r="D29553" s="6">
        <v>721.29629999999997</v>
      </c>
      <c r="E29553" s="6">
        <v>3686.8029999999999</v>
      </c>
    </row>
    <row r="29554" spans="4:5" x14ac:dyDescent="0.25">
      <c r="D29554" s="6">
        <v>928.83320000000003</v>
      </c>
      <c r="E29554" s="6">
        <v>2656.154</v>
      </c>
    </row>
    <row r="29555" spans="4:5" x14ac:dyDescent="0.25">
      <c r="D29555" s="6">
        <v>750.05439999999999</v>
      </c>
      <c r="E29555" s="6">
        <v>1172.528</v>
      </c>
    </row>
    <row r="29556" spans="4:5" x14ac:dyDescent="0.25">
      <c r="D29556" s="6">
        <v>623.14599999999996</v>
      </c>
      <c r="E29556" s="6">
        <v>4090.88</v>
      </c>
    </row>
    <row r="29557" spans="4:5" x14ac:dyDescent="0.25">
      <c r="D29557" s="6">
        <v>1019.109</v>
      </c>
      <c r="E29557" s="6">
        <v>1919.739</v>
      </c>
    </row>
    <row r="29558" spans="4:5" x14ac:dyDescent="0.25">
      <c r="D29558" s="6">
        <v>1168.479</v>
      </c>
      <c r="E29558" s="6">
        <v>1166.4549999999999</v>
      </c>
    </row>
    <row r="29559" spans="4:5" x14ac:dyDescent="0.25">
      <c r="D29559" s="6">
        <v>2618.0509999999999</v>
      </c>
      <c r="E29559" s="6">
        <v>1187.336</v>
      </c>
    </row>
    <row r="29560" spans="4:5" x14ac:dyDescent="0.25">
      <c r="D29560" s="6">
        <v>4020.4929999999999</v>
      </c>
      <c r="E29560" s="6">
        <v>530.73509999999999</v>
      </c>
    </row>
    <row r="29561" spans="4:5" x14ac:dyDescent="0.25">
      <c r="D29561" s="6">
        <v>1191.8579999999999</v>
      </c>
      <c r="E29561" s="6">
        <v>3024.2</v>
      </c>
    </row>
    <row r="29562" spans="4:5" x14ac:dyDescent="0.25">
      <c r="D29562" s="6">
        <v>1015.578</v>
      </c>
      <c r="E29562" s="6">
        <v>179.93620000000001</v>
      </c>
    </row>
    <row r="29563" spans="4:5" x14ac:dyDescent="0.25">
      <c r="D29563" s="6">
        <v>2459.1309999999999</v>
      </c>
      <c r="E29563" s="6">
        <v>336.9896</v>
      </c>
    </row>
    <row r="29564" spans="4:5" x14ac:dyDescent="0.25">
      <c r="D29564" s="6">
        <v>844.95280000000002</v>
      </c>
      <c r="E29564" s="6">
        <v>1557.008</v>
      </c>
    </row>
    <row r="29565" spans="4:5" x14ac:dyDescent="0.25">
      <c r="D29565" s="6">
        <v>1058.9459999999999</v>
      </c>
      <c r="E29565" s="6">
        <v>2294.777</v>
      </c>
    </row>
    <row r="29566" spans="4:5" x14ac:dyDescent="0.25">
      <c r="D29566" s="6">
        <v>1209.3979999999999</v>
      </c>
      <c r="E29566" s="6">
        <v>554.02840000000003</v>
      </c>
    </row>
    <row r="29567" spans="4:5" x14ac:dyDescent="0.25">
      <c r="D29567" s="6">
        <v>1547.8119999999999</v>
      </c>
      <c r="E29567" s="6">
        <v>711.22410000000002</v>
      </c>
    </row>
    <row r="29568" spans="4:5" x14ac:dyDescent="0.25">
      <c r="D29568" s="6">
        <v>1344.9659999999999</v>
      </c>
      <c r="E29568" s="6">
        <v>3053.06</v>
      </c>
    </row>
    <row r="29569" spans="4:5" x14ac:dyDescent="0.25">
      <c r="D29569" s="6">
        <v>1020.627</v>
      </c>
      <c r="E29569" s="6">
        <v>2320.3029999999999</v>
      </c>
    </row>
    <row r="29570" spans="4:5" x14ac:dyDescent="0.25">
      <c r="D29570" s="6">
        <v>2531.3470000000002</v>
      </c>
      <c r="E29570" s="6">
        <v>376.50310000000002</v>
      </c>
    </row>
    <row r="29571" spans="4:5" x14ac:dyDescent="0.25">
      <c r="D29571" s="6">
        <v>959.69870000000003</v>
      </c>
      <c r="E29571" s="6">
        <v>401.60680000000002</v>
      </c>
    </row>
    <row r="29572" spans="4:5" x14ac:dyDescent="0.25">
      <c r="D29572" s="6">
        <v>1042.8040000000001</v>
      </c>
      <c r="E29572" s="6">
        <v>429.38159999999999</v>
      </c>
    </row>
    <row r="29573" spans="4:5" x14ac:dyDescent="0.25">
      <c r="D29573" s="6">
        <v>1961.1610000000001</v>
      </c>
      <c r="E29573" s="6">
        <v>378.2</v>
      </c>
    </row>
    <row r="29574" spans="4:5" x14ac:dyDescent="0.25">
      <c r="D29574" s="6">
        <v>1240.6420000000001</v>
      </c>
      <c r="E29574" s="6">
        <v>184.09020000000001</v>
      </c>
    </row>
    <row r="29575" spans="4:5" x14ac:dyDescent="0.25">
      <c r="D29575" s="6">
        <v>1006.529</v>
      </c>
      <c r="E29575" s="6">
        <v>6070.598</v>
      </c>
    </row>
    <row r="29576" spans="4:5" x14ac:dyDescent="0.25">
      <c r="D29576" s="6">
        <v>233.1875</v>
      </c>
      <c r="E29576" s="6">
        <v>2097.31</v>
      </c>
    </row>
    <row r="29577" spans="4:5" x14ac:dyDescent="0.25">
      <c r="D29577" s="6">
        <v>573.51030000000003</v>
      </c>
      <c r="E29577" s="6">
        <v>554.44669999999996</v>
      </c>
    </row>
    <row r="29578" spans="4:5" x14ac:dyDescent="0.25">
      <c r="D29578" s="6">
        <v>1195.6030000000001</v>
      </c>
      <c r="E29578" s="6">
        <v>442.16300000000001</v>
      </c>
    </row>
    <row r="29579" spans="4:5" x14ac:dyDescent="0.25">
      <c r="D29579" s="6">
        <v>1275.7339999999999</v>
      </c>
      <c r="E29579" s="6">
        <v>2480</v>
      </c>
    </row>
    <row r="29580" spans="4:5" x14ac:dyDescent="0.25">
      <c r="D29580" s="6">
        <v>1217.9100000000001</v>
      </c>
      <c r="E29580" s="6">
        <v>342.02229999999997</v>
      </c>
    </row>
    <row r="29581" spans="4:5" x14ac:dyDescent="0.25">
      <c r="D29581" s="6">
        <v>919.55939999999998</v>
      </c>
      <c r="E29581" s="6">
        <v>326.92689999999999</v>
      </c>
    </row>
    <row r="29582" spans="4:5" x14ac:dyDescent="0.25">
      <c r="D29582" s="6">
        <v>1261.7180000000001</v>
      </c>
      <c r="E29582" s="6">
        <v>2815.53</v>
      </c>
    </row>
    <row r="29583" spans="4:5" x14ac:dyDescent="0.25">
      <c r="D29583" s="6">
        <v>1092.1279999999999</v>
      </c>
      <c r="E29583" s="6">
        <v>150.298</v>
      </c>
    </row>
    <row r="29584" spans="4:5" x14ac:dyDescent="0.25">
      <c r="D29584" s="6">
        <v>845.8066</v>
      </c>
      <c r="E29584" s="6">
        <v>4972.5150000000003</v>
      </c>
    </row>
    <row r="29585" spans="4:5" x14ac:dyDescent="0.25">
      <c r="D29585" s="6">
        <v>1017.5359999999999</v>
      </c>
      <c r="E29585" s="6">
        <v>1380.306</v>
      </c>
    </row>
    <row r="29586" spans="4:5" x14ac:dyDescent="0.25">
      <c r="D29586" s="6">
        <v>987.47400000000005</v>
      </c>
      <c r="E29586" s="6">
        <v>348.97980000000001</v>
      </c>
    </row>
    <row r="29587" spans="4:5" x14ac:dyDescent="0.25">
      <c r="D29587" s="6">
        <v>1162.356</v>
      </c>
      <c r="E29587" s="6">
        <v>2452.375</v>
      </c>
    </row>
    <row r="29588" spans="4:5" x14ac:dyDescent="0.25">
      <c r="D29588" s="6">
        <v>656.04960000000005</v>
      </c>
      <c r="E29588" s="6">
        <v>490.18630000000002</v>
      </c>
    </row>
    <row r="29589" spans="4:5" x14ac:dyDescent="0.25">
      <c r="D29589" s="6">
        <v>5126.0839999999998</v>
      </c>
      <c r="E29589" s="6">
        <v>665.77149999999995</v>
      </c>
    </row>
    <row r="29590" spans="4:5" x14ac:dyDescent="0.25">
      <c r="D29590" s="6">
        <v>1412.636</v>
      </c>
      <c r="E29590" s="6">
        <v>707.08389999999997</v>
      </c>
    </row>
    <row r="29591" spans="4:5" x14ac:dyDescent="0.25">
      <c r="D29591" s="6">
        <v>141.4598</v>
      </c>
      <c r="E29591" s="6">
        <v>421.959</v>
      </c>
    </row>
    <row r="29592" spans="4:5" x14ac:dyDescent="0.25">
      <c r="D29592" s="6">
        <v>1052.5989999999999</v>
      </c>
      <c r="E29592" s="6">
        <v>2258.2930000000001</v>
      </c>
    </row>
    <row r="29593" spans="4:5" x14ac:dyDescent="0.25">
      <c r="D29593" s="6">
        <v>2081.8159999999998</v>
      </c>
      <c r="E29593" s="6">
        <v>571.61760000000004</v>
      </c>
    </row>
    <row r="29594" spans="4:5" x14ac:dyDescent="0.25">
      <c r="D29594" s="6">
        <v>2997.8690000000001</v>
      </c>
      <c r="E29594" s="6">
        <v>790.5258</v>
      </c>
    </row>
    <row r="29595" spans="4:5" x14ac:dyDescent="0.25">
      <c r="D29595" s="6">
        <v>420</v>
      </c>
      <c r="E29595" s="6">
        <v>6627.5</v>
      </c>
    </row>
    <row r="29596" spans="4:5" x14ac:dyDescent="0.25">
      <c r="D29596" s="6">
        <v>970.41110000000003</v>
      </c>
      <c r="E29596" s="6">
        <v>503.32819999999998</v>
      </c>
    </row>
    <row r="29597" spans="4:5" x14ac:dyDescent="0.25">
      <c r="D29597" s="6">
        <v>609.63499999999999</v>
      </c>
      <c r="E29597" s="6">
        <v>326.72269999999997</v>
      </c>
    </row>
    <row r="29598" spans="4:5" x14ac:dyDescent="0.25">
      <c r="D29598" s="6">
        <v>198.23419999999999</v>
      </c>
      <c r="E29598" s="6">
        <v>2689.3960000000002</v>
      </c>
    </row>
    <row r="29599" spans="4:5" x14ac:dyDescent="0.25">
      <c r="D29599" s="6">
        <v>1088.971</v>
      </c>
      <c r="E29599" s="6">
        <v>645.97590000000002</v>
      </c>
    </row>
    <row r="29600" spans="4:5" x14ac:dyDescent="0.25">
      <c r="D29600" s="6">
        <v>1293.4739999999999</v>
      </c>
      <c r="E29600" s="6">
        <v>1367.1510000000001</v>
      </c>
    </row>
    <row r="29601" spans="4:5" x14ac:dyDescent="0.25">
      <c r="D29601" s="6">
        <v>973.52940000000001</v>
      </c>
      <c r="E29601" s="6">
        <v>367.25700000000001</v>
      </c>
    </row>
    <row r="29602" spans="4:5" x14ac:dyDescent="0.25">
      <c r="D29602" s="6">
        <v>1069.394</v>
      </c>
      <c r="E29602" s="6">
        <v>2631.8719999999998</v>
      </c>
    </row>
    <row r="29603" spans="4:5" x14ac:dyDescent="0.25">
      <c r="D29603" s="6">
        <v>1363.3420000000001</v>
      </c>
      <c r="E29603" s="6">
        <v>414.52969999999999</v>
      </c>
    </row>
    <row r="29604" spans="4:5" x14ac:dyDescent="0.25">
      <c r="D29604" s="6">
        <v>626.73599999999999</v>
      </c>
      <c r="E29604" s="6">
        <v>5567.81</v>
      </c>
    </row>
    <row r="29605" spans="4:5" x14ac:dyDescent="0.25">
      <c r="D29605" s="6">
        <v>397.01459999999997</v>
      </c>
      <c r="E29605" s="6">
        <v>431.3775</v>
      </c>
    </row>
    <row r="29606" spans="4:5" x14ac:dyDescent="0.25">
      <c r="D29606" s="6">
        <v>2657.4340000000002</v>
      </c>
      <c r="E29606" s="6">
        <v>435.33519999999999</v>
      </c>
    </row>
    <row r="29607" spans="4:5" x14ac:dyDescent="0.25">
      <c r="D29607" s="6">
        <v>1217.9870000000001</v>
      </c>
      <c r="E29607" s="6">
        <v>194.90260000000001</v>
      </c>
    </row>
    <row r="29608" spans="4:5" x14ac:dyDescent="0.25">
      <c r="D29608" s="6">
        <v>561.26220000000001</v>
      </c>
      <c r="E29608" s="6">
        <v>471.27069999999998</v>
      </c>
    </row>
    <row r="29609" spans="4:5" x14ac:dyDescent="0.25">
      <c r="D29609" s="6">
        <v>1090.2750000000001</v>
      </c>
      <c r="E29609" s="6">
        <v>1095.8879999999999</v>
      </c>
    </row>
    <row r="29610" spans="4:5" x14ac:dyDescent="0.25">
      <c r="D29610" s="6">
        <v>1129.568</v>
      </c>
      <c r="E29610" s="6">
        <v>160.38460000000001</v>
      </c>
    </row>
    <row r="29611" spans="4:5" x14ac:dyDescent="0.25">
      <c r="D29611" s="6">
        <v>555.79139999999995</v>
      </c>
      <c r="E29611" s="6">
        <v>189.04089999999999</v>
      </c>
    </row>
    <row r="29612" spans="4:5" x14ac:dyDescent="0.25">
      <c r="D29612" s="6">
        <v>1857.4549999999999</v>
      </c>
      <c r="E29612" s="6">
        <v>157.70410000000001</v>
      </c>
    </row>
    <row r="29613" spans="4:5" x14ac:dyDescent="0.25">
      <c r="D29613" s="6">
        <v>582.35699999999997</v>
      </c>
      <c r="E29613" s="6">
        <v>2185.4430000000002</v>
      </c>
    </row>
    <row r="29614" spans="4:5" x14ac:dyDescent="0.25">
      <c r="D29614" s="6">
        <v>1084.3869999999999</v>
      </c>
      <c r="E29614" s="6">
        <v>345.18180000000001</v>
      </c>
    </row>
    <row r="29615" spans="4:5" x14ac:dyDescent="0.25">
      <c r="D29615" s="6">
        <v>569.76300000000003</v>
      </c>
      <c r="E29615" s="6">
        <v>1230.5</v>
      </c>
    </row>
    <row r="29616" spans="4:5" x14ac:dyDescent="0.25">
      <c r="D29616" s="6">
        <v>850.38220000000001</v>
      </c>
      <c r="E29616" s="6">
        <v>331.53440000000001</v>
      </c>
    </row>
    <row r="29617" spans="4:5" x14ac:dyDescent="0.25">
      <c r="D29617" s="6">
        <v>592.38779999999997</v>
      </c>
      <c r="E29617" s="6">
        <v>157.57579999999999</v>
      </c>
    </row>
    <row r="29618" spans="4:5" x14ac:dyDescent="0.25">
      <c r="D29618" s="6">
        <v>1099.9459999999999</v>
      </c>
      <c r="E29618" s="6">
        <v>7746.2</v>
      </c>
    </row>
    <row r="29619" spans="4:5" x14ac:dyDescent="0.25">
      <c r="D29619" s="6">
        <v>2512.6419999999998</v>
      </c>
      <c r="E29619" s="6">
        <v>4687.5</v>
      </c>
    </row>
    <row r="29620" spans="4:5" x14ac:dyDescent="0.25">
      <c r="D29620" s="6">
        <v>978.70050000000003</v>
      </c>
      <c r="E29620" s="6">
        <v>2892.223</v>
      </c>
    </row>
    <row r="29621" spans="4:5" x14ac:dyDescent="0.25">
      <c r="D29621" s="6">
        <v>1336.65</v>
      </c>
      <c r="E29621" s="6">
        <v>238.57140000000001</v>
      </c>
    </row>
    <row r="29622" spans="4:5" x14ac:dyDescent="0.25">
      <c r="D29622" s="6">
        <v>506.35250000000002</v>
      </c>
      <c r="E29622" s="6">
        <v>329.98039999999997</v>
      </c>
    </row>
    <row r="29623" spans="4:5" x14ac:dyDescent="0.25">
      <c r="D29623" s="6">
        <v>1022.623</v>
      </c>
      <c r="E29623" s="6">
        <v>178.9905</v>
      </c>
    </row>
    <row r="29624" spans="4:5" x14ac:dyDescent="0.25">
      <c r="D29624" s="6">
        <v>1008.444</v>
      </c>
      <c r="E29624" s="6">
        <v>2243</v>
      </c>
    </row>
    <row r="29625" spans="4:5" x14ac:dyDescent="0.25">
      <c r="D29625" s="6">
        <v>471.7944</v>
      </c>
      <c r="E29625" s="6">
        <v>1622.3019999999999</v>
      </c>
    </row>
    <row r="29626" spans="4:5" x14ac:dyDescent="0.25">
      <c r="D29626" s="6">
        <v>902.09280000000001</v>
      </c>
      <c r="E29626" s="6">
        <v>153.86750000000001</v>
      </c>
    </row>
    <row r="29627" spans="4:5" x14ac:dyDescent="0.25">
      <c r="D29627" s="6">
        <v>613.66669999999999</v>
      </c>
      <c r="E29627" s="6">
        <v>379.61380000000003</v>
      </c>
    </row>
    <row r="29628" spans="4:5" x14ac:dyDescent="0.25">
      <c r="D29628" s="6">
        <v>777.26599999999996</v>
      </c>
      <c r="E29628" s="6">
        <v>3241.6419999999998</v>
      </c>
    </row>
    <row r="29629" spans="4:5" x14ac:dyDescent="0.25">
      <c r="D29629" s="6">
        <v>1054.1220000000001</v>
      </c>
      <c r="E29629" s="6">
        <v>801.17110000000002</v>
      </c>
    </row>
    <row r="29630" spans="4:5" x14ac:dyDescent="0.25">
      <c r="D29630" s="6">
        <v>553.29409999999996</v>
      </c>
      <c r="E29630" s="6">
        <v>910.3</v>
      </c>
    </row>
    <row r="29631" spans="4:5" x14ac:dyDescent="0.25">
      <c r="D29631" s="6">
        <v>1181.396</v>
      </c>
      <c r="E29631" s="6">
        <v>347.76389999999998</v>
      </c>
    </row>
    <row r="29632" spans="4:5" x14ac:dyDescent="0.25">
      <c r="D29632" s="6">
        <v>951.55470000000003</v>
      </c>
      <c r="E29632" s="6">
        <v>712.84</v>
      </c>
    </row>
    <row r="29633" spans="4:5" x14ac:dyDescent="0.25">
      <c r="D29633" s="6">
        <v>1208.587</v>
      </c>
      <c r="E29633" s="6">
        <v>269.61419999999998</v>
      </c>
    </row>
    <row r="29634" spans="4:5" x14ac:dyDescent="0.25">
      <c r="D29634" s="6">
        <v>3108.2049999999999</v>
      </c>
      <c r="E29634" s="6">
        <v>440.77719999999999</v>
      </c>
    </row>
    <row r="29635" spans="4:5" x14ac:dyDescent="0.25">
      <c r="D29635" s="6">
        <v>1056.835</v>
      </c>
      <c r="E29635" s="6">
        <v>2137.556</v>
      </c>
    </row>
    <row r="29636" spans="4:5" x14ac:dyDescent="0.25">
      <c r="D29636" s="6">
        <v>698.29470000000003</v>
      </c>
      <c r="E29636" s="6">
        <v>254.54650000000001</v>
      </c>
    </row>
    <row r="29637" spans="4:5" x14ac:dyDescent="0.25">
      <c r="D29637" s="6">
        <v>959.91129999999998</v>
      </c>
      <c r="E29637" s="6">
        <v>413.25740000000002</v>
      </c>
    </row>
    <row r="29638" spans="4:5" x14ac:dyDescent="0.25">
      <c r="D29638" s="6">
        <v>3729.5129999999999</v>
      </c>
      <c r="E29638" s="6">
        <v>346.4366</v>
      </c>
    </row>
    <row r="29639" spans="4:5" x14ac:dyDescent="0.25">
      <c r="D29639" s="6">
        <v>556.99559999999997</v>
      </c>
      <c r="E29639" s="6">
        <v>468.5283</v>
      </c>
    </row>
    <row r="29640" spans="4:5" x14ac:dyDescent="0.25">
      <c r="D29640" s="6">
        <v>1476.903</v>
      </c>
      <c r="E29640" s="6">
        <v>462.36070000000001</v>
      </c>
    </row>
    <row r="29641" spans="4:5" x14ac:dyDescent="0.25">
      <c r="D29641" s="6">
        <v>540.56140000000005</v>
      </c>
      <c r="E29641" s="6">
        <v>393.65589999999997</v>
      </c>
    </row>
    <row r="29642" spans="4:5" x14ac:dyDescent="0.25">
      <c r="D29642" s="6">
        <v>652.98820000000001</v>
      </c>
      <c r="E29642" s="6">
        <v>406.84559999999999</v>
      </c>
    </row>
    <row r="29643" spans="4:5" x14ac:dyDescent="0.25">
      <c r="D29643" s="6">
        <v>1268.203</v>
      </c>
      <c r="E29643" s="6">
        <v>927.39250000000004</v>
      </c>
    </row>
    <row r="29644" spans="4:5" x14ac:dyDescent="0.25">
      <c r="D29644" s="6">
        <v>998.31880000000001</v>
      </c>
      <c r="E29644" s="6">
        <v>160.6891</v>
      </c>
    </row>
    <row r="29645" spans="4:5" x14ac:dyDescent="0.25">
      <c r="D29645" s="6">
        <v>878.54499999999996</v>
      </c>
      <c r="E29645" s="6">
        <v>275.39249999999998</v>
      </c>
    </row>
    <row r="29646" spans="4:5" x14ac:dyDescent="0.25">
      <c r="D29646" s="6">
        <v>1225.537</v>
      </c>
      <c r="E29646" s="6">
        <v>9827.125</v>
      </c>
    </row>
    <row r="29647" spans="4:5" x14ac:dyDescent="0.25">
      <c r="D29647" s="6">
        <v>1359.759</v>
      </c>
      <c r="E29647" s="6">
        <v>538.39840000000004</v>
      </c>
    </row>
    <row r="29648" spans="4:5" x14ac:dyDescent="0.25">
      <c r="D29648" s="6">
        <v>5499.3689999999997</v>
      </c>
      <c r="E29648" s="6">
        <v>397.17840000000001</v>
      </c>
    </row>
    <row r="29649" spans="4:5" x14ac:dyDescent="0.25">
      <c r="D29649" s="6">
        <v>721.47260000000006</v>
      </c>
      <c r="E29649" s="6">
        <v>1953.096</v>
      </c>
    </row>
    <row r="29650" spans="4:5" x14ac:dyDescent="0.25">
      <c r="D29650" s="6">
        <v>1313.5940000000001</v>
      </c>
      <c r="E29650" s="6">
        <v>201.875</v>
      </c>
    </row>
    <row r="29651" spans="4:5" x14ac:dyDescent="0.25">
      <c r="D29651" s="6">
        <v>1174.9349999999999</v>
      </c>
      <c r="E29651" s="6">
        <v>484.18830000000003</v>
      </c>
    </row>
    <row r="29652" spans="4:5" x14ac:dyDescent="0.25">
      <c r="D29652" s="6">
        <v>481.7885</v>
      </c>
      <c r="E29652" s="6">
        <v>418.14819999999997</v>
      </c>
    </row>
    <row r="29653" spans="4:5" x14ac:dyDescent="0.25">
      <c r="D29653" s="6">
        <v>846.62670000000003</v>
      </c>
      <c r="E29653" s="6">
        <v>229.6</v>
      </c>
    </row>
    <row r="29654" spans="4:5" x14ac:dyDescent="0.25">
      <c r="D29654" s="6">
        <v>1377.8430000000001</v>
      </c>
      <c r="E29654" s="6">
        <v>286.61709999999999</v>
      </c>
    </row>
    <row r="29655" spans="4:5" x14ac:dyDescent="0.25">
      <c r="D29655" s="6">
        <v>2752.4989999999998</v>
      </c>
      <c r="E29655" s="6">
        <v>521.57669999999996</v>
      </c>
    </row>
    <row r="29656" spans="4:5" x14ac:dyDescent="0.25">
      <c r="D29656" s="6">
        <v>2303</v>
      </c>
      <c r="E29656" s="6">
        <v>510.67189999999999</v>
      </c>
    </row>
    <row r="29657" spans="4:5" x14ac:dyDescent="0.25">
      <c r="D29657" s="6">
        <v>673.69640000000004</v>
      </c>
      <c r="E29657" s="6">
        <v>382.20139999999998</v>
      </c>
    </row>
    <row r="29658" spans="4:5" x14ac:dyDescent="0.25">
      <c r="D29658" s="6">
        <v>984.48410000000001</v>
      </c>
      <c r="E29658" s="6">
        <v>414.73129999999998</v>
      </c>
    </row>
    <row r="29659" spans="4:5" x14ac:dyDescent="0.25">
      <c r="D29659" s="6">
        <v>629.0335</v>
      </c>
      <c r="E29659" s="6">
        <v>161.60239999999999</v>
      </c>
    </row>
    <row r="29660" spans="4:5" x14ac:dyDescent="0.25">
      <c r="D29660" s="6">
        <v>952.48069999999996</v>
      </c>
      <c r="E29660" s="6">
        <v>165.2724</v>
      </c>
    </row>
    <row r="29661" spans="4:5" x14ac:dyDescent="0.25">
      <c r="D29661" s="6">
        <v>428.58800000000002</v>
      </c>
      <c r="E29661" s="6">
        <v>296.56420000000003</v>
      </c>
    </row>
    <row r="29662" spans="4:5" x14ac:dyDescent="0.25">
      <c r="D29662" s="6">
        <v>1106.8530000000001</v>
      </c>
      <c r="E29662" s="6">
        <v>430.84379999999999</v>
      </c>
    </row>
    <row r="29663" spans="4:5" x14ac:dyDescent="0.25">
      <c r="D29663" s="6">
        <v>842.34379999999999</v>
      </c>
      <c r="E29663" s="6">
        <v>390.08479999999997</v>
      </c>
    </row>
    <row r="29664" spans="4:5" x14ac:dyDescent="0.25">
      <c r="D29664" s="6">
        <v>1170.5440000000001</v>
      </c>
      <c r="E29664" s="6">
        <v>295.553</v>
      </c>
    </row>
    <row r="29665" spans="4:5" x14ac:dyDescent="0.25">
      <c r="D29665" s="6">
        <v>787.05799999999999</v>
      </c>
      <c r="E29665" s="6">
        <v>393.66759999999999</v>
      </c>
    </row>
    <row r="29666" spans="4:5" x14ac:dyDescent="0.25">
      <c r="D29666" s="6">
        <v>1005.029</v>
      </c>
      <c r="E29666" s="6">
        <v>397.91820000000001</v>
      </c>
    </row>
    <row r="29667" spans="4:5" x14ac:dyDescent="0.25">
      <c r="D29667" s="6">
        <v>495.9776</v>
      </c>
      <c r="E29667" s="6">
        <v>287.06979999999999</v>
      </c>
    </row>
    <row r="29668" spans="4:5" x14ac:dyDescent="0.25">
      <c r="D29668" s="6">
        <v>5329.25</v>
      </c>
      <c r="E29668" s="6">
        <v>7401.9229999999998</v>
      </c>
    </row>
    <row r="29669" spans="4:5" x14ac:dyDescent="0.25">
      <c r="D29669" s="6">
        <v>1009</v>
      </c>
      <c r="E29669" s="6">
        <v>278.238</v>
      </c>
    </row>
    <row r="29670" spans="4:5" x14ac:dyDescent="0.25">
      <c r="D29670" s="6">
        <v>625.42750000000001</v>
      </c>
      <c r="E29670" s="6">
        <v>13463.87</v>
      </c>
    </row>
    <row r="29671" spans="4:5" x14ac:dyDescent="0.25">
      <c r="D29671" s="6">
        <v>1508.4110000000001</v>
      </c>
      <c r="E29671" s="6">
        <v>7711.3329999999996</v>
      </c>
    </row>
    <row r="29672" spans="4:5" x14ac:dyDescent="0.25">
      <c r="D29672" s="6">
        <v>1940.0630000000001</v>
      </c>
      <c r="E29672" s="6">
        <v>7892.1970000000001</v>
      </c>
    </row>
    <row r="29673" spans="4:5" x14ac:dyDescent="0.25">
      <c r="D29673" s="6">
        <v>992.77110000000005</v>
      </c>
      <c r="E29673" s="6">
        <v>8748.7639999999992</v>
      </c>
    </row>
    <row r="29674" spans="4:5" x14ac:dyDescent="0.25">
      <c r="D29674" s="6">
        <v>541.13139999999999</v>
      </c>
      <c r="E29674" s="6">
        <v>9858.2620000000006</v>
      </c>
    </row>
    <row r="29675" spans="4:5" x14ac:dyDescent="0.25">
      <c r="D29675" s="6">
        <v>1179.7719999999999</v>
      </c>
      <c r="E29675" s="6">
        <v>10746.91</v>
      </c>
    </row>
    <row r="29676" spans="4:5" x14ac:dyDescent="0.25">
      <c r="D29676" s="6">
        <v>482.33629999999999</v>
      </c>
      <c r="E29676" s="6">
        <v>138.9485</v>
      </c>
    </row>
    <row r="29677" spans="4:5" x14ac:dyDescent="0.25">
      <c r="D29677" s="6">
        <v>712.15750000000003</v>
      </c>
      <c r="E29677" s="6">
        <v>10254.030000000001</v>
      </c>
    </row>
    <row r="29678" spans="4:5" x14ac:dyDescent="0.25">
      <c r="D29678" s="6">
        <v>720.84529999999995</v>
      </c>
      <c r="E29678" s="6">
        <v>8040</v>
      </c>
    </row>
    <row r="29679" spans="4:5" x14ac:dyDescent="0.25">
      <c r="D29679" s="6">
        <v>1723.4169999999999</v>
      </c>
      <c r="E29679" s="6">
        <v>7548.1819999999998</v>
      </c>
    </row>
    <row r="29680" spans="4:5" x14ac:dyDescent="0.25">
      <c r="D29680" s="6">
        <v>922</v>
      </c>
      <c r="E29680" s="6">
        <v>100.807</v>
      </c>
    </row>
    <row r="29681" spans="4:5" x14ac:dyDescent="0.25">
      <c r="D29681" s="6">
        <v>1025.837</v>
      </c>
      <c r="E29681" s="6"/>
    </row>
    <row r="29682" spans="4:5" x14ac:dyDescent="0.25">
      <c r="D29682" s="6">
        <v>1248.768</v>
      </c>
      <c r="E29682" s="6"/>
    </row>
    <row r="29683" spans="4:5" x14ac:dyDescent="0.25">
      <c r="D29683" s="6">
        <v>2260.9899999999998</v>
      </c>
      <c r="E29683" s="6"/>
    </row>
    <row r="29684" spans="4:5" x14ac:dyDescent="0.25">
      <c r="D29684" s="6">
        <v>1184.6659999999999</v>
      </c>
      <c r="E29684" s="6"/>
    </row>
    <row r="29685" spans="4:5" x14ac:dyDescent="0.25">
      <c r="D29685" s="6">
        <v>1190.9760000000001</v>
      </c>
      <c r="E29685" s="6"/>
    </row>
    <row r="29686" spans="4:5" x14ac:dyDescent="0.25">
      <c r="D29686" s="6">
        <v>1041.402</v>
      </c>
      <c r="E29686" s="6"/>
    </row>
    <row r="29687" spans="4:5" x14ac:dyDescent="0.25">
      <c r="D29687" s="6">
        <v>596.75</v>
      </c>
      <c r="E29687" s="6"/>
    </row>
    <row r="29688" spans="4:5" x14ac:dyDescent="0.25">
      <c r="D29688" s="6">
        <v>1073.046</v>
      </c>
      <c r="E29688" s="6"/>
    </row>
    <row r="29689" spans="4:5" x14ac:dyDescent="0.25">
      <c r="D29689" s="6">
        <v>907.35900000000004</v>
      </c>
      <c r="E29689" s="6"/>
    </row>
    <row r="29690" spans="4:5" x14ac:dyDescent="0.25">
      <c r="D29690" s="6">
        <v>1057.1479999999999</v>
      </c>
      <c r="E29690" s="6"/>
    </row>
    <row r="29691" spans="4:5" x14ac:dyDescent="0.25">
      <c r="D29691" s="6">
        <v>1238.1079999999999</v>
      </c>
      <c r="E29691" s="6"/>
    </row>
    <row r="29692" spans="4:5" x14ac:dyDescent="0.25">
      <c r="D29692" s="6">
        <v>451.90910000000002</v>
      </c>
      <c r="E29692" s="6"/>
    </row>
    <row r="29693" spans="4:5" x14ac:dyDescent="0.25">
      <c r="D29693" s="6">
        <v>519.09109999999998</v>
      </c>
      <c r="E29693" s="6"/>
    </row>
    <row r="29694" spans="4:5" x14ac:dyDescent="0.25">
      <c r="D29694" s="6">
        <v>1112.4670000000001</v>
      </c>
      <c r="E29694" s="6"/>
    </row>
    <row r="29695" spans="4:5" x14ac:dyDescent="0.25">
      <c r="D29695" s="6">
        <v>1043.163</v>
      </c>
      <c r="E29695" s="6"/>
    </row>
    <row r="29696" spans="4:5" x14ac:dyDescent="0.25">
      <c r="D29696" s="6">
        <v>1395.614</v>
      </c>
      <c r="E29696" s="6"/>
    </row>
    <row r="29697" spans="4:5" x14ac:dyDescent="0.25">
      <c r="D29697" s="6">
        <v>786.89520000000005</v>
      </c>
      <c r="E29697" s="6"/>
    </row>
    <row r="29698" spans="4:5" x14ac:dyDescent="0.25">
      <c r="D29698" s="6">
        <v>939.39970000000005</v>
      </c>
      <c r="E29698" s="6"/>
    </row>
    <row r="29699" spans="4:5" x14ac:dyDescent="0.25">
      <c r="D29699" s="6">
        <v>657.89779999999996</v>
      </c>
      <c r="E29699" s="6"/>
    </row>
    <row r="29700" spans="4:5" x14ac:dyDescent="0.25">
      <c r="D29700" s="6">
        <v>2955.5410000000002</v>
      </c>
      <c r="E29700" s="6"/>
    </row>
    <row r="29701" spans="4:5" x14ac:dyDescent="0.25">
      <c r="D29701" s="6">
        <v>868.0711</v>
      </c>
      <c r="E29701" s="6"/>
    </row>
    <row r="29702" spans="4:5" x14ac:dyDescent="0.25">
      <c r="D29702" s="6">
        <v>899.68420000000003</v>
      </c>
      <c r="E29702" s="6"/>
    </row>
    <row r="29703" spans="4:5" x14ac:dyDescent="0.25">
      <c r="D29703" s="6">
        <v>801.28890000000001</v>
      </c>
      <c r="E29703" s="6"/>
    </row>
    <row r="29704" spans="4:5" x14ac:dyDescent="0.25">
      <c r="D29704" s="6">
        <v>396.70080000000002</v>
      </c>
      <c r="E29704" s="6"/>
    </row>
    <row r="29705" spans="4:5" x14ac:dyDescent="0.25">
      <c r="D29705" s="6">
        <v>778.54499999999996</v>
      </c>
      <c r="E29705" s="6"/>
    </row>
    <row r="29706" spans="4:5" x14ac:dyDescent="0.25">
      <c r="D29706" s="6">
        <v>5557.1570000000002</v>
      </c>
      <c r="E29706" s="6"/>
    </row>
    <row r="29707" spans="4:5" x14ac:dyDescent="0.25">
      <c r="D29707" s="6">
        <v>2519.4389999999999</v>
      </c>
      <c r="E29707" s="6"/>
    </row>
    <row r="29708" spans="4:5" x14ac:dyDescent="0.25">
      <c r="D29708" s="6">
        <v>479.95609999999999</v>
      </c>
      <c r="E29708" s="6"/>
    </row>
    <row r="29709" spans="4:5" x14ac:dyDescent="0.25">
      <c r="D29709" s="6">
        <v>5044</v>
      </c>
      <c r="E29709" s="6"/>
    </row>
    <row r="29710" spans="4:5" x14ac:dyDescent="0.25">
      <c r="D29710" s="6">
        <v>1576.172</v>
      </c>
      <c r="E29710" s="6"/>
    </row>
    <row r="29711" spans="4:5" x14ac:dyDescent="0.25">
      <c r="D29711" s="6">
        <v>2952.857</v>
      </c>
      <c r="E29711" s="6"/>
    </row>
    <row r="29712" spans="4:5" x14ac:dyDescent="0.25">
      <c r="D29712" s="6">
        <v>903.83259999999996</v>
      </c>
      <c r="E29712" s="6"/>
    </row>
    <row r="29713" spans="4:5" x14ac:dyDescent="0.25">
      <c r="D29713" s="6">
        <v>689.62660000000005</v>
      </c>
      <c r="E29713" s="6"/>
    </row>
    <row r="29714" spans="4:5" x14ac:dyDescent="0.25">
      <c r="D29714" s="6">
        <v>746.78989999999999</v>
      </c>
      <c r="E29714" s="6"/>
    </row>
    <row r="29715" spans="4:5" x14ac:dyDescent="0.25">
      <c r="D29715" s="6">
        <v>677.3723</v>
      </c>
      <c r="E29715" s="6"/>
    </row>
    <row r="29716" spans="4:5" x14ac:dyDescent="0.25">
      <c r="D29716" s="6">
        <v>7304.7979999999998</v>
      </c>
      <c r="E29716" s="6"/>
    </row>
    <row r="29717" spans="4:5" x14ac:dyDescent="0.25">
      <c r="D29717" s="6">
        <v>1303.3610000000001</v>
      </c>
      <c r="E29717" s="6"/>
    </row>
    <row r="29718" spans="4:5" x14ac:dyDescent="0.25">
      <c r="D29718" s="6">
        <v>1060.1079999999999</v>
      </c>
      <c r="E29718" s="6"/>
    </row>
    <row r="29719" spans="4:5" x14ac:dyDescent="0.25">
      <c r="D29719" s="6">
        <v>1238.04</v>
      </c>
      <c r="E29719" s="6"/>
    </row>
    <row r="29720" spans="4:5" x14ac:dyDescent="0.25">
      <c r="D29720" s="6">
        <v>653.77480000000003</v>
      </c>
      <c r="E29720" s="6"/>
    </row>
    <row r="29721" spans="4:5" x14ac:dyDescent="0.25">
      <c r="D29721" s="6">
        <v>2170.8409999999999</v>
      </c>
      <c r="E29721" s="6"/>
    </row>
    <row r="29722" spans="4:5" x14ac:dyDescent="0.25">
      <c r="D29722" s="6">
        <v>11484.02</v>
      </c>
      <c r="E29722" s="6"/>
    </row>
    <row r="29723" spans="4:5" x14ac:dyDescent="0.25">
      <c r="D29723" s="6">
        <v>3047.431</v>
      </c>
      <c r="E29723" s="6"/>
    </row>
    <row r="29724" spans="4:5" x14ac:dyDescent="0.25">
      <c r="D29724" s="6">
        <v>2435.2109999999998</v>
      </c>
      <c r="E29724" s="6"/>
    </row>
    <row r="29725" spans="4:5" x14ac:dyDescent="0.25">
      <c r="D29725" s="6">
        <v>7998.8580000000002</v>
      </c>
      <c r="E29725" s="6"/>
    </row>
    <row r="29726" spans="4:5" x14ac:dyDescent="0.25">
      <c r="D29726" s="6">
        <v>842.54089999999997</v>
      </c>
      <c r="E29726" s="6"/>
    </row>
    <row r="29727" spans="4:5" x14ac:dyDescent="0.25">
      <c r="D29727" s="6">
        <v>3275.8330000000001</v>
      </c>
      <c r="E29727" s="6"/>
    </row>
    <row r="29728" spans="4:5" x14ac:dyDescent="0.25">
      <c r="D29728" s="6">
        <v>1173.9590000000001</v>
      </c>
      <c r="E29728" s="6"/>
    </row>
    <row r="29729" spans="4:5" x14ac:dyDescent="0.25">
      <c r="D29729" s="6">
        <v>676.94389999999999</v>
      </c>
      <c r="E29729" s="6"/>
    </row>
    <row r="29730" spans="4:5" x14ac:dyDescent="0.25">
      <c r="D29730" s="6">
        <v>960.80190000000005</v>
      </c>
      <c r="E29730" s="6"/>
    </row>
    <row r="29731" spans="4:5" x14ac:dyDescent="0.25">
      <c r="D29731" s="6">
        <v>232.34129999999999</v>
      </c>
      <c r="E29731" s="6"/>
    </row>
    <row r="29732" spans="4:5" x14ac:dyDescent="0.25">
      <c r="D29732" s="6">
        <v>1273.681</v>
      </c>
      <c r="E29732" s="6"/>
    </row>
    <row r="29733" spans="4:5" x14ac:dyDescent="0.25">
      <c r="D29733" s="6">
        <v>193.22040000000001</v>
      </c>
      <c r="E29733" s="6"/>
    </row>
    <row r="29734" spans="4:5" x14ac:dyDescent="0.25">
      <c r="D29734" s="6">
        <v>1192.643</v>
      </c>
      <c r="E29734" s="6"/>
    </row>
    <row r="29735" spans="4:5" x14ac:dyDescent="0.25">
      <c r="D29735" s="6">
        <v>1290.049</v>
      </c>
      <c r="E29735" s="6"/>
    </row>
    <row r="29736" spans="4:5" x14ac:dyDescent="0.25">
      <c r="D29736" s="6">
        <v>519.48080000000004</v>
      </c>
      <c r="E29736" s="6"/>
    </row>
    <row r="29737" spans="4:5" x14ac:dyDescent="0.25">
      <c r="D29737" s="6">
        <v>564.79999999999995</v>
      </c>
      <c r="E29737" s="6"/>
    </row>
    <row r="29738" spans="4:5" x14ac:dyDescent="0.25">
      <c r="D29738" s="6">
        <v>1284.308</v>
      </c>
      <c r="E29738" s="6"/>
    </row>
    <row r="29739" spans="4:5" x14ac:dyDescent="0.25">
      <c r="D29739" s="6">
        <v>1512.296</v>
      </c>
      <c r="E29739" s="6"/>
    </row>
    <row r="29740" spans="4:5" x14ac:dyDescent="0.25">
      <c r="D29740" s="6">
        <v>726.10429999999997</v>
      </c>
      <c r="E29740" s="6"/>
    </row>
    <row r="29741" spans="4:5" x14ac:dyDescent="0.25">
      <c r="D29741" s="6">
        <v>747.14549999999997</v>
      </c>
      <c r="E29741" s="6"/>
    </row>
    <row r="29742" spans="4:5" x14ac:dyDescent="0.25">
      <c r="D29742" s="6">
        <v>970.13019999999995</v>
      </c>
      <c r="E29742" s="6"/>
    </row>
    <row r="29743" spans="4:5" x14ac:dyDescent="0.25">
      <c r="D29743" s="6">
        <v>717.13959999999997</v>
      </c>
      <c r="E29743" s="6"/>
    </row>
    <row r="29744" spans="4:5" x14ac:dyDescent="0.25">
      <c r="D29744" s="6">
        <v>15223.75</v>
      </c>
      <c r="E29744" s="6"/>
    </row>
    <row r="29745" spans="4:5" x14ac:dyDescent="0.25">
      <c r="D29745" s="6">
        <v>714.27049999999997</v>
      </c>
      <c r="E29745" s="6"/>
    </row>
    <row r="29746" spans="4:5" x14ac:dyDescent="0.25">
      <c r="D29746" s="6">
        <v>1039.3119999999999</v>
      </c>
      <c r="E29746" s="6"/>
    </row>
    <row r="29747" spans="4:5" x14ac:dyDescent="0.25">
      <c r="D29747" s="6">
        <v>1465.6189999999999</v>
      </c>
      <c r="E29747" s="6"/>
    </row>
    <row r="29748" spans="4:5" x14ac:dyDescent="0.25">
      <c r="D29748" s="6">
        <v>855.79520000000002</v>
      </c>
      <c r="E29748" s="6"/>
    </row>
    <row r="29749" spans="4:5" x14ac:dyDescent="0.25">
      <c r="D29749" s="6">
        <v>1888.9469999999999</v>
      </c>
      <c r="E29749" s="6"/>
    </row>
    <row r="29750" spans="4:5" x14ac:dyDescent="0.25">
      <c r="D29750" s="6">
        <v>1264.3889999999999</v>
      </c>
      <c r="E29750" s="6"/>
    </row>
    <row r="29751" spans="4:5" x14ac:dyDescent="0.25">
      <c r="D29751" s="6">
        <v>684.87620000000004</v>
      </c>
      <c r="E29751" s="6"/>
    </row>
    <row r="29752" spans="4:5" x14ac:dyDescent="0.25">
      <c r="D29752" s="6">
        <v>773.4425</v>
      </c>
      <c r="E29752" s="6"/>
    </row>
    <row r="29753" spans="4:5" x14ac:dyDescent="0.25">
      <c r="D29753" s="6">
        <v>10199</v>
      </c>
      <c r="E29753" s="6"/>
    </row>
    <row r="29754" spans="4:5" x14ac:dyDescent="0.25">
      <c r="D29754" s="6">
        <v>4574.04</v>
      </c>
      <c r="E29754" s="6"/>
    </row>
    <row r="29755" spans="4:5" x14ac:dyDescent="0.25">
      <c r="D29755" s="6">
        <v>508.04899999999998</v>
      </c>
      <c r="E29755" s="6"/>
    </row>
    <row r="29756" spans="4:5" x14ac:dyDescent="0.25">
      <c r="D29756" s="6">
        <v>588.17619999999999</v>
      </c>
      <c r="E29756" s="6"/>
    </row>
    <row r="29757" spans="4:5" x14ac:dyDescent="0.25">
      <c r="D29757" s="6">
        <v>516.56700000000001</v>
      </c>
      <c r="E29757" s="6"/>
    </row>
    <row r="29758" spans="4:5" x14ac:dyDescent="0.25">
      <c r="D29758" s="6">
        <v>744.80859999999996</v>
      </c>
      <c r="E29758" s="6"/>
    </row>
    <row r="29759" spans="4:5" x14ac:dyDescent="0.25">
      <c r="D29759" s="6">
        <v>1129.0889999999999</v>
      </c>
      <c r="E29759" s="6"/>
    </row>
    <row r="29760" spans="4:5" x14ac:dyDescent="0.25">
      <c r="D29760" s="6">
        <v>4047.7550000000001</v>
      </c>
      <c r="E29760" s="6"/>
    </row>
    <row r="29761" spans="4:5" x14ac:dyDescent="0.25">
      <c r="D29761" s="6">
        <v>1048.4770000000001</v>
      </c>
      <c r="E29761" s="6"/>
    </row>
    <row r="29762" spans="4:5" x14ac:dyDescent="0.25">
      <c r="D29762" s="6">
        <v>767.25229999999999</v>
      </c>
      <c r="E29762" s="6"/>
    </row>
    <row r="29763" spans="4:5" x14ac:dyDescent="0.25">
      <c r="D29763" s="6">
        <v>2565.1379999999999</v>
      </c>
      <c r="E29763" s="6"/>
    </row>
    <row r="29764" spans="4:5" x14ac:dyDescent="0.25">
      <c r="D29764" s="6">
        <v>1015.522</v>
      </c>
      <c r="E29764" s="6"/>
    </row>
    <row r="29765" spans="4:5" x14ac:dyDescent="0.25">
      <c r="D29765" s="6">
        <v>688.72749999999996</v>
      </c>
      <c r="E29765" s="6"/>
    </row>
    <row r="29766" spans="4:5" x14ac:dyDescent="0.25">
      <c r="D29766" s="6">
        <v>928.16110000000003</v>
      </c>
      <c r="E29766" s="6"/>
    </row>
    <row r="29767" spans="4:5" x14ac:dyDescent="0.25">
      <c r="D29767" s="6">
        <v>1106.9870000000001</v>
      </c>
      <c r="E29767" s="6"/>
    </row>
    <row r="29768" spans="4:5" x14ac:dyDescent="0.25">
      <c r="D29768" s="6">
        <v>1189.595</v>
      </c>
      <c r="E29768" s="6"/>
    </row>
    <row r="29769" spans="4:5" x14ac:dyDescent="0.25">
      <c r="D29769" s="6">
        <v>568.84619999999995</v>
      </c>
      <c r="E29769" s="6"/>
    </row>
    <row r="29770" spans="4:5" x14ac:dyDescent="0.25">
      <c r="D29770" s="6">
        <v>1052.4349999999999</v>
      </c>
      <c r="E29770" s="6"/>
    </row>
    <row r="29771" spans="4:5" x14ac:dyDescent="0.25">
      <c r="D29771" s="6">
        <v>6737.143</v>
      </c>
      <c r="E29771" s="6"/>
    </row>
    <row r="29772" spans="4:5" x14ac:dyDescent="0.25">
      <c r="D29772" s="6">
        <v>726.85350000000005</v>
      </c>
      <c r="E29772" s="6"/>
    </row>
    <row r="29773" spans="4:5" x14ac:dyDescent="0.25">
      <c r="D29773" s="6">
        <v>624.29679999999996</v>
      </c>
      <c r="E29773" s="6"/>
    </row>
    <row r="29774" spans="4:5" x14ac:dyDescent="0.25">
      <c r="D29774" s="6">
        <v>704.09140000000002</v>
      </c>
      <c r="E29774" s="6"/>
    </row>
    <row r="29775" spans="4:5" x14ac:dyDescent="0.25">
      <c r="D29775" s="6">
        <v>2381.1799999999998</v>
      </c>
      <c r="E29775" s="6"/>
    </row>
    <row r="29776" spans="4:5" x14ac:dyDescent="0.25">
      <c r="D29776" s="6">
        <v>619.01300000000003</v>
      </c>
      <c r="E29776" s="6"/>
    </row>
    <row r="29777" spans="4:5" x14ac:dyDescent="0.25">
      <c r="D29777" s="6">
        <v>1390.3140000000001</v>
      </c>
      <c r="E29777" s="6"/>
    </row>
    <row r="29778" spans="4:5" x14ac:dyDescent="0.25">
      <c r="D29778" s="6">
        <v>678.40279999999996</v>
      </c>
      <c r="E29778" s="6"/>
    </row>
    <row r="29779" spans="4:5" x14ac:dyDescent="0.25">
      <c r="D29779" s="6">
        <v>769.12509999999997</v>
      </c>
      <c r="E29779" s="6"/>
    </row>
    <row r="29780" spans="4:5" x14ac:dyDescent="0.25">
      <c r="D29780" s="6">
        <v>882.82</v>
      </c>
      <c r="E29780" s="6"/>
    </row>
    <row r="29781" spans="4:5" x14ac:dyDescent="0.25">
      <c r="D29781" s="6">
        <v>692.47649999999999</v>
      </c>
      <c r="E29781" s="6"/>
    </row>
    <row r="29782" spans="4:5" x14ac:dyDescent="0.25">
      <c r="D29782" s="6">
        <v>801.20579999999995</v>
      </c>
      <c r="E29782" s="6"/>
    </row>
    <row r="29783" spans="4:5" x14ac:dyDescent="0.25">
      <c r="D29783" s="6">
        <v>1019.155</v>
      </c>
      <c r="E29783" s="6"/>
    </row>
    <row r="29784" spans="4:5" x14ac:dyDescent="0.25">
      <c r="D29784" s="6">
        <v>962.56730000000005</v>
      </c>
      <c r="E29784" s="6"/>
    </row>
    <row r="29785" spans="4:5" x14ac:dyDescent="0.25">
      <c r="D29785" s="6">
        <v>412.21390000000002</v>
      </c>
      <c r="E29785" s="6"/>
    </row>
    <row r="29786" spans="4:5" x14ac:dyDescent="0.25">
      <c r="D29786" s="6">
        <v>2799.3470000000002</v>
      </c>
      <c r="E29786" s="6"/>
    </row>
    <row r="29787" spans="4:5" x14ac:dyDescent="0.25">
      <c r="D29787" s="6">
        <v>1191.482</v>
      </c>
      <c r="E29787" s="6"/>
    </row>
    <row r="29788" spans="4:5" x14ac:dyDescent="0.25">
      <c r="D29788" s="6">
        <v>642.82799999999997</v>
      </c>
      <c r="E29788" s="6"/>
    </row>
    <row r="29789" spans="4:5" x14ac:dyDescent="0.25">
      <c r="D29789" s="6">
        <v>1566.35</v>
      </c>
      <c r="E29789" s="6"/>
    </row>
    <row r="29790" spans="4:5" x14ac:dyDescent="0.25">
      <c r="D29790" s="6">
        <v>599.70230000000004</v>
      </c>
      <c r="E29790" s="6"/>
    </row>
    <row r="29791" spans="4:5" x14ac:dyDescent="0.25">
      <c r="D29791" s="6">
        <v>8375.7990000000009</v>
      </c>
      <c r="E29791" s="6"/>
    </row>
    <row r="29792" spans="4:5" x14ac:dyDescent="0.25">
      <c r="D29792" s="6">
        <v>1115.9059999999999</v>
      </c>
      <c r="E29792" s="6"/>
    </row>
    <row r="29793" spans="4:5" x14ac:dyDescent="0.25">
      <c r="D29793" s="6">
        <v>1256.6220000000001</v>
      </c>
      <c r="E29793" s="6"/>
    </row>
    <row r="29794" spans="4:5" x14ac:dyDescent="0.25">
      <c r="D29794" s="6">
        <v>3844</v>
      </c>
      <c r="E29794" s="6"/>
    </row>
    <row r="29795" spans="4:5" x14ac:dyDescent="0.25">
      <c r="D29795" s="6">
        <v>980.07629999999995</v>
      </c>
      <c r="E29795" s="6"/>
    </row>
    <row r="29796" spans="4:5" x14ac:dyDescent="0.25">
      <c r="D29796" s="6">
        <v>939.45579999999995</v>
      </c>
      <c r="E29796" s="6"/>
    </row>
    <row r="29797" spans="4:5" x14ac:dyDescent="0.25">
      <c r="D29797" s="6">
        <v>1255.9469999999999</v>
      </c>
      <c r="E29797" s="6"/>
    </row>
    <row r="29798" spans="4:5" x14ac:dyDescent="0.25">
      <c r="D29798" s="6">
        <v>528.17780000000005</v>
      </c>
      <c r="E29798" s="6"/>
    </row>
    <row r="29799" spans="4:5" x14ac:dyDescent="0.25">
      <c r="D29799" s="6">
        <v>745.78229999999996</v>
      </c>
      <c r="E29799" s="6"/>
    </row>
    <row r="29800" spans="4:5" x14ac:dyDescent="0.25">
      <c r="D29800" s="6">
        <v>3264.5970000000002</v>
      </c>
      <c r="E29800" s="6"/>
    </row>
    <row r="29801" spans="4:5" x14ac:dyDescent="0.25">
      <c r="D29801" s="6">
        <v>1312.5119999999999</v>
      </c>
      <c r="E29801" s="6"/>
    </row>
    <row r="29802" spans="4:5" x14ac:dyDescent="0.25">
      <c r="D29802" s="6">
        <v>1123.587</v>
      </c>
      <c r="E29802" s="6"/>
    </row>
    <row r="29803" spans="4:5" x14ac:dyDescent="0.25">
      <c r="D29803" s="6">
        <v>574.76750000000004</v>
      </c>
      <c r="E29803" s="6"/>
    </row>
    <row r="29804" spans="4:5" x14ac:dyDescent="0.25">
      <c r="D29804" s="6">
        <v>3598.7170000000001</v>
      </c>
      <c r="E29804" s="6"/>
    </row>
    <row r="29805" spans="4:5" x14ac:dyDescent="0.25">
      <c r="D29805" s="6">
        <v>4903.2489999999998</v>
      </c>
      <c r="E29805" s="6"/>
    </row>
    <row r="29806" spans="4:5" x14ac:dyDescent="0.25">
      <c r="D29806" s="6">
        <v>1072.2</v>
      </c>
      <c r="E29806" s="6"/>
    </row>
    <row r="29807" spans="4:5" x14ac:dyDescent="0.25">
      <c r="D29807" s="6">
        <v>1060.22</v>
      </c>
      <c r="E29807" s="6"/>
    </row>
    <row r="29808" spans="4:5" x14ac:dyDescent="0.25">
      <c r="D29808" s="6">
        <v>1434.3420000000001</v>
      </c>
      <c r="E29808" s="6"/>
    </row>
    <row r="29809" spans="4:5" x14ac:dyDescent="0.25">
      <c r="D29809" s="6">
        <v>870.44590000000005</v>
      </c>
      <c r="E29809" s="6"/>
    </row>
    <row r="29810" spans="4:5" x14ac:dyDescent="0.25">
      <c r="D29810" s="6">
        <v>629.27250000000004</v>
      </c>
      <c r="E29810" s="6"/>
    </row>
    <row r="29811" spans="4:5" x14ac:dyDescent="0.25">
      <c r="D29811" s="6">
        <v>889.50289999999995</v>
      </c>
      <c r="E29811" s="6"/>
    </row>
    <row r="29812" spans="4:5" x14ac:dyDescent="0.25">
      <c r="D29812" s="6">
        <v>11244.84</v>
      </c>
      <c r="E29812" s="6"/>
    </row>
    <row r="29813" spans="4:5" x14ac:dyDescent="0.25">
      <c r="D29813" s="6">
        <v>1174.9380000000001</v>
      </c>
      <c r="E29813" s="6"/>
    </row>
    <row r="29814" spans="4:5" x14ac:dyDescent="0.25">
      <c r="D29814" s="6">
        <v>832.45820000000003</v>
      </c>
      <c r="E29814" s="6"/>
    </row>
    <row r="29815" spans="4:5" x14ac:dyDescent="0.25">
      <c r="D29815" s="6">
        <v>4985.5780000000004</v>
      </c>
      <c r="E29815" s="6"/>
    </row>
    <row r="29816" spans="4:5" x14ac:dyDescent="0.25">
      <c r="D29816" s="6">
        <v>1424.1859999999999</v>
      </c>
      <c r="E29816" s="6"/>
    </row>
    <row r="29817" spans="4:5" x14ac:dyDescent="0.25">
      <c r="D29817" s="6">
        <v>468.0394</v>
      </c>
      <c r="E29817" s="6"/>
    </row>
    <row r="29818" spans="4:5" x14ac:dyDescent="0.25">
      <c r="D29818" s="6">
        <v>733.30740000000003</v>
      </c>
      <c r="E29818" s="6"/>
    </row>
    <row r="29819" spans="4:5" x14ac:dyDescent="0.25">
      <c r="D29819" s="6">
        <v>1219.5229999999999</v>
      </c>
      <c r="E29819" s="6"/>
    </row>
    <row r="29820" spans="4:5" x14ac:dyDescent="0.25">
      <c r="D29820" s="6">
        <v>257.94439999999997</v>
      </c>
      <c r="E29820" s="6"/>
    </row>
    <row r="29821" spans="4:5" x14ac:dyDescent="0.25">
      <c r="D29821" s="6">
        <v>543.07470000000001</v>
      </c>
      <c r="E29821" s="6"/>
    </row>
    <row r="29822" spans="4:5" x14ac:dyDescent="0.25">
      <c r="D29822" s="6">
        <v>755.49670000000003</v>
      </c>
      <c r="E29822" s="6"/>
    </row>
    <row r="29823" spans="4:5" x14ac:dyDescent="0.25">
      <c r="D29823" s="6">
        <v>1881.55</v>
      </c>
      <c r="E29823" s="6"/>
    </row>
    <row r="29824" spans="4:5" x14ac:dyDescent="0.25">
      <c r="D29824" s="6">
        <v>1028.796</v>
      </c>
      <c r="E29824" s="6"/>
    </row>
    <row r="29825" spans="4:5" x14ac:dyDescent="0.25">
      <c r="D29825" s="6">
        <v>1087.8130000000001</v>
      </c>
      <c r="E29825" s="6"/>
    </row>
    <row r="29826" spans="4:5" x14ac:dyDescent="0.25">
      <c r="D29826" s="6">
        <v>4020.732</v>
      </c>
      <c r="E29826" s="6"/>
    </row>
    <row r="29827" spans="4:5" x14ac:dyDescent="0.25">
      <c r="D29827" s="6">
        <v>1519.154</v>
      </c>
      <c r="E29827" s="6"/>
    </row>
    <row r="29828" spans="4:5" x14ac:dyDescent="0.25">
      <c r="D29828" s="6">
        <v>313.07319999999999</v>
      </c>
      <c r="E29828" s="6"/>
    </row>
    <row r="29829" spans="4:5" x14ac:dyDescent="0.25">
      <c r="D29829" s="6">
        <v>885.0616</v>
      </c>
      <c r="E29829" s="6"/>
    </row>
    <row r="29830" spans="4:5" x14ac:dyDescent="0.25">
      <c r="D29830" s="6">
        <v>646.16959999999995</v>
      </c>
      <c r="E29830" s="6"/>
    </row>
    <row r="29831" spans="4:5" x14ac:dyDescent="0.25">
      <c r="D29831" s="6">
        <v>1070.2929999999999</v>
      </c>
      <c r="E29831" s="6"/>
    </row>
    <row r="29832" spans="4:5" x14ac:dyDescent="0.25">
      <c r="D29832" s="6">
        <v>1077.4680000000001</v>
      </c>
      <c r="E29832" s="6"/>
    </row>
    <row r="29833" spans="4:5" x14ac:dyDescent="0.25">
      <c r="D29833" s="6">
        <v>744.45180000000005</v>
      </c>
      <c r="E29833" s="6"/>
    </row>
    <row r="29834" spans="4:5" x14ac:dyDescent="0.25">
      <c r="D29834" s="6">
        <v>717.3098</v>
      </c>
      <c r="E29834" s="6"/>
    </row>
    <row r="29835" spans="4:5" x14ac:dyDescent="0.25">
      <c r="D29835" s="6">
        <v>3716.5070000000001</v>
      </c>
      <c r="E29835" s="6"/>
    </row>
    <row r="29836" spans="4:5" x14ac:dyDescent="0.25">
      <c r="D29836" s="6">
        <v>1985.393</v>
      </c>
      <c r="E29836" s="6"/>
    </row>
    <row r="29837" spans="4:5" x14ac:dyDescent="0.25">
      <c r="D29837" s="6">
        <v>970.16629999999998</v>
      </c>
      <c r="E29837" s="6"/>
    </row>
    <row r="29838" spans="4:5" x14ac:dyDescent="0.25">
      <c r="D29838" s="6">
        <v>3497.3519999999999</v>
      </c>
      <c r="E29838" s="6"/>
    </row>
    <row r="29839" spans="4:5" x14ac:dyDescent="0.25">
      <c r="D29839" s="6">
        <v>444.7029</v>
      </c>
      <c r="E29839" s="6"/>
    </row>
    <row r="29840" spans="4:5" x14ac:dyDescent="0.25">
      <c r="D29840" s="6">
        <v>626.1223</v>
      </c>
      <c r="E29840" s="6"/>
    </row>
    <row r="29841" spans="4:5" x14ac:dyDescent="0.25">
      <c r="D29841" s="6">
        <v>477.2903</v>
      </c>
      <c r="E29841" s="6"/>
    </row>
    <row r="29842" spans="4:5" x14ac:dyDescent="0.25">
      <c r="D29842" s="6">
        <v>1568.5</v>
      </c>
      <c r="E29842" s="6"/>
    </row>
    <row r="29843" spans="4:5" x14ac:dyDescent="0.25">
      <c r="D29843" s="6">
        <v>1303.912</v>
      </c>
      <c r="E29843" s="6"/>
    </row>
    <row r="29844" spans="4:5" x14ac:dyDescent="0.25">
      <c r="D29844" s="6">
        <v>2348.694</v>
      </c>
      <c r="E29844" s="6"/>
    </row>
    <row r="29845" spans="4:5" x14ac:dyDescent="0.25">
      <c r="D29845" s="6">
        <v>679.11980000000005</v>
      </c>
      <c r="E29845" s="6"/>
    </row>
    <row r="29846" spans="4:5" x14ac:dyDescent="0.25">
      <c r="D29846" s="6">
        <v>742.71699999999998</v>
      </c>
      <c r="E29846" s="6"/>
    </row>
    <row r="29847" spans="4:5" x14ac:dyDescent="0.25">
      <c r="D29847" s="6">
        <v>751.91390000000001</v>
      </c>
      <c r="E29847" s="6"/>
    </row>
    <row r="29848" spans="4:5" x14ac:dyDescent="0.25">
      <c r="D29848" s="6">
        <v>808.95690000000002</v>
      </c>
      <c r="E29848" s="6"/>
    </row>
    <row r="29849" spans="4:5" x14ac:dyDescent="0.25">
      <c r="D29849" s="6">
        <v>1160.3489999999999</v>
      </c>
      <c r="E29849" s="6"/>
    </row>
    <row r="29850" spans="4:5" x14ac:dyDescent="0.25">
      <c r="D29850" s="6">
        <v>837.38400000000001</v>
      </c>
      <c r="E29850" s="6"/>
    </row>
    <row r="29851" spans="4:5" x14ac:dyDescent="0.25">
      <c r="D29851" s="6">
        <v>1192.8</v>
      </c>
      <c r="E29851" s="6"/>
    </row>
    <row r="29852" spans="4:5" x14ac:dyDescent="0.25">
      <c r="D29852" s="6">
        <v>8313.23</v>
      </c>
      <c r="E29852" s="6"/>
    </row>
    <row r="29853" spans="4:5" x14ac:dyDescent="0.25">
      <c r="D29853" s="6">
        <v>1058.21</v>
      </c>
      <c r="E29853" s="6"/>
    </row>
    <row r="29854" spans="4:5" x14ac:dyDescent="0.25">
      <c r="D29854" s="6">
        <v>1081.1610000000001</v>
      </c>
      <c r="E29854" s="6"/>
    </row>
    <row r="29855" spans="4:5" x14ac:dyDescent="0.25">
      <c r="D29855" s="6">
        <v>873.40899999999999</v>
      </c>
      <c r="E29855" s="6"/>
    </row>
    <row r="29856" spans="4:5" x14ac:dyDescent="0.25">
      <c r="D29856" s="6">
        <v>1383.9069999999999</v>
      </c>
      <c r="E29856" s="6"/>
    </row>
    <row r="29857" spans="4:5" x14ac:dyDescent="0.25">
      <c r="D29857" s="6">
        <v>1051.2360000000001</v>
      </c>
      <c r="E29857" s="6"/>
    </row>
    <row r="29858" spans="4:5" x14ac:dyDescent="0.25">
      <c r="D29858" s="6">
        <v>735.44140000000004</v>
      </c>
      <c r="E29858" s="6"/>
    </row>
    <row r="29859" spans="4:5" x14ac:dyDescent="0.25">
      <c r="D29859" s="6">
        <v>1110.873</v>
      </c>
      <c r="E29859" s="6"/>
    </row>
    <row r="29860" spans="4:5" x14ac:dyDescent="0.25">
      <c r="D29860" s="6">
        <v>801.29489999999998</v>
      </c>
      <c r="E29860" s="6"/>
    </row>
    <row r="29861" spans="4:5" x14ac:dyDescent="0.25">
      <c r="D29861" s="6">
        <v>1338.885</v>
      </c>
      <c r="E29861" s="6"/>
    </row>
    <row r="29862" spans="4:5" x14ac:dyDescent="0.25">
      <c r="D29862" s="6">
        <v>722.35659999999996</v>
      </c>
      <c r="E29862" s="6"/>
    </row>
    <row r="29863" spans="4:5" x14ac:dyDescent="0.25">
      <c r="D29863" s="6">
        <v>847.34889999999996</v>
      </c>
      <c r="E29863" s="6"/>
    </row>
    <row r="29864" spans="4:5" x14ac:dyDescent="0.25">
      <c r="D29864" s="6">
        <v>687.57560000000001</v>
      </c>
      <c r="E29864" s="6"/>
    </row>
    <row r="29865" spans="4:5" x14ac:dyDescent="0.25">
      <c r="D29865" s="6">
        <v>3459.8670000000002</v>
      </c>
      <c r="E29865" s="6"/>
    </row>
    <row r="29866" spans="4:5" x14ac:dyDescent="0.25">
      <c r="D29866" s="6">
        <v>1196.539</v>
      </c>
      <c r="E29866" s="6"/>
    </row>
    <row r="29867" spans="4:5" x14ac:dyDescent="0.25">
      <c r="D29867" s="6">
        <v>1695.6389999999999</v>
      </c>
      <c r="E29867" s="6"/>
    </row>
    <row r="29868" spans="4:5" x14ac:dyDescent="0.25">
      <c r="D29868" s="6">
        <v>1180.058</v>
      </c>
      <c r="E29868" s="6"/>
    </row>
    <row r="29869" spans="4:5" x14ac:dyDescent="0.25">
      <c r="D29869" s="6">
        <v>1132.903</v>
      </c>
      <c r="E29869" s="6"/>
    </row>
    <row r="29870" spans="4:5" x14ac:dyDescent="0.25">
      <c r="D29870" s="6">
        <v>2676</v>
      </c>
      <c r="E29870" s="6"/>
    </row>
    <row r="29871" spans="4:5" x14ac:dyDescent="0.25">
      <c r="D29871" s="6">
        <v>940.20309999999995</v>
      </c>
      <c r="E29871" s="6"/>
    </row>
    <row r="29872" spans="4:5" x14ac:dyDescent="0.25">
      <c r="D29872" s="6">
        <v>1390.672</v>
      </c>
      <c r="E29872" s="6"/>
    </row>
    <row r="29873" spans="4:5" x14ac:dyDescent="0.25">
      <c r="D29873" s="6">
        <v>796.10140000000001</v>
      </c>
      <c r="E29873" s="6"/>
    </row>
    <row r="29874" spans="4:5" x14ac:dyDescent="0.25">
      <c r="D29874" s="6">
        <v>1970.7650000000001</v>
      </c>
      <c r="E29874" s="6"/>
    </row>
    <row r="29875" spans="4:5" x14ac:dyDescent="0.25">
      <c r="D29875" s="6">
        <v>1173.973</v>
      </c>
      <c r="E29875" s="6"/>
    </row>
    <row r="29876" spans="4:5" x14ac:dyDescent="0.25">
      <c r="D29876" s="6">
        <v>667.98040000000003</v>
      </c>
      <c r="E29876" s="6"/>
    </row>
    <row r="29877" spans="4:5" x14ac:dyDescent="0.25">
      <c r="D29877" s="6">
        <v>3390.8330000000001</v>
      </c>
      <c r="E29877" s="6"/>
    </row>
    <row r="29878" spans="4:5" x14ac:dyDescent="0.25">
      <c r="D29878" s="6">
        <v>794.19979999999998</v>
      </c>
      <c r="E29878" s="6"/>
    </row>
    <row r="29879" spans="4:5" x14ac:dyDescent="0.25">
      <c r="D29879" s="6">
        <v>6392.6670000000004</v>
      </c>
      <c r="E29879" s="6"/>
    </row>
    <row r="29880" spans="4:5" x14ac:dyDescent="0.25">
      <c r="D29880" s="6">
        <v>1950.954</v>
      </c>
      <c r="E29880" s="6"/>
    </row>
    <row r="29881" spans="4:5" x14ac:dyDescent="0.25">
      <c r="D29881" s="6">
        <v>980.97230000000002</v>
      </c>
      <c r="E29881" s="6"/>
    </row>
    <row r="29882" spans="4:5" x14ac:dyDescent="0.25">
      <c r="D29882" s="6">
        <v>935.40899999999999</v>
      </c>
      <c r="E29882" s="6"/>
    </row>
    <row r="29883" spans="4:5" x14ac:dyDescent="0.25">
      <c r="D29883" s="6">
        <v>1146.25</v>
      </c>
      <c r="E29883" s="6"/>
    </row>
    <row r="29884" spans="4:5" x14ac:dyDescent="0.25">
      <c r="D29884" s="6">
        <v>946.52729999999997</v>
      </c>
      <c r="E29884" s="6"/>
    </row>
    <row r="29885" spans="4:5" x14ac:dyDescent="0.25">
      <c r="D29885" s="6">
        <v>1311.7739999999999</v>
      </c>
      <c r="E29885" s="6"/>
    </row>
    <row r="29886" spans="4:5" x14ac:dyDescent="0.25">
      <c r="D29886" s="6">
        <v>513.13369999999998</v>
      </c>
      <c r="E29886" s="6"/>
    </row>
    <row r="29887" spans="4:5" x14ac:dyDescent="0.25">
      <c r="D29887" s="6">
        <v>754.13760000000002</v>
      </c>
      <c r="E29887" s="6"/>
    </row>
    <row r="29888" spans="4:5" x14ac:dyDescent="0.25">
      <c r="D29888" s="6">
        <v>757.00689999999997</v>
      </c>
      <c r="E29888" s="6"/>
    </row>
    <row r="29889" spans="4:5" x14ac:dyDescent="0.25">
      <c r="D29889" s="6">
        <v>1280.575</v>
      </c>
      <c r="E29889" s="6"/>
    </row>
    <row r="29890" spans="4:5" x14ac:dyDescent="0.25">
      <c r="D29890" s="6">
        <v>1290.202</v>
      </c>
      <c r="E29890" s="6"/>
    </row>
    <row r="29891" spans="4:5" x14ac:dyDescent="0.25">
      <c r="D29891" s="6">
        <v>1257.1320000000001</v>
      </c>
      <c r="E29891" s="6"/>
    </row>
    <row r="29892" spans="4:5" x14ac:dyDescent="0.25">
      <c r="D29892" s="6">
        <v>5237.4470000000001</v>
      </c>
      <c r="E29892" s="6"/>
    </row>
    <row r="29893" spans="4:5" x14ac:dyDescent="0.25">
      <c r="D29893" s="6">
        <v>378.06110000000001</v>
      </c>
      <c r="E29893" s="6"/>
    </row>
    <row r="29894" spans="4:5" x14ac:dyDescent="0.25">
      <c r="D29894" s="6">
        <v>1183.68</v>
      </c>
      <c r="E29894" s="6"/>
    </row>
    <row r="29895" spans="4:5" x14ac:dyDescent="0.25">
      <c r="D29895" s="6">
        <v>657.82799999999997</v>
      </c>
      <c r="E29895" s="6"/>
    </row>
    <row r="29896" spans="4:5" x14ac:dyDescent="0.25">
      <c r="D29896" s="6">
        <v>660.43520000000001</v>
      </c>
      <c r="E29896" s="6"/>
    </row>
    <row r="29897" spans="4:5" x14ac:dyDescent="0.25">
      <c r="D29897" s="6">
        <v>748.17229999999995</v>
      </c>
      <c r="E29897" s="6"/>
    </row>
    <row r="29898" spans="4:5" x14ac:dyDescent="0.25">
      <c r="D29898" s="6">
        <v>1109.848</v>
      </c>
      <c r="E29898" s="6"/>
    </row>
    <row r="29899" spans="4:5" x14ac:dyDescent="0.25">
      <c r="D29899" s="6">
        <v>9904.7330000000002</v>
      </c>
      <c r="E29899" s="6"/>
    </row>
    <row r="29900" spans="4:5" x14ac:dyDescent="0.25">
      <c r="D29900" s="6">
        <v>1083.4690000000001</v>
      </c>
      <c r="E29900" s="6"/>
    </row>
    <row r="29901" spans="4:5" x14ac:dyDescent="0.25">
      <c r="D29901" s="6">
        <v>1876.0909999999999</v>
      </c>
      <c r="E29901" s="6"/>
    </row>
    <row r="29902" spans="4:5" x14ac:dyDescent="0.25">
      <c r="D29902" s="6">
        <v>1343.3130000000001</v>
      </c>
      <c r="E29902" s="6"/>
    </row>
    <row r="29903" spans="4:5" x14ac:dyDescent="0.25">
      <c r="D29903" s="6">
        <v>487.10149999999999</v>
      </c>
      <c r="E29903" s="6"/>
    </row>
    <row r="29904" spans="4:5" x14ac:dyDescent="0.25">
      <c r="D29904" s="6">
        <v>7186.1660000000002</v>
      </c>
      <c r="E29904" s="6"/>
    </row>
    <row r="29905" spans="4:5" x14ac:dyDescent="0.25">
      <c r="D29905" s="6">
        <v>1730.28</v>
      </c>
      <c r="E29905" s="6"/>
    </row>
    <row r="29906" spans="4:5" x14ac:dyDescent="0.25">
      <c r="D29906" s="6">
        <v>660.71389999999997</v>
      </c>
      <c r="E29906" s="6"/>
    </row>
    <row r="29907" spans="4:5" x14ac:dyDescent="0.25">
      <c r="D29907" s="6">
        <v>1027.079</v>
      </c>
      <c r="E29907" s="6"/>
    </row>
    <row r="29908" spans="4:5" x14ac:dyDescent="0.25">
      <c r="D29908" s="6">
        <v>1039.0119999999999</v>
      </c>
      <c r="E29908" s="6"/>
    </row>
    <row r="29909" spans="4:5" x14ac:dyDescent="0.25">
      <c r="D29909" s="6">
        <v>668.64959999999996</v>
      </c>
      <c r="E29909" s="6"/>
    </row>
    <row r="29910" spans="4:5" x14ac:dyDescent="0.25">
      <c r="D29910" s="6">
        <v>981.28689999999995</v>
      </c>
      <c r="E29910" s="6"/>
    </row>
    <row r="29911" spans="4:5" x14ac:dyDescent="0.25">
      <c r="D29911" s="6">
        <v>1205.54</v>
      </c>
      <c r="E29911" s="6"/>
    </row>
    <row r="29912" spans="4:5" x14ac:dyDescent="0.25">
      <c r="D29912" s="6">
        <v>914.3655</v>
      </c>
      <c r="E29912" s="6"/>
    </row>
    <row r="29913" spans="4:5" x14ac:dyDescent="0.25">
      <c r="D29913" s="6">
        <v>1187.308</v>
      </c>
      <c r="E29913" s="6"/>
    </row>
    <row r="29914" spans="4:5" x14ac:dyDescent="0.25">
      <c r="D29914" s="6">
        <v>1289.345</v>
      </c>
      <c r="E29914" s="6"/>
    </row>
    <row r="29915" spans="4:5" x14ac:dyDescent="0.25">
      <c r="D29915" s="6">
        <v>737.31290000000001</v>
      </c>
      <c r="E29915" s="6"/>
    </row>
    <row r="29916" spans="4:5" x14ac:dyDescent="0.25">
      <c r="D29916" s="6">
        <v>744.72490000000005</v>
      </c>
      <c r="E29916" s="6"/>
    </row>
    <row r="29917" spans="4:5" x14ac:dyDescent="0.25">
      <c r="D29917" s="6">
        <v>883.54349999999999</v>
      </c>
      <c r="E29917" s="6"/>
    </row>
    <row r="29918" spans="4:5" x14ac:dyDescent="0.25">
      <c r="D29918" s="6">
        <v>1021.965</v>
      </c>
      <c r="E29918" s="6"/>
    </row>
    <row r="29919" spans="4:5" x14ac:dyDescent="0.25">
      <c r="D29919" s="6">
        <v>1227.626</v>
      </c>
      <c r="E29919" s="6"/>
    </row>
    <row r="29920" spans="4:5" x14ac:dyDescent="0.25">
      <c r="D29920" s="6">
        <v>983.11270000000002</v>
      </c>
      <c r="E29920" s="6"/>
    </row>
    <row r="29921" spans="4:5" x14ac:dyDescent="0.25">
      <c r="D29921" s="6">
        <v>1018.609</v>
      </c>
      <c r="E29921" s="6"/>
    </row>
    <row r="29922" spans="4:5" x14ac:dyDescent="0.25">
      <c r="D29922" s="6">
        <v>1310.04</v>
      </c>
      <c r="E29922" s="6"/>
    </row>
    <row r="29923" spans="4:5" x14ac:dyDescent="0.25">
      <c r="D29923" s="6">
        <v>1109.17</v>
      </c>
      <c r="E29923" s="6"/>
    </row>
    <row r="29924" spans="4:5" x14ac:dyDescent="0.25">
      <c r="D29924" s="6">
        <v>1674.028</v>
      </c>
      <c r="E29924" s="6"/>
    </row>
    <row r="29925" spans="4:5" x14ac:dyDescent="0.25">
      <c r="D29925" s="6">
        <v>970.08579999999995</v>
      </c>
      <c r="E29925" s="6"/>
    </row>
    <row r="29926" spans="4:5" x14ac:dyDescent="0.25">
      <c r="D29926" s="6">
        <v>1680.0340000000001</v>
      </c>
      <c r="E29926" s="6"/>
    </row>
    <row r="29927" spans="4:5" x14ac:dyDescent="0.25">
      <c r="D29927" s="6">
        <v>944.39729999999997</v>
      </c>
      <c r="E29927" s="6"/>
    </row>
    <row r="29928" spans="4:5" x14ac:dyDescent="0.25">
      <c r="D29928" s="6">
        <v>761.05399999999997</v>
      </c>
      <c r="E29928" s="6"/>
    </row>
    <row r="29929" spans="4:5" x14ac:dyDescent="0.25">
      <c r="D29929" s="6">
        <v>1541.4590000000001</v>
      </c>
      <c r="E29929" s="6"/>
    </row>
    <row r="29930" spans="4:5" x14ac:dyDescent="0.25">
      <c r="D29930" s="6">
        <v>894.89290000000005</v>
      </c>
      <c r="E29930" s="6"/>
    </row>
    <row r="29931" spans="4:5" x14ac:dyDescent="0.25">
      <c r="D29931" s="6">
        <v>1209.8630000000001</v>
      </c>
      <c r="E29931" s="6"/>
    </row>
    <row r="29932" spans="4:5" x14ac:dyDescent="0.25">
      <c r="D29932" s="6">
        <v>1044.711</v>
      </c>
      <c r="E29932" s="6"/>
    </row>
    <row r="29933" spans="4:5" x14ac:dyDescent="0.25">
      <c r="D29933" s="6">
        <v>1211.4949999999999</v>
      </c>
      <c r="E29933" s="6"/>
    </row>
    <row r="29934" spans="4:5" x14ac:dyDescent="0.25">
      <c r="D29934" s="6">
        <v>1513.3</v>
      </c>
      <c r="E29934" s="6"/>
    </row>
    <row r="29935" spans="4:5" x14ac:dyDescent="0.25">
      <c r="D29935" s="6">
        <v>636.67430000000002</v>
      </c>
      <c r="E29935" s="6"/>
    </row>
    <row r="29936" spans="4:5" x14ac:dyDescent="0.25">
      <c r="D29936" s="6">
        <v>543.43809999999996</v>
      </c>
      <c r="E29936" s="6"/>
    </row>
    <row r="29937" spans="4:5" x14ac:dyDescent="0.25">
      <c r="D29937" s="6">
        <v>6149.86</v>
      </c>
      <c r="E29937" s="6"/>
    </row>
    <row r="29938" spans="4:5" x14ac:dyDescent="0.25">
      <c r="D29938" s="6">
        <v>604.02380000000005</v>
      </c>
      <c r="E29938" s="6"/>
    </row>
    <row r="29939" spans="4:5" x14ac:dyDescent="0.25">
      <c r="D29939" s="6">
        <v>969.86019999999996</v>
      </c>
      <c r="E29939" s="6"/>
    </row>
    <row r="29940" spans="4:5" x14ac:dyDescent="0.25">
      <c r="D29940" s="6">
        <v>729.16089999999997</v>
      </c>
      <c r="E29940" s="6"/>
    </row>
    <row r="29941" spans="4:5" x14ac:dyDescent="0.25">
      <c r="D29941" s="6">
        <v>1160.9480000000001</v>
      </c>
      <c r="E29941" s="6"/>
    </row>
    <row r="29942" spans="4:5" x14ac:dyDescent="0.25">
      <c r="D29942" s="6">
        <v>823.99770000000001</v>
      </c>
      <c r="E29942" s="6"/>
    </row>
    <row r="29943" spans="4:5" x14ac:dyDescent="0.25">
      <c r="D29943" s="6">
        <v>1271.5050000000001</v>
      </c>
      <c r="E29943" s="6"/>
    </row>
    <row r="29944" spans="4:5" x14ac:dyDescent="0.25">
      <c r="D29944" s="6">
        <v>1137.893</v>
      </c>
      <c r="E29944" s="6"/>
    </row>
    <row r="29945" spans="4:5" x14ac:dyDescent="0.25">
      <c r="D29945" s="6">
        <v>1697.029</v>
      </c>
      <c r="E29945" s="6"/>
    </row>
    <row r="29946" spans="4:5" x14ac:dyDescent="0.25">
      <c r="D29946" s="6">
        <v>638.37350000000004</v>
      </c>
      <c r="E29946" s="6"/>
    </row>
    <row r="29947" spans="4:5" x14ac:dyDescent="0.25">
      <c r="D29947" s="6">
        <v>1270.7850000000001</v>
      </c>
      <c r="E29947" s="6"/>
    </row>
    <row r="29948" spans="4:5" x14ac:dyDescent="0.25">
      <c r="D29948" s="6">
        <v>1100.02</v>
      </c>
      <c r="E29948" s="6"/>
    </row>
    <row r="29949" spans="4:5" x14ac:dyDescent="0.25">
      <c r="D29949" s="6">
        <v>1342.3610000000001</v>
      </c>
      <c r="E29949" s="6"/>
    </row>
    <row r="29950" spans="4:5" x14ac:dyDescent="0.25">
      <c r="D29950" s="6">
        <v>1354.636</v>
      </c>
      <c r="E29950" s="6"/>
    </row>
    <row r="29951" spans="4:5" x14ac:dyDescent="0.25">
      <c r="D29951" s="6">
        <v>1159.808</v>
      </c>
      <c r="E29951" s="6"/>
    </row>
    <row r="29952" spans="4:5" x14ac:dyDescent="0.25">
      <c r="D29952" s="6">
        <v>542.48389999999995</v>
      </c>
      <c r="E29952" s="6"/>
    </row>
    <row r="29953" spans="4:5" x14ac:dyDescent="0.25">
      <c r="D29953" s="6">
        <v>694.77840000000003</v>
      </c>
      <c r="E29953" s="6"/>
    </row>
    <row r="29954" spans="4:5" x14ac:dyDescent="0.25">
      <c r="D29954" s="6">
        <v>1163.499</v>
      </c>
      <c r="E29954" s="6"/>
    </row>
    <row r="29955" spans="4:5" x14ac:dyDescent="0.25">
      <c r="D29955" s="6">
        <v>807.56380000000001</v>
      </c>
      <c r="E29955" s="6"/>
    </row>
    <row r="29956" spans="4:5" x14ac:dyDescent="0.25">
      <c r="D29956" s="6">
        <v>6498.6</v>
      </c>
      <c r="E29956" s="6"/>
    </row>
    <row r="29957" spans="4:5" x14ac:dyDescent="0.25">
      <c r="D29957" s="6">
        <v>1330.4639999999999</v>
      </c>
      <c r="E29957" s="6"/>
    </row>
    <row r="29958" spans="4:5" x14ac:dyDescent="0.25">
      <c r="D29958" s="6">
        <v>1284.4269999999999</v>
      </c>
      <c r="E29958" s="6"/>
    </row>
    <row r="29959" spans="4:5" x14ac:dyDescent="0.25">
      <c r="D29959" s="6">
        <v>1139.749</v>
      </c>
      <c r="E29959" s="6"/>
    </row>
    <row r="29960" spans="4:5" x14ac:dyDescent="0.25">
      <c r="D29960" s="6">
        <v>649.5009</v>
      </c>
      <c r="E29960" s="6"/>
    </row>
    <row r="29961" spans="4:5" x14ac:dyDescent="0.25">
      <c r="D29961" s="6">
        <v>442.88889999999998</v>
      </c>
      <c r="E29961" s="6"/>
    </row>
    <row r="29962" spans="4:5" x14ac:dyDescent="0.25">
      <c r="D29962" s="6">
        <v>674.76179999999999</v>
      </c>
      <c r="E29962" s="6"/>
    </row>
    <row r="29963" spans="4:5" x14ac:dyDescent="0.25">
      <c r="D29963" s="6">
        <v>641.44200000000001</v>
      </c>
      <c r="E29963" s="6"/>
    </row>
    <row r="29964" spans="4:5" x14ac:dyDescent="0.25">
      <c r="D29964" s="6">
        <v>535.69380000000001</v>
      </c>
      <c r="E29964" s="6"/>
    </row>
    <row r="29965" spans="4:5" x14ac:dyDescent="0.25">
      <c r="D29965" s="6">
        <v>1061.96</v>
      </c>
      <c r="E29965" s="6"/>
    </row>
    <row r="29966" spans="4:5" x14ac:dyDescent="0.25">
      <c r="D29966" s="6">
        <v>1182.8309999999999</v>
      </c>
      <c r="E29966" s="6"/>
    </row>
    <row r="29967" spans="4:5" x14ac:dyDescent="0.25">
      <c r="D29967" s="6">
        <v>1173.059</v>
      </c>
      <c r="E29967" s="6"/>
    </row>
    <row r="29968" spans="4:5" x14ac:dyDescent="0.25">
      <c r="D29968" s="6">
        <v>1087.462</v>
      </c>
      <c r="E29968" s="6"/>
    </row>
    <row r="29969" spans="4:5" x14ac:dyDescent="0.25">
      <c r="D29969" s="6">
        <v>610.74109999999996</v>
      </c>
      <c r="E29969" s="6"/>
    </row>
    <row r="29970" spans="4:5" x14ac:dyDescent="0.25">
      <c r="D29970" s="6">
        <v>3285.8339999999998</v>
      </c>
      <c r="E29970" s="6"/>
    </row>
    <row r="29971" spans="4:5" x14ac:dyDescent="0.25">
      <c r="D29971" s="6">
        <v>1049.7650000000001</v>
      </c>
      <c r="E29971" s="6"/>
    </row>
    <row r="29972" spans="4:5" x14ac:dyDescent="0.25">
      <c r="D29972" s="6">
        <v>653.98609999999996</v>
      </c>
      <c r="E29972" s="6"/>
    </row>
    <row r="29973" spans="4:5" x14ac:dyDescent="0.25">
      <c r="D29973" s="6">
        <v>613.27909999999997</v>
      </c>
      <c r="E29973" s="6"/>
    </row>
    <row r="29974" spans="4:5" x14ac:dyDescent="0.25">
      <c r="D29974" s="6">
        <v>614.11879999999996</v>
      </c>
      <c r="E29974" s="6"/>
    </row>
    <row r="29975" spans="4:5" x14ac:dyDescent="0.25">
      <c r="D29975" s="6">
        <v>1519.6279999999999</v>
      </c>
      <c r="E29975" s="6"/>
    </row>
    <row r="29976" spans="4:5" x14ac:dyDescent="0.25">
      <c r="D29976" s="6">
        <v>9058.8050000000003</v>
      </c>
      <c r="E29976" s="6"/>
    </row>
    <row r="29977" spans="4:5" x14ac:dyDescent="0.25">
      <c r="D29977" s="6">
        <v>639.35220000000004</v>
      </c>
      <c r="E29977" s="6"/>
    </row>
    <row r="29978" spans="4:5" x14ac:dyDescent="0.25">
      <c r="D29978" s="6">
        <v>801.7962</v>
      </c>
      <c r="E29978" s="6"/>
    </row>
    <row r="29979" spans="4:5" x14ac:dyDescent="0.25">
      <c r="D29979" s="6">
        <v>1087.575</v>
      </c>
      <c r="E29979" s="6"/>
    </row>
    <row r="29980" spans="4:5" x14ac:dyDescent="0.25">
      <c r="D29980" s="6">
        <v>766.94640000000004</v>
      </c>
      <c r="E29980" s="6"/>
    </row>
    <row r="29981" spans="4:5" x14ac:dyDescent="0.25">
      <c r="D29981" s="6">
        <v>4575.6670000000004</v>
      </c>
      <c r="E29981" s="6"/>
    </row>
    <row r="29982" spans="4:5" x14ac:dyDescent="0.25">
      <c r="D29982" s="6">
        <v>5124.3159999999998</v>
      </c>
      <c r="E29982" s="6"/>
    </row>
    <row r="29983" spans="4:5" x14ac:dyDescent="0.25">
      <c r="D29983" s="6">
        <v>352.2</v>
      </c>
      <c r="E29983" s="6"/>
    </row>
    <row r="29984" spans="4:5" x14ac:dyDescent="0.25">
      <c r="D29984" s="6">
        <v>819.11389999999994</v>
      </c>
      <c r="E29984" s="6"/>
    </row>
    <row r="29985" spans="4:5" x14ac:dyDescent="0.25">
      <c r="D29985" s="6">
        <v>6031.4870000000001</v>
      </c>
      <c r="E29985" s="6"/>
    </row>
    <row r="29986" spans="4:5" x14ac:dyDescent="0.25">
      <c r="D29986" s="6">
        <v>430.57139999999998</v>
      </c>
      <c r="E29986" s="6"/>
    </row>
    <row r="29987" spans="4:5" x14ac:dyDescent="0.25">
      <c r="D29987" s="6">
        <v>4631.4340000000002</v>
      </c>
      <c r="E29987" s="6"/>
    </row>
    <row r="29988" spans="4:5" x14ac:dyDescent="0.25">
      <c r="D29988" s="6">
        <v>1262.067</v>
      </c>
      <c r="E29988" s="6"/>
    </row>
    <row r="29989" spans="4:5" x14ac:dyDescent="0.25">
      <c r="D29989" s="6">
        <v>8402.67</v>
      </c>
      <c r="E29989" s="6"/>
    </row>
    <row r="29990" spans="4:5" x14ac:dyDescent="0.25">
      <c r="D29990" s="6">
        <v>1042.932</v>
      </c>
      <c r="E29990" s="6"/>
    </row>
    <row r="29991" spans="4:5" x14ac:dyDescent="0.25">
      <c r="D29991" s="6">
        <v>805.77779999999996</v>
      </c>
      <c r="E29991" s="6"/>
    </row>
    <row r="29992" spans="4:5" x14ac:dyDescent="0.25">
      <c r="D29992" s="6">
        <v>804.95259999999996</v>
      </c>
      <c r="E29992" s="6"/>
    </row>
    <row r="29993" spans="4:5" x14ac:dyDescent="0.25">
      <c r="D29993" s="6">
        <v>182.68870000000001</v>
      </c>
      <c r="E29993" s="6"/>
    </row>
    <row r="29994" spans="4:5" x14ac:dyDescent="0.25">
      <c r="D29994" s="6">
        <v>990.67840000000001</v>
      </c>
      <c r="E29994" s="6"/>
    </row>
    <row r="29995" spans="4:5" x14ac:dyDescent="0.25">
      <c r="D29995" s="6">
        <v>645.11500000000001</v>
      </c>
      <c r="E29995" s="6"/>
    </row>
    <row r="29996" spans="4:5" x14ac:dyDescent="0.25">
      <c r="D29996" s="6">
        <v>2472.752</v>
      </c>
      <c r="E29996" s="6"/>
    </row>
    <row r="29997" spans="4:5" x14ac:dyDescent="0.25">
      <c r="D29997" s="6">
        <v>1716.3009999999999</v>
      </c>
      <c r="E29997" s="6"/>
    </row>
    <row r="29998" spans="4:5" x14ac:dyDescent="0.25">
      <c r="D29998" s="6">
        <v>1133.4559999999999</v>
      </c>
      <c r="E29998" s="6"/>
    </row>
    <row r="29999" spans="4:5" x14ac:dyDescent="0.25">
      <c r="D29999" s="6">
        <v>861.88649999999996</v>
      </c>
      <c r="E29999" s="6"/>
    </row>
    <row r="30000" spans="4:5" x14ac:dyDescent="0.25">
      <c r="D30000" s="6">
        <v>1221.2090000000001</v>
      </c>
      <c r="E30000" s="6"/>
    </row>
    <row r="30001" spans="4:5" x14ac:dyDescent="0.25">
      <c r="D30001" s="6">
        <v>2098.473</v>
      </c>
      <c r="E30001" s="6"/>
    </row>
    <row r="30002" spans="4:5" x14ac:dyDescent="0.25">
      <c r="D30002" s="6">
        <v>587.33540000000005</v>
      </c>
      <c r="E30002" s="6"/>
    </row>
    <row r="30003" spans="4:5" x14ac:dyDescent="0.25">
      <c r="D30003" s="6">
        <v>2238.3440000000001</v>
      </c>
      <c r="E30003" s="6"/>
    </row>
    <row r="30004" spans="4:5" x14ac:dyDescent="0.25">
      <c r="D30004" s="6">
        <v>1420.3610000000001</v>
      </c>
      <c r="E30004" s="6"/>
    </row>
    <row r="30005" spans="4:5" x14ac:dyDescent="0.25">
      <c r="D30005" s="6">
        <v>1093.713</v>
      </c>
      <c r="E30005" s="6"/>
    </row>
    <row r="30006" spans="4:5" x14ac:dyDescent="0.25">
      <c r="D30006" s="6">
        <v>848.42070000000001</v>
      </c>
      <c r="E30006" s="6"/>
    </row>
    <row r="30007" spans="4:5" x14ac:dyDescent="0.25">
      <c r="D30007" s="6">
        <v>623.83230000000003</v>
      </c>
      <c r="E30007" s="6"/>
    </row>
    <row r="30008" spans="4:5" x14ac:dyDescent="0.25">
      <c r="D30008" s="6">
        <v>674.50850000000003</v>
      </c>
      <c r="E30008" s="6"/>
    </row>
    <row r="30009" spans="4:5" x14ac:dyDescent="0.25">
      <c r="D30009" s="6">
        <v>606.57849999999996</v>
      </c>
      <c r="E30009" s="6"/>
    </row>
    <row r="30010" spans="4:5" x14ac:dyDescent="0.25">
      <c r="D30010" s="6">
        <v>1204.675</v>
      </c>
      <c r="E30010" s="6"/>
    </row>
    <row r="30011" spans="4:5" x14ac:dyDescent="0.25">
      <c r="D30011" s="6">
        <v>1074.0329999999999</v>
      </c>
      <c r="E30011" s="6"/>
    </row>
    <row r="30012" spans="4:5" x14ac:dyDescent="0.25">
      <c r="D30012" s="6">
        <v>722.96130000000005</v>
      </c>
      <c r="E30012" s="6"/>
    </row>
    <row r="30013" spans="4:5" x14ac:dyDescent="0.25">
      <c r="D30013" s="6">
        <v>1083.8430000000001</v>
      </c>
      <c r="E30013" s="6"/>
    </row>
    <row r="30014" spans="4:5" x14ac:dyDescent="0.25">
      <c r="D30014" s="6">
        <v>3211</v>
      </c>
      <c r="E30014" s="6"/>
    </row>
    <row r="30015" spans="4:5" x14ac:dyDescent="0.25">
      <c r="D30015" s="6">
        <v>1140.7619999999999</v>
      </c>
      <c r="E30015" s="6"/>
    </row>
    <row r="30016" spans="4:5" x14ac:dyDescent="0.25">
      <c r="D30016" s="6">
        <v>4206.53</v>
      </c>
      <c r="E30016" s="6"/>
    </row>
    <row r="30017" spans="4:5" x14ac:dyDescent="0.25">
      <c r="D30017" s="6">
        <v>1902.7349999999999</v>
      </c>
      <c r="E30017" s="6"/>
    </row>
    <row r="30018" spans="4:5" x14ac:dyDescent="0.25">
      <c r="D30018" s="6">
        <v>1236.3130000000001</v>
      </c>
      <c r="E30018" s="6"/>
    </row>
    <row r="30019" spans="4:5" x14ac:dyDescent="0.25">
      <c r="D30019" s="6">
        <v>496.6825</v>
      </c>
      <c r="E30019" s="6"/>
    </row>
    <row r="30020" spans="4:5" x14ac:dyDescent="0.25">
      <c r="D30020" s="6">
        <v>1035.182</v>
      </c>
      <c r="E30020" s="6"/>
    </row>
    <row r="30021" spans="4:5" x14ac:dyDescent="0.25">
      <c r="D30021" s="6">
        <v>1096.7719999999999</v>
      </c>
      <c r="E30021" s="6"/>
    </row>
    <row r="30022" spans="4:5" x14ac:dyDescent="0.25">
      <c r="D30022" s="6">
        <v>567.52660000000003</v>
      </c>
      <c r="E30022" s="6"/>
    </row>
    <row r="30023" spans="4:5" x14ac:dyDescent="0.25">
      <c r="D30023" s="6">
        <v>1132.3589999999999</v>
      </c>
      <c r="E30023" s="6"/>
    </row>
    <row r="30024" spans="4:5" x14ac:dyDescent="0.25">
      <c r="D30024" s="6">
        <v>4351.5</v>
      </c>
      <c r="E30024" s="6"/>
    </row>
    <row r="30025" spans="4:5" x14ac:dyDescent="0.25">
      <c r="D30025" s="6">
        <v>1321.223</v>
      </c>
      <c r="E30025" s="6"/>
    </row>
    <row r="30026" spans="4:5" x14ac:dyDescent="0.25">
      <c r="D30026" s="6">
        <v>1643.9639999999999</v>
      </c>
      <c r="E30026" s="6"/>
    </row>
    <row r="30027" spans="4:5" x14ac:dyDescent="0.25">
      <c r="D30027" s="6">
        <v>1315.2449999999999</v>
      </c>
      <c r="E30027" s="6"/>
    </row>
    <row r="30028" spans="4:5" x14ac:dyDescent="0.25">
      <c r="D30028" s="6">
        <v>9346.8359999999993</v>
      </c>
      <c r="E30028" s="6"/>
    </row>
    <row r="30029" spans="4:5" x14ac:dyDescent="0.25">
      <c r="D30029" s="6">
        <v>737.99549999999999</v>
      </c>
      <c r="E30029" s="6"/>
    </row>
    <row r="30030" spans="4:5" x14ac:dyDescent="0.25">
      <c r="D30030" s="6">
        <v>1419.2270000000001</v>
      </c>
      <c r="E30030" s="6"/>
    </row>
    <row r="30031" spans="4:5" x14ac:dyDescent="0.25">
      <c r="D30031" s="6">
        <v>608.22630000000004</v>
      </c>
      <c r="E30031" s="6"/>
    </row>
    <row r="30032" spans="4:5" x14ac:dyDescent="0.25">
      <c r="D30032" s="6">
        <v>870.72929999999997</v>
      </c>
      <c r="E30032" s="6"/>
    </row>
    <row r="30033" spans="4:5" x14ac:dyDescent="0.25">
      <c r="D30033" s="6">
        <v>1093.6110000000001</v>
      </c>
      <c r="E30033" s="6"/>
    </row>
    <row r="30034" spans="4:5" x14ac:dyDescent="0.25">
      <c r="D30034" s="6">
        <v>1051.924</v>
      </c>
      <c r="E30034" s="6"/>
    </row>
    <row r="30035" spans="4:5" x14ac:dyDescent="0.25">
      <c r="D30035" s="6">
        <v>2966.3249999999998</v>
      </c>
      <c r="E30035" s="6"/>
    </row>
    <row r="30036" spans="4:5" x14ac:dyDescent="0.25">
      <c r="D30036" s="6">
        <v>7608.34</v>
      </c>
      <c r="E30036" s="6"/>
    </row>
    <row r="30037" spans="4:5" x14ac:dyDescent="0.25">
      <c r="D30037" s="6">
        <v>608.44529999999997</v>
      </c>
      <c r="E30037" s="6"/>
    </row>
    <row r="30038" spans="4:5" x14ac:dyDescent="0.25">
      <c r="D30038" s="6">
        <v>343.5</v>
      </c>
      <c r="E30038" s="6"/>
    </row>
    <row r="30039" spans="4:5" x14ac:dyDescent="0.25">
      <c r="D30039" s="6">
        <v>497.08839999999998</v>
      </c>
      <c r="E30039" s="6"/>
    </row>
    <row r="30040" spans="4:5" x14ac:dyDescent="0.25">
      <c r="D30040" s="6">
        <v>1139.675</v>
      </c>
      <c r="E30040" s="6"/>
    </row>
    <row r="30041" spans="4:5" x14ac:dyDescent="0.25">
      <c r="D30041" s="6">
        <v>4266.42</v>
      </c>
      <c r="E30041" s="6"/>
    </row>
    <row r="30042" spans="4:5" x14ac:dyDescent="0.25">
      <c r="D30042" s="6">
        <v>3612.2420000000002</v>
      </c>
      <c r="E30042" s="6"/>
    </row>
    <row r="30043" spans="4:5" x14ac:dyDescent="0.25">
      <c r="D30043" s="6">
        <v>752.33910000000003</v>
      </c>
      <c r="E30043" s="6"/>
    </row>
    <row r="30044" spans="4:5" x14ac:dyDescent="0.25">
      <c r="D30044" s="6">
        <v>736.88670000000002</v>
      </c>
      <c r="E30044" s="6"/>
    </row>
    <row r="30045" spans="4:5" x14ac:dyDescent="0.25">
      <c r="D30045" s="6">
        <v>5109</v>
      </c>
      <c r="E30045" s="6"/>
    </row>
    <row r="30046" spans="4:5" x14ac:dyDescent="0.25">
      <c r="D30046" s="6">
        <v>4536.2690000000002</v>
      </c>
      <c r="E30046" s="6"/>
    </row>
    <row r="30047" spans="4:5" x14ac:dyDescent="0.25">
      <c r="D30047" s="6">
        <v>1066.797</v>
      </c>
      <c r="E30047" s="6"/>
    </row>
    <row r="30048" spans="4:5" x14ac:dyDescent="0.25">
      <c r="D30048" s="6">
        <v>715.23680000000002</v>
      </c>
      <c r="E30048" s="6"/>
    </row>
    <row r="30049" spans="4:5" x14ac:dyDescent="0.25">
      <c r="D30049" s="6">
        <v>2577.6959999999999</v>
      </c>
      <c r="E30049" s="6"/>
    </row>
    <row r="30050" spans="4:5" x14ac:dyDescent="0.25">
      <c r="D30050" s="6">
        <v>6207.4840000000004</v>
      </c>
      <c r="E30050" s="6"/>
    </row>
    <row r="30051" spans="4:5" x14ac:dyDescent="0.25">
      <c r="D30051" s="6">
        <v>508.6386</v>
      </c>
      <c r="E30051" s="6"/>
    </row>
    <row r="30052" spans="4:5" x14ac:dyDescent="0.25">
      <c r="D30052" s="6">
        <v>808.47040000000004</v>
      </c>
      <c r="E30052" s="6"/>
    </row>
    <row r="30053" spans="4:5" x14ac:dyDescent="0.25">
      <c r="D30053" s="6">
        <v>714.02200000000005</v>
      </c>
      <c r="E30053" s="6"/>
    </row>
    <row r="30054" spans="4:5" x14ac:dyDescent="0.25">
      <c r="D30054" s="6">
        <v>930.84169999999995</v>
      </c>
      <c r="E30054" s="6"/>
    </row>
    <row r="30055" spans="4:5" x14ac:dyDescent="0.25">
      <c r="D30055" s="6">
        <v>6201.2860000000001</v>
      </c>
      <c r="E30055" s="6"/>
    </row>
    <row r="30056" spans="4:5" x14ac:dyDescent="0.25">
      <c r="D30056" s="6">
        <v>1126.7190000000001</v>
      </c>
      <c r="E30056" s="6"/>
    </row>
    <row r="30057" spans="4:5" x14ac:dyDescent="0.25">
      <c r="D30057" s="6">
        <v>508.06909999999999</v>
      </c>
      <c r="E30057" s="6"/>
    </row>
    <row r="30058" spans="4:5" x14ac:dyDescent="0.25">
      <c r="D30058" s="6">
        <v>1009.157</v>
      </c>
      <c r="E30058" s="6"/>
    </row>
    <row r="30059" spans="4:5" x14ac:dyDescent="0.25">
      <c r="D30059" s="6">
        <v>734.66269999999997</v>
      </c>
      <c r="E30059" s="6"/>
    </row>
    <row r="30060" spans="4:5" x14ac:dyDescent="0.25">
      <c r="D30060" s="6">
        <v>2027.953</v>
      </c>
      <c r="E30060" s="6"/>
    </row>
    <row r="30061" spans="4:5" x14ac:dyDescent="0.25">
      <c r="D30061" s="6">
        <v>1411.1010000000001</v>
      </c>
      <c r="E30061" s="6"/>
    </row>
    <row r="30062" spans="4:5" x14ac:dyDescent="0.25">
      <c r="D30062" s="6">
        <v>1053.627</v>
      </c>
      <c r="E30062" s="6"/>
    </row>
    <row r="30063" spans="4:5" x14ac:dyDescent="0.25">
      <c r="D30063" s="6">
        <v>514.87379999999996</v>
      </c>
      <c r="E30063" s="6"/>
    </row>
    <row r="30064" spans="4:5" x14ac:dyDescent="0.25">
      <c r="D30064" s="6">
        <v>573.35260000000005</v>
      </c>
      <c r="E30064" s="6"/>
    </row>
    <row r="30065" spans="4:5" x14ac:dyDescent="0.25">
      <c r="D30065" s="6">
        <v>331.83120000000002</v>
      </c>
      <c r="E30065" s="6"/>
    </row>
    <row r="30066" spans="4:5" x14ac:dyDescent="0.25">
      <c r="D30066" s="6">
        <v>307.73970000000003</v>
      </c>
      <c r="E30066" s="6"/>
    </row>
    <row r="30067" spans="4:5" x14ac:dyDescent="0.25">
      <c r="D30067" s="6">
        <v>1077.9659999999999</v>
      </c>
      <c r="E30067" s="6"/>
    </row>
    <row r="30068" spans="4:5" x14ac:dyDescent="0.25">
      <c r="D30068" s="6">
        <v>982.68619999999999</v>
      </c>
      <c r="E30068" s="6"/>
    </row>
    <row r="30069" spans="4:5" x14ac:dyDescent="0.25">
      <c r="D30069" s="6">
        <v>1042.201</v>
      </c>
      <c r="E30069" s="6"/>
    </row>
    <row r="30070" spans="4:5" x14ac:dyDescent="0.25">
      <c r="D30070" s="6">
        <v>915.44830000000002</v>
      </c>
      <c r="E30070" s="6"/>
    </row>
    <row r="30071" spans="4:5" x14ac:dyDescent="0.25">
      <c r="D30071" s="6">
        <v>6549.4179999999997</v>
      </c>
      <c r="E30071" s="6"/>
    </row>
    <row r="30072" spans="4:5" x14ac:dyDescent="0.25">
      <c r="D30072" s="6">
        <v>1048.6320000000001</v>
      </c>
      <c r="E30072" s="6"/>
    </row>
    <row r="30073" spans="4:5" x14ac:dyDescent="0.25">
      <c r="D30073" s="6">
        <v>954.36829999999998</v>
      </c>
      <c r="E30073" s="6"/>
    </row>
    <row r="30074" spans="4:5" x14ac:dyDescent="0.25">
      <c r="D30074" s="6">
        <v>899.16120000000001</v>
      </c>
      <c r="E30074" s="6"/>
    </row>
    <row r="30075" spans="4:5" x14ac:dyDescent="0.25">
      <c r="D30075" s="6">
        <v>645.39620000000002</v>
      </c>
      <c r="E30075" s="6"/>
    </row>
    <row r="30076" spans="4:5" x14ac:dyDescent="0.25">
      <c r="D30076" s="6">
        <v>901.0136</v>
      </c>
      <c r="E30076" s="6"/>
    </row>
    <row r="30077" spans="4:5" x14ac:dyDescent="0.25">
      <c r="D30077" s="6">
        <v>910.23659999999995</v>
      </c>
      <c r="E30077" s="6"/>
    </row>
    <row r="30078" spans="4:5" x14ac:dyDescent="0.25">
      <c r="D30078" s="6">
        <v>1214.6300000000001</v>
      </c>
      <c r="E30078" s="6"/>
    </row>
    <row r="30079" spans="4:5" x14ac:dyDescent="0.25">
      <c r="D30079" s="6">
        <v>486.16699999999997</v>
      </c>
      <c r="E30079" s="6"/>
    </row>
    <row r="30080" spans="4:5" x14ac:dyDescent="0.25">
      <c r="D30080" s="6">
        <v>885.28560000000004</v>
      </c>
      <c r="E30080" s="6"/>
    </row>
    <row r="30081" spans="4:5" x14ac:dyDescent="0.25">
      <c r="D30081" s="6">
        <v>389.78489999999999</v>
      </c>
      <c r="E30081" s="6"/>
    </row>
    <row r="30082" spans="4:5" x14ac:dyDescent="0.25">
      <c r="D30082" s="6">
        <v>1352.374</v>
      </c>
      <c r="E30082" s="6"/>
    </row>
    <row r="30083" spans="4:5" x14ac:dyDescent="0.25">
      <c r="D30083" s="6">
        <v>921.90570000000002</v>
      </c>
      <c r="E30083" s="6"/>
    </row>
    <row r="30084" spans="4:5" x14ac:dyDescent="0.25">
      <c r="D30084" s="6">
        <v>909.04179999999997</v>
      </c>
      <c r="E30084" s="6"/>
    </row>
    <row r="30085" spans="4:5" x14ac:dyDescent="0.25">
      <c r="D30085" s="6">
        <v>495.80099999999999</v>
      </c>
      <c r="E30085" s="6"/>
    </row>
    <row r="30086" spans="4:5" x14ac:dyDescent="0.25">
      <c r="D30086" s="6">
        <v>1103.5999999999999</v>
      </c>
      <c r="E30086" s="6"/>
    </row>
    <row r="30087" spans="4:5" x14ac:dyDescent="0.25">
      <c r="D30087" s="6">
        <v>1827.088</v>
      </c>
      <c r="E30087" s="6"/>
    </row>
    <row r="30088" spans="4:5" x14ac:dyDescent="0.25">
      <c r="D30088" s="6">
        <v>457</v>
      </c>
      <c r="E30088" s="6"/>
    </row>
    <row r="30089" spans="4:5" x14ac:dyDescent="0.25">
      <c r="D30089" s="6">
        <v>723.68269999999995</v>
      </c>
      <c r="E30089" s="6"/>
    </row>
    <row r="30090" spans="4:5" x14ac:dyDescent="0.25">
      <c r="D30090" s="6">
        <v>9164.259</v>
      </c>
      <c r="E30090" s="6"/>
    </row>
    <row r="30091" spans="4:5" x14ac:dyDescent="0.25">
      <c r="D30091" s="6">
        <v>965.32719999999995</v>
      </c>
      <c r="E30091" s="6"/>
    </row>
    <row r="30092" spans="4:5" x14ac:dyDescent="0.25">
      <c r="D30092" s="6">
        <v>8921.7180000000008</v>
      </c>
      <c r="E30092" s="6"/>
    </row>
    <row r="30093" spans="4:5" x14ac:dyDescent="0.25">
      <c r="D30093" s="6">
        <v>914.51300000000003</v>
      </c>
      <c r="E30093" s="6"/>
    </row>
    <row r="30094" spans="4:5" x14ac:dyDescent="0.25">
      <c r="D30094" s="6">
        <v>195.0403</v>
      </c>
      <c r="E30094" s="6"/>
    </row>
    <row r="30095" spans="4:5" x14ac:dyDescent="0.25">
      <c r="D30095" s="6">
        <v>1191</v>
      </c>
      <c r="E30095" s="6"/>
    </row>
    <row r="30096" spans="4:5" x14ac:dyDescent="0.25">
      <c r="D30096" s="6">
        <v>1208.2650000000001</v>
      </c>
      <c r="E30096" s="6"/>
    </row>
    <row r="30097" spans="4:5" x14ac:dyDescent="0.25">
      <c r="D30097" s="6">
        <v>829.97119999999995</v>
      </c>
      <c r="E30097" s="6"/>
    </row>
    <row r="30098" spans="4:5" x14ac:dyDescent="0.25">
      <c r="D30098" s="6">
        <v>644.41780000000006</v>
      </c>
      <c r="E30098" s="6"/>
    </row>
    <row r="30099" spans="4:5" x14ac:dyDescent="0.25">
      <c r="D30099" s="6">
        <v>689.93409999999994</v>
      </c>
      <c r="E30099" s="6"/>
    </row>
    <row r="30100" spans="4:5" x14ac:dyDescent="0.25">
      <c r="D30100" s="6">
        <v>956.92200000000003</v>
      </c>
      <c r="E30100" s="6"/>
    </row>
    <row r="30101" spans="4:5" x14ac:dyDescent="0.25">
      <c r="D30101" s="6">
        <v>456.44630000000001</v>
      </c>
      <c r="E30101" s="6"/>
    </row>
    <row r="30102" spans="4:5" x14ac:dyDescent="0.25">
      <c r="D30102" s="6">
        <v>8992.3430000000008</v>
      </c>
      <c r="E30102" s="6"/>
    </row>
    <row r="30103" spans="4:5" x14ac:dyDescent="0.25">
      <c r="D30103" s="6">
        <v>187.64750000000001</v>
      </c>
      <c r="E30103" s="6"/>
    </row>
    <row r="30104" spans="4:5" x14ac:dyDescent="0.25">
      <c r="D30104" s="6">
        <v>6316.9930000000004</v>
      </c>
      <c r="E30104" s="6"/>
    </row>
    <row r="30105" spans="4:5" x14ac:dyDescent="0.25">
      <c r="D30105" s="6">
        <v>800.8492</v>
      </c>
      <c r="E30105" s="6"/>
    </row>
    <row r="30106" spans="4:5" x14ac:dyDescent="0.25">
      <c r="D30106" s="6">
        <v>734.0711</v>
      </c>
      <c r="E30106" s="6"/>
    </row>
    <row r="30107" spans="4:5" x14ac:dyDescent="0.25">
      <c r="D30107" s="6">
        <v>456.39229999999998</v>
      </c>
      <c r="E30107" s="6"/>
    </row>
    <row r="30108" spans="4:5" x14ac:dyDescent="0.25">
      <c r="D30108" s="6">
        <v>832.93970000000002</v>
      </c>
      <c r="E30108" s="6"/>
    </row>
    <row r="30109" spans="4:5" x14ac:dyDescent="0.25">
      <c r="D30109" s="6">
        <v>715.93970000000002</v>
      </c>
      <c r="E30109" s="6"/>
    </row>
    <row r="30110" spans="4:5" x14ac:dyDescent="0.25">
      <c r="D30110" s="6">
        <v>746.48889999999994</v>
      </c>
      <c r="E30110" s="6"/>
    </row>
    <row r="30111" spans="4:5" x14ac:dyDescent="0.25">
      <c r="D30111" s="6">
        <v>673.50620000000004</v>
      </c>
      <c r="E30111" s="6"/>
    </row>
    <row r="30112" spans="4:5" x14ac:dyDescent="0.25">
      <c r="D30112" s="6">
        <v>5183</v>
      </c>
      <c r="E30112" s="6"/>
    </row>
    <row r="30113" spans="4:5" x14ac:dyDescent="0.25">
      <c r="D30113" s="6">
        <v>768.22429999999997</v>
      </c>
      <c r="E30113" s="6"/>
    </row>
    <row r="30114" spans="4:5" x14ac:dyDescent="0.25">
      <c r="D30114" s="6">
        <v>8349.7720000000008</v>
      </c>
      <c r="E30114" s="6"/>
    </row>
    <row r="30115" spans="4:5" x14ac:dyDescent="0.25">
      <c r="D30115" s="6">
        <v>843.11329999999998</v>
      </c>
      <c r="E30115" s="6"/>
    </row>
    <row r="30116" spans="4:5" x14ac:dyDescent="0.25">
      <c r="D30116" s="6">
        <v>1668.9549999999999</v>
      </c>
      <c r="E30116" s="6"/>
    </row>
    <row r="30117" spans="4:5" x14ac:dyDescent="0.25">
      <c r="D30117" s="6">
        <v>1050.2629999999999</v>
      </c>
      <c r="E30117" s="6"/>
    </row>
    <row r="30118" spans="4:5" x14ac:dyDescent="0.25">
      <c r="D30118" s="6">
        <v>810.17690000000005</v>
      </c>
      <c r="E30118" s="6"/>
    </row>
    <row r="30119" spans="4:5" x14ac:dyDescent="0.25">
      <c r="D30119" s="6">
        <v>1698.72</v>
      </c>
      <c r="E30119" s="6"/>
    </row>
    <row r="30120" spans="4:5" x14ac:dyDescent="0.25">
      <c r="D30120" s="6">
        <v>674.30709999999999</v>
      </c>
      <c r="E30120" s="6"/>
    </row>
    <row r="30121" spans="4:5" x14ac:dyDescent="0.25">
      <c r="D30121" s="6">
        <v>6940.2079999999996</v>
      </c>
      <c r="E30121" s="6"/>
    </row>
    <row r="30122" spans="4:5" x14ac:dyDescent="0.25">
      <c r="D30122" s="6">
        <v>3453.5610000000001</v>
      </c>
      <c r="E30122" s="6"/>
    </row>
    <row r="30123" spans="4:5" x14ac:dyDescent="0.25">
      <c r="D30123" s="6">
        <v>1036.4490000000001</v>
      </c>
      <c r="E30123" s="6"/>
    </row>
    <row r="30124" spans="4:5" x14ac:dyDescent="0.25">
      <c r="D30124" s="6">
        <v>1481.81</v>
      </c>
      <c r="E30124" s="6"/>
    </row>
    <row r="30125" spans="4:5" x14ac:dyDescent="0.25">
      <c r="D30125" s="6">
        <v>843.38639999999998</v>
      </c>
      <c r="E30125" s="6"/>
    </row>
    <row r="30126" spans="4:5" x14ac:dyDescent="0.25">
      <c r="D30126" s="6">
        <v>491.66789999999997</v>
      </c>
      <c r="E30126" s="6"/>
    </row>
    <row r="30127" spans="4:5" x14ac:dyDescent="0.25">
      <c r="D30127" s="6">
        <v>10361.92</v>
      </c>
      <c r="E30127" s="6"/>
    </row>
    <row r="30128" spans="4:5" x14ac:dyDescent="0.25">
      <c r="D30128" s="6">
        <v>603.09500000000003</v>
      </c>
      <c r="E30128" s="6"/>
    </row>
    <row r="30129" spans="4:5" x14ac:dyDescent="0.25">
      <c r="D30129" s="6">
        <v>1004.057</v>
      </c>
      <c r="E30129" s="6"/>
    </row>
    <row r="30130" spans="4:5" x14ac:dyDescent="0.25">
      <c r="D30130" s="6">
        <v>825.49559999999997</v>
      </c>
      <c r="E30130" s="6"/>
    </row>
    <row r="30131" spans="4:5" x14ac:dyDescent="0.25">
      <c r="D30131" s="6">
        <v>666.56700000000001</v>
      </c>
      <c r="E30131" s="6"/>
    </row>
    <row r="30132" spans="4:5" x14ac:dyDescent="0.25">
      <c r="D30132" s="6">
        <v>533.18269999999995</v>
      </c>
      <c r="E30132" s="6"/>
    </row>
    <row r="30133" spans="4:5" x14ac:dyDescent="0.25">
      <c r="D30133" s="6">
        <v>940.94500000000005</v>
      </c>
      <c r="E30133" s="6"/>
    </row>
    <row r="30134" spans="4:5" x14ac:dyDescent="0.25">
      <c r="D30134" s="6">
        <v>8801.152</v>
      </c>
      <c r="E30134" s="6"/>
    </row>
    <row r="30135" spans="4:5" x14ac:dyDescent="0.25">
      <c r="D30135" s="6">
        <v>1708.626</v>
      </c>
      <c r="E30135" s="6"/>
    </row>
    <row r="30136" spans="4:5" x14ac:dyDescent="0.25">
      <c r="D30136" s="6">
        <v>992.14660000000003</v>
      </c>
      <c r="E30136" s="6"/>
    </row>
    <row r="30137" spans="4:5" x14ac:dyDescent="0.25">
      <c r="D30137" s="6">
        <v>803.10940000000005</v>
      </c>
      <c r="E30137" s="6"/>
    </row>
    <row r="30138" spans="4:5" x14ac:dyDescent="0.25">
      <c r="D30138" s="6">
        <v>1091.5999999999999</v>
      </c>
      <c r="E30138" s="6"/>
    </row>
    <row r="30139" spans="4:5" x14ac:dyDescent="0.25">
      <c r="D30139" s="6">
        <v>964.27819999999997</v>
      </c>
      <c r="E30139" s="6"/>
    </row>
    <row r="30140" spans="4:5" x14ac:dyDescent="0.25">
      <c r="D30140" s="6">
        <v>1077.8130000000001</v>
      </c>
      <c r="E30140" s="6"/>
    </row>
    <row r="30141" spans="4:5" x14ac:dyDescent="0.25">
      <c r="D30141" s="6">
        <v>5769.49</v>
      </c>
      <c r="E30141" s="6"/>
    </row>
    <row r="30142" spans="4:5" x14ac:dyDescent="0.25">
      <c r="D30142" s="6">
        <v>1131.752</v>
      </c>
      <c r="E30142" s="6"/>
    </row>
    <row r="30143" spans="4:5" x14ac:dyDescent="0.25">
      <c r="D30143" s="6">
        <v>1090.873</v>
      </c>
      <c r="E30143" s="6"/>
    </row>
    <row r="30144" spans="4:5" x14ac:dyDescent="0.25">
      <c r="D30144" s="6">
        <v>4157.8890000000001</v>
      </c>
      <c r="E30144" s="6"/>
    </row>
    <row r="30145" spans="4:5" x14ac:dyDescent="0.25">
      <c r="D30145" s="6">
        <v>948.85709999999995</v>
      </c>
      <c r="E30145" s="6"/>
    </row>
    <row r="30146" spans="4:5" x14ac:dyDescent="0.25">
      <c r="D30146" s="6">
        <v>619.6979</v>
      </c>
      <c r="E30146" s="6"/>
    </row>
    <row r="30147" spans="4:5" x14ac:dyDescent="0.25">
      <c r="D30147" s="6">
        <v>557.04409999999996</v>
      </c>
      <c r="E30147" s="6"/>
    </row>
    <row r="30148" spans="4:5" x14ac:dyDescent="0.25">
      <c r="D30148" s="6">
        <v>540.54459999999995</v>
      </c>
      <c r="E30148" s="6"/>
    </row>
    <row r="30149" spans="4:5" x14ac:dyDescent="0.25">
      <c r="D30149" s="6">
        <v>1799.4639999999999</v>
      </c>
      <c r="E30149" s="6"/>
    </row>
    <row r="30150" spans="4:5" x14ac:dyDescent="0.25">
      <c r="D30150" s="6">
        <v>193.0121</v>
      </c>
      <c r="E30150" s="6"/>
    </row>
    <row r="30151" spans="4:5" x14ac:dyDescent="0.25">
      <c r="D30151" s="6">
        <v>896.69169999999997</v>
      </c>
      <c r="E30151" s="6"/>
    </row>
    <row r="30152" spans="4:5" x14ac:dyDescent="0.25">
      <c r="D30152" s="6">
        <v>2934.2829999999999</v>
      </c>
      <c r="E30152" s="6"/>
    </row>
    <row r="30153" spans="4:5" x14ac:dyDescent="0.25">
      <c r="D30153" s="6">
        <v>1843.99</v>
      </c>
      <c r="E30153" s="6"/>
    </row>
    <row r="30154" spans="4:5" x14ac:dyDescent="0.25">
      <c r="D30154" s="6">
        <v>715.80780000000004</v>
      </c>
      <c r="E30154" s="6"/>
    </row>
    <row r="30155" spans="4:5" x14ac:dyDescent="0.25">
      <c r="D30155" s="6">
        <v>1270.1569999999999</v>
      </c>
      <c r="E30155" s="6"/>
    </row>
    <row r="30156" spans="4:5" x14ac:dyDescent="0.25">
      <c r="D30156" s="6">
        <v>1034.386</v>
      </c>
      <c r="E30156" s="6"/>
    </row>
    <row r="30157" spans="4:5" x14ac:dyDescent="0.25">
      <c r="D30157" s="6">
        <v>603.87580000000003</v>
      </c>
      <c r="E30157" s="6"/>
    </row>
    <row r="30158" spans="4:5" x14ac:dyDescent="0.25">
      <c r="D30158" s="6">
        <v>1346.7470000000001</v>
      </c>
      <c r="E30158" s="6"/>
    </row>
    <row r="30159" spans="4:5" x14ac:dyDescent="0.25">
      <c r="D30159" s="6">
        <v>1138.095</v>
      </c>
      <c r="E30159" s="6"/>
    </row>
    <row r="30160" spans="4:5" x14ac:dyDescent="0.25">
      <c r="D30160" s="6">
        <v>1270.183</v>
      </c>
      <c r="E30160" s="6"/>
    </row>
    <row r="30161" spans="4:5" x14ac:dyDescent="0.25">
      <c r="D30161" s="6">
        <v>3001.8180000000002</v>
      </c>
      <c r="E30161" s="6"/>
    </row>
    <row r="30162" spans="4:5" x14ac:dyDescent="0.25">
      <c r="D30162" s="6">
        <v>687.92849999999999</v>
      </c>
      <c r="E30162" s="6"/>
    </row>
    <row r="30163" spans="4:5" x14ac:dyDescent="0.25">
      <c r="D30163" s="6">
        <v>626.88620000000003</v>
      </c>
      <c r="E30163" s="6"/>
    </row>
    <row r="30164" spans="4:5" x14ac:dyDescent="0.25">
      <c r="D30164" s="6">
        <v>827.61630000000002</v>
      </c>
      <c r="E30164" s="6"/>
    </row>
    <row r="30165" spans="4:5" x14ac:dyDescent="0.25">
      <c r="D30165" s="6">
        <v>8653.4850000000006</v>
      </c>
      <c r="E30165" s="6"/>
    </row>
    <row r="30166" spans="4:5" x14ac:dyDescent="0.25">
      <c r="D30166" s="6">
        <v>435.0994</v>
      </c>
      <c r="E30166" s="6"/>
    </row>
    <row r="30167" spans="4:5" x14ac:dyDescent="0.25">
      <c r="D30167" s="6">
        <v>9464.2999999999993</v>
      </c>
      <c r="E30167" s="6"/>
    </row>
    <row r="30168" spans="4:5" x14ac:dyDescent="0.25">
      <c r="D30168" s="6">
        <v>504.20519999999999</v>
      </c>
      <c r="E30168" s="6"/>
    </row>
    <row r="30169" spans="4:5" x14ac:dyDescent="0.25">
      <c r="D30169" s="6">
        <v>482.99610000000001</v>
      </c>
      <c r="E30169" s="6"/>
    </row>
    <row r="30170" spans="4:5" x14ac:dyDescent="0.25">
      <c r="D30170" s="6">
        <v>524.55340000000001</v>
      </c>
      <c r="E30170" s="6"/>
    </row>
    <row r="30171" spans="4:5" x14ac:dyDescent="0.25">
      <c r="D30171" s="6">
        <v>8224.7549999999992</v>
      </c>
      <c r="E30171" s="6"/>
    </row>
    <row r="30172" spans="4:5" x14ac:dyDescent="0.25">
      <c r="D30172" s="6">
        <v>6461.75</v>
      </c>
      <c r="E30172" s="6"/>
    </row>
    <row r="30173" spans="4:5" x14ac:dyDescent="0.25">
      <c r="D30173" s="6">
        <v>721.86279999999999</v>
      </c>
      <c r="E30173" s="6"/>
    </row>
    <row r="30174" spans="4:5" x14ac:dyDescent="0.25">
      <c r="D30174" s="6">
        <v>625.53110000000004</v>
      </c>
      <c r="E30174" s="6"/>
    </row>
    <row r="30175" spans="4:5" x14ac:dyDescent="0.25">
      <c r="D30175" s="6">
        <v>458.20830000000001</v>
      </c>
      <c r="E30175" s="6"/>
    </row>
    <row r="30176" spans="4:5" x14ac:dyDescent="0.25">
      <c r="D30176" s="6">
        <v>957.49249999999995</v>
      </c>
      <c r="E30176" s="6"/>
    </row>
    <row r="30177" spans="4:5" x14ac:dyDescent="0.25">
      <c r="D30177" s="6">
        <v>447.91030000000001</v>
      </c>
      <c r="E30177" s="6"/>
    </row>
    <row r="30178" spans="4:5" x14ac:dyDescent="0.25">
      <c r="D30178" s="6">
        <v>622.18640000000005</v>
      </c>
      <c r="E30178" s="6"/>
    </row>
    <row r="30179" spans="4:5" x14ac:dyDescent="0.25">
      <c r="D30179" s="6">
        <v>6263.1319999999996</v>
      </c>
      <c r="E30179" s="6"/>
    </row>
    <row r="30180" spans="4:5" x14ac:dyDescent="0.25">
      <c r="D30180" s="6">
        <v>851.47270000000003</v>
      </c>
      <c r="E30180" s="6"/>
    </row>
    <row r="30181" spans="4:5" x14ac:dyDescent="0.25">
      <c r="D30181" s="6">
        <v>1132.9369999999999</v>
      </c>
      <c r="E30181" s="6"/>
    </row>
    <row r="30182" spans="4:5" x14ac:dyDescent="0.25">
      <c r="D30182" s="6">
        <v>845.55560000000003</v>
      </c>
      <c r="E30182" s="6"/>
    </row>
    <row r="30183" spans="4:5" x14ac:dyDescent="0.25">
      <c r="D30183" s="6">
        <v>1571.654</v>
      </c>
      <c r="E30183" s="6"/>
    </row>
    <row r="30184" spans="4:5" x14ac:dyDescent="0.25">
      <c r="D30184" s="6">
        <v>504.45819999999998</v>
      </c>
      <c r="E30184" s="6"/>
    </row>
    <row r="30185" spans="4:5" x14ac:dyDescent="0.25">
      <c r="D30185" s="6">
        <v>1288.7760000000001</v>
      </c>
      <c r="E30185" s="6"/>
    </row>
    <row r="30186" spans="4:5" x14ac:dyDescent="0.25">
      <c r="D30186" s="6">
        <v>4351.3599999999997</v>
      </c>
      <c r="E30186" s="6"/>
    </row>
    <row r="30187" spans="4:5" x14ac:dyDescent="0.25">
      <c r="D30187" s="6">
        <v>2014.1079999999999</v>
      </c>
      <c r="E30187" s="6"/>
    </row>
    <row r="30188" spans="4:5" x14ac:dyDescent="0.25">
      <c r="D30188" s="6">
        <v>8122.3419999999996</v>
      </c>
      <c r="E30188" s="6"/>
    </row>
    <row r="30189" spans="4:5" x14ac:dyDescent="0.25">
      <c r="D30189" s="6">
        <v>440.90809999999999</v>
      </c>
      <c r="E30189" s="6"/>
    </row>
    <row r="30190" spans="4:5" x14ac:dyDescent="0.25">
      <c r="D30190" s="6">
        <v>1089.6969999999999</v>
      </c>
      <c r="E30190" s="6"/>
    </row>
    <row r="30191" spans="4:5" x14ac:dyDescent="0.25">
      <c r="D30191" s="6">
        <v>9052.5759999999991</v>
      </c>
      <c r="E30191" s="6"/>
    </row>
    <row r="30192" spans="4:5" x14ac:dyDescent="0.25">
      <c r="D30192" s="6">
        <v>1157.9280000000001</v>
      </c>
      <c r="E30192" s="6"/>
    </row>
    <row r="30193" spans="4:5" x14ac:dyDescent="0.25">
      <c r="D30193" s="6">
        <v>664.75670000000002</v>
      </c>
      <c r="E30193" s="6"/>
    </row>
    <row r="30194" spans="4:5" x14ac:dyDescent="0.25">
      <c r="D30194" s="6">
        <v>617.73170000000005</v>
      </c>
      <c r="E30194" s="6"/>
    </row>
    <row r="30195" spans="4:5" x14ac:dyDescent="0.25">
      <c r="D30195" s="6">
        <v>449.62959999999998</v>
      </c>
      <c r="E30195" s="6"/>
    </row>
    <row r="30196" spans="4:5" x14ac:dyDescent="0.25">
      <c r="D30196" s="6">
        <v>322.2373</v>
      </c>
      <c r="E30196" s="6"/>
    </row>
    <row r="30197" spans="4:5" x14ac:dyDescent="0.25">
      <c r="D30197" s="6">
        <v>888.04020000000003</v>
      </c>
      <c r="E30197" s="6"/>
    </row>
    <row r="30198" spans="4:5" x14ac:dyDescent="0.25">
      <c r="D30198" s="6">
        <v>339.73329999999999</v>
      </c>
      <c r="E30198" s="6"/>
    </row>
    <row r="30199" spans="4:5" x14ac:dyDescent="0.25">
      <c r="D30199" s="6">
        <v>500.21039999999999</v>
      </c>
      <c r="E30199" s="6"/>
    </row>
    <row r="30200" spans="4:5" x14ac:dyDescent="0.25">
      <c r="D30200" s="6">
        <v>842.05949999999996</v>
      </c>
      <c r="E30200" s="6"/>
    </row>
    <row r="30201" spans="4:5" x14ac:dyDescent="0.25">
      <c r="D30201" s="6">
        <v>1036.0650000000001</v>
      </c>
      <c r="E30201" s="6"/>
    </row>
    <row r="30202" spans="4:5" x14ac:dyDescent="0.25">
      <c r="D30202" s="6">
        <v>549.93050000000005</v>
      </c>
      <c r="E30202" s="6"/>
    </row>
    <row r="30203" spans="4:5" x14ac:dyDescent="0.25">
      <c r="D30203" s="6">
        <v>654.23270000000002</v>
      </c>
      <c r="E30203" s="6"/>
    </row>
    <row r="30204" spans="4:5" x14ac:dyDescent="0.25">
      <c r="D30204" s="6">
        <v>693.08219999999994</v>
      </c>
      <c r="E30204" s="6"/>
    </row>
    <row r="30205" spans="4:5" x14ac:dyDescent="0.25">
      <c r="D30205" s="6">
        <v>1085.3879999999999</v>
      </c>
      <c r="E30205" s="6"/>
    </row>
    <row r="30206" spans="4:5" x14ac:dyDescent="0.25">
      <c r="D30206" s="6">
        <v>741.82240000000002</v>
      </c>
      <c r="E30206" s="6"/>
    </row>
    <row r="30207" spans="4:5" x14ac:dyDescent="0.25">
      <c r="D30207" s="6">
        <v>517.37729999999999</v>
      </c>
      <c r="E30207" s="6"/>
    </row>
    <row r="30208" spans="4:5" x14ac:dyDescent="0.25">
      <c r="D30208" s="6">
        <v>12451.57</v>
      </c>
      <c r="E30208" s="6"/>
    </row>
    <row r="30209" spans="4:5" x14ac:dyDescent="0.25">
      <c r="D30209" s="6">
        <v>557.77800000000002</v>
      </c>
      <c r="E30209" s="6"/>
    </row>
    <row r="30210" spans="4:5" x14ac:dyDescent="0.25">
      <c r="D30210" s="6">
        <v>916.82650000000001</v>
      </c>
      <c r="E30210" s="6"/>
    </row>
    <row r="30211" spans="4:5" x14ac:dyDescent="0.25">
      <c r="D30211" s="6">
        <v>1334.8019999999999</v>
      </c>
      <c r="E30211" s="6"/>
    </row>
    <row r="30212" spans="4:5" x14ac:dyDescent="0.25">
      <c r="D30212" s="6">
        <v>6603.6959999999999</v>
      </c>
      <c r="E30212" s="6"/>
    </row>
    <row r="30213" spans="4:5" x14ac:dyDescent="0.25">
      <c r="D30213" s="6">
        <v>735.95249999999999</v>
      </c>
      <c r="E30213" s="6"/>
    </row>
    <row r="30214" spans="4:5" x14ac:dyDescent="0.25">
      <c r="D30214" s="6">
        <v>1045.4259999999999</v>
      </c>
      <c r="E30214" s="6"/>
    </row>
    <row r="30215" spans="4:5" x14ac:dyDescent="0.25">
      <c r="D30215" s="6">
        <v>826.71720000000005</v>
      </c>
      <c r="E30215" s="6"/>
    </row>
    <row r="30216" spans="4:5" x14ac:dyDescent="0.25">
      <c r="D30216" s="6">
        <v>533.45029999999997</v>
      </c>
      <c r="E30216" s="6"/>
    </row>
    <row r="30217" spans="4:5" x14ac:dyDescent="0.25">
      <c r="D30217" s="6">
        <v>972.35659999999996</v>
      </c>
      <c r="E30217" s="6"/>
    </row>
    <row r="30218" spans="4:5" x14ac:dyDescent="0.25">
      <c r="D30218" s="6">
        <v>179.32650000000001</v>
      </c>
      <c r="E30218" s="6"/>
    </row>
    <row r="30219" spans="4:5" x14ac:dyDescent="0.25">
      <c r="D30219" s="6">
        <v>1009.174</v>
      </c>
      <c r="E30219" s="6"/>
    </row>
    <row r="30220" spans="4:5" x14ac:dyDescent="0.25">
      <c r="D30220" s="6">
        <v>7806.348</v>
      </c>
      <c r="E30220" s="6"/>
    </row>
    <row r="30221" spans="4:5" x14ac:dyDescent="0.25">
      <c r="D30221" s="6">
        <v>800.39509999999996</v>
      </c>
      <c r="E30221" s="6"/>
    </row>
    <row r="30222" spans="4:5" x14ac:dyDescent="0.25">
      <c r="D30222" s="6">
        <v>3036</v>
      </c>
      <c r="E30222" s="6"/>
    </row>
    <row r="30223" spans="4:5" x14ac:dyDescent="0.25">
      <c r="D30223" s="6">
        <v>3268.893</v>
      </c>
      <c r="E30223" s="6"/>
    </row>
    <row r="30224" spans="4:5" x14ac:dyDescent="0.25">
      <c r="D30224" s="6">
        <v>8590.3580000000002</v>
      </c>
      <c r="E30224" s="6"/>
    </row>
    <row r="30225" spans="4:5" x14ac:dyDescent="0.25">
      <c r="D30225" s="6">
        <v>722.30790000000002</v>
      </c>
      <c r="E30225" s="6"/>
    </row>
    <row r="30226" spans="4:5" x14ac:dyDescent="0.25">
      <c r="D30226" s="6">
        <v>867.57579999999996</v>
      </c>
      <c r="E30226" s="6"/>
    </row>
    <row r="30227" spans="4:5" x14ac:dyDescent="0.25">
      <c r="D30227" s="6">
        <v>1246.51</v>
      </c>
      <c r="E30227" s="6"/>
    </row>
    <row r="30228" spans="4:5" x14ac:dyDescent="0.25">
      <c r="D30228" s="6">
        <v>783.47190000000001</v>
      </c>
      <c r="E30228" s="6"/>
    </row>
    <row r="30229" spans="4:5" x14ac:dyDescent="0.25">
      <c r="D30229" s="6">
        <v>684.12750000000005</v>
      </c>
      <c r="E30229" s="6"/>
    </row>
    <row r="30230" spans="4:5" x14ac:dyDescent="0.25">
      <c r="D30230" s="6">
        <v>587.48019999999997</v>
      </c>
      <c r="E30230" s="6"/>
    </row>
    <row r="30231" spans="4:5" x14ac:dyDescent="0.25">
      <c r="D30231" s="6">
        <v>696.03030000000001</v>
      </c>
      <c r="E30231" s="6"/>
    </row>
    <row r="30232" spans="4:5" x14ac:dyDescent="0.25">
      <c r="D30232" s="6">
        <v>777.99670000000003</v>
      </c>
      <c r="E30232" s="6"/>
    </row>
    <row r="30233" spans="4:5" x14ac:dyDescent="0.25">
      <c r="D30233" s="6">
        <v>4112</v>
      </c>
      <c r="E30233" s="6"/>
    </row>
    <row r="30234" spans="4:5" x14ac:dyDescent="0.25">
      <c r="D30234" s="6">
        <v>645.86519999999996</v>
      </c>
      <c r="E30234" s="6"/>
    </row>
    <row r="30235" spans="4:5" x14ac:dyDescent="0.25">
      <c r="D30235" s="6">
        <v>590.27809999999999</v>
      </c>
      <c r="E30235" s="6"/>
    </row>
    <row r="30236" spans="4:5" x14ac:dyDescent="0.25">
      <c r="D30236" s="6">
        <v>9030.9310000000005</v>
      </c>
      <c r="E30236" s="6"/>
    </row>
    <row r="30237" spans="4:5" x14ac:dyDescent="0.25">
      <c r="D30237" s="6">
        <v>543.15700000000004</v>
      </c>
      <c r="E30237" s="6"/>
    </row>
    <row r="30238" spans="4:5" x14ac:dyDescent="0.25">
      <c r="D30238" s="6">
        <v>1122.7260000000001</v>
      </c>
      <c r="E30238" s="6"/>
    </row>
    <row r="30239" spans="4:5" x14ac:dyDescent="0.25">
      <c r="D30239" s="6">
        <v>582.5</v>
      </c>
      <c r="E30239" s="6"/>
    </row>
    <row r="30240" spans="4:5" x14ac:dyDescent="0.25">
      <c r="D30240" s="6">
        <v>3562.7510000000002</v>
      </c>
      <c r="E30240" s="6"/>
    </row>
    <row r="30241" spans="4:5" x14ac:dyDescent="0.25">
      <c r="D30241" s="6">
        <v>1086.625</v>
      </c>
      <c r="E30241" s="6"/>
    </row>
    <row r="30242" spans="4:5" x14ac:dyDescent="0.25">
      <c r="D30242" s="6">
        <v>1720.0160000000001</v>
      </c>
      <c r="E30242" s="6"/>
    </row>
    <row r="30243" spans="4:5" x14ac:dyDescent="0.25">
      <c r="D30243" s="6">
        <v>2722.335</v>
      </c>
      <c r="E30243" s="6"/>
    </row>
    <row r="30244" spans="4:5" x14ac:dyDescent="0.25">
      <c r="D30244" s="6">
        <v>863.65830000000005</v>
      </c>
      <c r="E30244" s="6"/>
    </row>
    <row r="30245" spans="4:5" x14ac:dyDescent="0.25">
      <c r="D30245" s="6">
        <v>1014.6420000000001</v>
      </c>
      <c r="E30245" s="6"/>
    </row>
    <row r="30246" spans="4:5" x14ac:dyDescent="0.25">
      <c r="D30246" s="6">
        <v>759.24760000000003</v>
      </c>
      <c r="E30246" s="6"/>
    </row>
    <row r="30247" spans="4:5" x14ac:dyDescent="0.25">
      <c r="D30247" s="6">
        <v>502.35050000000001</v>
      </c>
      <c r="E30247" s="6"/>
    </row>
    <row r="30248" spans="4:5" x14ac:dyDescent="0.25">
      <c r="D30248" s="6">
        <v>1466.08</v>
      </c>
      <c r="E30248" s="6"/>
    </row>
    <row r="30249" spans="4:5" x14ac:dyDescent="0.25">
      <c r="D30249" s="6">
        <v>11138.19</v>
      </c>
      <c r="E30249" s="6"/>
    </row>
    <row r="30250" spans="4:5" x14ac:dyDescent="0.25">
      <c r="D30250" s="6">
        <v>725.01689999999996</v>
      </c>
      <c r="E30250" s="6"/>
    </row>
    <row r="30251" spans="4:5" x14ac:dyDescent="0.25">
      <c r="D30251" s="6">
        <v>7419.8050000000003</v>
      </c>
      <c r="E30251" s="6"/>
    </row>
    <row r="30252" spans="4:5" x14ac:dyDescent="0.25">
      <c r="D30252" s="6">
        <v>502.57810000000001</v>
      </c>
      <c r="E30252" s="6"/>
    </row>
    <row r="30253" spans="4:5" x14ac:dyDescent="0.25">
      <c r="D30253" s="6">
        <v>1161.7829999999999</v>
      </c>
      <c r="E30253" s="6"/>
    </row>
    <row r="30254" spans="4:5" x14ac:dyDescent="0.25">
      <c r="D30254" s="6">
        <v>1007.067</v>
      </c>
      <c r="E30254" s="6"/>
    </row>
    <row r="30255" spans="4:5" x14ac:dyDescent="0.25">
      <c r="D30255" s="6">
        <v>1212.886</v>
      </c>
      <c r="E30255" s="6"/>
    </row>
    <row r="30256" spans="4:5" x14ac:dyDescent="0.25">
      <c r="D30256" s="6">
        <v>1252.671</v>
      </c>
      <c r="E30256" s="6"/>
    </row>
    <row r="30257" spans="4:5" x14ac:dyDescent="0.25">
      <c r="D30257" s="6">
        <v>6429.8890000000001</v>
      </c>
      <c r="E30257" s="6"/>
    </row>
    <row r="30258" spans="4:5" x14ac:dyDescent="0.25">
      <c r="D30258" s="6">
        <v>438.47750000000002</v>
      </c>
      <c r="E30258" s="6"/>
    </row>
    <row r="30259" spans="4:5" x14ac:dyDescent="0.25">
      <c r="D30259" s="6">
        <v>1185.527</v>
      </c>
      <c r="E30259" s="6"/>
    </row>
    <row r="30260" spans="4:5" x14ac:dyDescent="0.25">
      <c r="D30260" s="6">
        <v>535.5</v>
      </c>
      <c r="E30260" s="6"/>
    </row>
    <row r="30261" spans="4:5" x14ac:dyDescent="0.25">
      <c r="D30261" s="6">
        <v>466.49079999999998</v>
      </c>
      <c r="E30261" s="6"/>
    </row>
    <row r="30262" spans="4:5" x14ac:dyDescent="0.25">
      <c r="D30262" s="6">
        <v>5000</v>
      </c>
      <c r="E30262" s="6"/>
    </row>
    <row r="30263" spans="4:5" x14ac:dyDescent="0.25">
      <c r="D30263" s="6">
        <v>1112.414</v>
      </c>
      <c r="E30263" s="6"/>
    </row>
    <row r="30264" spans="4:5" x14ac:dyDescent="0.25">
      <c r="D30264" s="6">
        <v>1205.7380000000001</v>
      </c>
      <c r="E30264" s="6"/>
    </row>
    <row r="30265" spans="4:5" x14ac:dyDescent="0.25">
      <c r="D30265" s="6">
        <v>5091.05</v>
      </c>
      <c r="E30265" s="6"/>
    </row>
    <row r="30266" spans="4:5" x14ac:dyDescent="0.25">
      <c r="D30266" s="6">
        <v>1358.4970000000001</v>
      </c>
      <c r="E30266" s="6"/>
    </row>
    <row r="30267" spans="4:5" x14ac:dyDescent="0.25">
      <c r="D30267" s="6">
        <v>2020.1969999999999</v>
      </c>
      <c r="E30267" s="6"/>
    </row>
    <row r="30268" spans="4:5" x14ac:dyDescent="0.25">
      <c r="D30268" s="6">
        <v>924.97119999999995</v>
      </c>
      <c r="E30268" s="6"/>
    </row>
    <row r="30269" spans="4:5" x14ac:dyDescent="0.25">
      <c r="D30269" s="6">
        <v>1242.269</v>
      </c>
      <c r="E30269" s="6"/>
    </row>
    <row r="30270" spans="4:5" x14ac:dyDescent="0.25">
      <c r="D30270" s="6">
        <v>3582.2049999999999</v>
      </c>
      <c r="E30270" s="6"/>
    </row>
    <row r="30271" spans="4:5" x14ac:dyDescent="0.25">
      <c r="D30271" s="6">
        <v>7956.2070000000003</v>
      </c>
      <c r="E30271" s="6"/>
    </row>
    <row r="30272" spans="4:5" x14ac:dyDescent="0.25">
      <c r="D30272" s="6">
        <v>825.18219999999997</v>
      </c>
      <c r="E30272" s="6"/>
    </row>
    <row r="30273" spans="4:5" x14ac:dyDescent="0.25">
      <c r="D30273" s="6">
        <v>616.71519999999998</v>
      </c>
      <c r="E30273" s="6"/>
    </row>
    <row r="30274" spans="4:5" x14ac:dyDescent="0.25">
      <c r="D30274" s="6">
        <v>519.11869999999999</v>
      </c>
      <c r="E30274" s="6"/>
    </row>
    <row r="30275" spans="4:5" x14ac:dyDescent="0.25">
      <c r="D30275" s="6">
        <v>6232.4290000000001</v>
      </c>
      <c r="E30275" s="6"/>
    </row>
    <row r="30276" spans="4:5" x14ac:dyDescent="0.25">
      <c r="D30276" s="6">
        <v>1019.421</v>
      </c>
      <c r="E30276" s="6"/>
    </row>
    <row r="30277" spans="4:5" x14ac:dyDescent="0.25">
      <c r="D30277" s="6">
        <v>615.89</v>
      </c>
      <c r="E30277" s="6"/>
    </row>
    <row r="30278" spans="4:5" x14ac:dyDescent="0.25">
      <c r="D30278" s="6">
        <v>1480.913</v>
      </c>
      <c r="E30278" s="6"/>
    </row>
    <row r="30279" spans="4:5" x14ac:dyDescent="0.25">
      <c r="D30279" s="6">
        <v>965.15009999999995</v>
      </c>
      <c r="E30279" s="6"/>
    </row>
    <row r="30280" spans="4:5" x14ac:dyDescent="0.25">
      <c r="D30280" s="6">
        <v>1217.491</v>
      </c>
      <c r="E30280" s="6"/>
    </row>
    <row r="30281" spans="4:5" x14ac:dyDescent="0.25">
      <c r="D30281" s="6">
        <v>912.73659999999995</v>
      </c>
      <c r="E30281" s="6"/>
    </row>
    <row r="30282" spans="4:5" x14ac:dyDescent="0.25">
      <c r="D30282" s="6">
        <v>4814.7340000000004</v>
      </c>
      <c r="E30282" s="6"/>
    </row>
    <row r="30283" spans="4:5" x14ac:dyDescent="0.25">
      <c r="D30283" s="6">
        <v>818.40959999999995</v>
      </c>
      <c r="E30283" s="6"/>
    </row>
    <row r="30284" spans="4:5" x14ac:dyDescent="0.25">
      <c r="D30284" s="6">
        <v>1050.8920000000001</v>
      </c>
      <c r="E30284" s="6"/>
    </row>
    <row r="30285" spans="4:5" x14ac:dyDescent="0.25">
      <c r="D30285" s="6">
        <v>469.45929999999998</v>
      </c>
      <c r="E30285" s="6"/>
    </row>
    <row r="30286" spans="4:5" x14ac:dyDescent="0.25">
      <c r="D30286" s="6">
        <v>1169.6010000000001</v>
      </c>
      <c r="E30286" s="6"/>
    </row>
    <row r="30287" spans="4:5" x14ac:dyDescent="0.25">
      <c r="D30287" s="6">
        <v>7014.0339999999997</v>
      </c>
      <c r="E30287" s="6"/>
    </row>
    <row r="30288" spans="4:5" x14ac:dyDescent="0.25">
      <c r="D30288" s="6">
        <v>1307.356</v>
      </c>
      <c r="E30288" s="6"/>
    </row>
    <row r="30289" spans="4:5" x14ac:dyDescent="0.25">
      <c r="D30289" s="6">
        <v>1073.116</v>
      </c>
      <c r="E30289" s="6"/>
    </row>
    <row r="30290" spans="4:5" x14ac:dyDescent="0.25">
      <c r="D30290" s="6">
        <v>2202.895</v>
      </c>
      <c r="E30290" s="6"/>
    </row>
    <row r="30291" spans="4:5" x14ac:dyDescent="0.25">
      <c r="D30291" s="6">
        <v>3660.2669999999998</v>
      </c>
      <c r="E30291" s="6"/>
    </row>
    <row r="30292" spans="4:5" x14ac:dyDescent="0.25">
      <c r="D30292" s="6">
        <v>526.25</v>
      </c>
      <c r="E30292" s="6"/>
    </row>
    <row r="30293" spans="4:5" x14ac:dyDescent="0.25">
      <c r="D30293" s="6">
        <v>524.87649999999996</v>
      </c>
      <c r="E30293" s="6"/>
    </row>
    <row r="30294" spans="4:5" x14ac:dyDescent="0.25">
      <c r="D30294" s="6">
        <v>488.9683</v>
      </c>
      <c r="E30294" s="6"/>
    </row>
    <row r="30295" spans="4:5" x14ac:dyDescent="0.25">
      <c r="D30295" s="6">
        <v>1074.2370000000001</v>
      </c>
      <c r="E30295" s="6"/>
    </row>
    <row r="30296" spans="4:5" x14ac:dyDescent="0.25">
      <c r="D30296" s="6">
        <v>3194</v>
      </c>
      <c r="E30296" s="6"/>
    </row>
    <row r="30297" spans="4:5" x14ac:dyDescent="0.25">
      <c r="D30297" s="6">
        <v>2584.721</v>
      </c>
      <c r="E30297" s="6"/>
    </row>
    <row r="30298" spans="4:5" x14ac:dyDescent="0.25">
      <c r="D30298" s="6">
        <v>1183.0889999999999</v>
      </c>
      <c r="E30298" s="6"/>
    </row>
    <row r="30299" spans="4:5" x14ac:dyDescent="0.25">
      <c r="D30299" s="6">
        <v>2216.25</v>
      </c>
      <c r="E30299" s="6"/>
    </row>
    <row r="30300" spans="4:5" x14ac:dyDescent="0.25">
      <c r="D30300" s="6">
        <v>575.96820000000002</v>
      </c>
      <c r="E30300" s="6"/>
    </row>
    <row r="30301" spans="4:5" x14ac:dyDescent="0.25">
      <c r="D30301" s="6">
        <v>1035.56</v>
      </c>
      <c r="E30301" s="6"/>
    </row>
    <row r="30302" spans="4:5" x14ac:dyDescent="0.25">
      <c r="D30302" s="6">
        <v>759.43899999999996</v>
      </c>
      <c r="E30302" s="6"/>
    </row>
    <row r="30303" spans="4:5" x14ac:dyDescent="0.25">
      <c r="D30303" s="6">
        <v>535.65160000000003</v>
      </c>
      <c r="E30303" s="6"/>
    </row>
    <row r="30304" spans="4:5" x14ac:dyDescent="0.25">
      <c r="D30304" s="6">
        <v>642.90139999999997</v>
      </c>
      <c r="E30304" s="6"/>
    </row>
    <row r="30305" spans="4:5" x14ac:dyDescent="0.25">
      <c r="D30305" s="6">
        <v>702.8655</v>
      </c>
      <c r="E30305" s="6"/>
    </row>
    <row r="30306" spans="4:5" x14ac:dyDescent="0.25">
      <c r="D30306" s="6">
        <v>716.29280000000006</v>
      </c>
      <c r="E30306" s="6"/>
    </row>
    <row r="30307" spans="4:5" x14ac:dyDescent="0.25">
      <c r="D30307" s="6">
        <v>1298.4690000000001</v>
      </c>
      <c r="E30307" s="6"/>
    </row>
    <row r="30308" spans="4:5" x14ac:dyDescent="0.25">
      <c r="D30308" s="6">
        <v>1035.6479999999999</v>
      </c>
      <c r="E30308" s="6"/>
    </row>
    <row r="30309" spans="4:5" x14ac:dyDescent="0.25">
      <c r="D30309" s="6">
        <v>7578</v>
      </c>
      <c r="E30309" s="6"/>
    </row>
    <row r="30310" spans="4:5" x14ac:dyDescent="0.25">
      <c r="D30310" s="6">
        <v>826.89779999999996</v>
      </c>
      <c r="E30310" s="6"/>
    </row>
    <row r="30311" spans="4:5" x14ac:dyDescent="0.25">
      <c r="D30311" s="6">
        <v>747.94849999999997</v>
      </c>
      <c r="E30311" s="6"/>
    </row>
    <row r="30312" spans="4:5" x14ac:dyDescent="0.25">
      <c r="D30312" s="6">
        <v>468.52949999999998</v>
      </c>
      <c r="E30312" s="6"/>
    </row>
    <row r="30313" spans="4:5" x14ac:dyDescent="0.25">
      <c r="D30313" s="6">
        <v>499.4117</v>
      </c>
      <c r="E30313" s="6"/>
    </row>
    <row r="30314" spans="4:5" x14ac:dyDescent="0.25">
      <c r="D30314" s="6">
        <v>545.55250000000001</v>
      </c>
      <c r="E30314" s="6"/>
    </row>
    <row r="30315" spans="4:5" x14ac:dyDescent="0.25">
      <c r="D30315" s="6">
        <v>906.50279999999998</v>
      </c>
      <c r="E30315" s="6"/>
    </row>
    <row r="30316" spans="4:5" x14ac:dyDescent="0.25">
      <c r="D30316" s="6">
        <v>698.75919999999996</v>
      </c>
      <c r="E30316" s="6"/>
    </row>
    <row r="30317" spans="4:5" x14ac:dyDescent="0.25">
      <c r="D30317" s="6">
        <v>646.7296</v>
      </c>
      <c r="E30317" s="6"/>
    </row>
    <row r="30318" spans="4:5" x14ac:dyDescent="0.25">
      <c r="D30318" s="6">
        <v>433.8974</v>
      </c>
      <c r="E30318" s="6"/>
    </row>
    <row r="30319" spans="4:5" x14ac:dyDescent="0.25">
      <c r="D30319" s="6">
        <v>3642</v>
      </c>
      <c r="E30319" s="6"/>
    </row>
    <row r="30320" spans="4:5" x14ac:dyDescent="0.25">
      <c r="D30320" s="6">
        <v>4280.6000000000004</v>
      </c>
      <c r="E30320" s="6"/>
    </row>
    <row r="30321" spans="4:5" x14ac:dyDescent="0.25">
      <c r="D30321" s="6">
        <v>4372.3819999999996</v>
      </c>
      <c r="E30321" s="6"/>
    </row>
    <row r="30322" spans="4:5" x14ac:dyDescent="0.25">
      <c r="D30322" s="6">
        <v>453.06189999999998</v>
      </c>
      <c r="E30322" s="6"/>
    </row>
    <row r="30323" spans="4:5" x14ac:dyDescent="0.25">
      <c r="D30323" s="6">
        <v>798.57889999999998</v>
      </c>
      <c r="E30323" s="6"/>
    </row>
    <row r="30324" spans="4:5" x14ac:dyDescent="0.25">
      <c r="D30324" s="6">
        <v>716.04010000000005</v>
      </c>
      <c r="E30324" s="6"/>
    </row>
    <row r="30325" spans="4:5" x14ac:dyDescent="0.25">
      <c r="D30325" s="6">
        <v>7961.0060000000003</v>
      </c>
      <c r="E30325" s="6"/>
    </row>
    <row r="30326" spans="4:5" x14ac:dyDescent="0.25">
      <c r="D30326" s="6">
        <v>780.55769999999995</v>
      </c>
      <c r="E30326" s="6"/>
    </row>
    <row r="30327" spans="4:5" x14ac:dyDescent="0.25">
      <c r="D30327" s="6">
        <v>794.61339999999996</v>
      </c>
      <c r="E30327" s="6"/>
    </row>
    <row r="30328" spans="4:5" x14ac:dyDescent="0.25">
      <c r="D30328" s="6">
        <v>653.46540000000005</v>
      </c>
      <c r="E30328" s="6"/>
    </row>
    <row r="30329" spans="4:5" x14ac:dyDescent="0.25">
      <c r="D30329" s="6">
        <v>793.77099999999996</v>
      </c>
      <c r="E30329" s="6"/>
    </row>
    <row r="30330" spans="4:5" x14ac:dyDescent="0.25">
      <c r="D30330" s="6">
        <v>790.48779999999999</v>
      </c>
      <c r="E30330" s="6"/>
    </row>
    <row r="30331" spans="4:5" x14ac:dyDescent="0.25">
      <c r="D30331" s="6">
        <v>478.70499999999998</v>
      </c>
      <c r="E30331" s="6"/>
    </row>
    <row r="30332" spans="4:5" x14ac:dyDescent="0.25">
      <c r="D30332" s="6">
        <v>580.47050000000002</v>
      </c>
      <c r="E30332" s="6"/>
    </row>
    <row r="30333" spans="4:5" x14ac:dyDescent="0.25">
      <c r="D30333" s="6">
        <v>776.83</v>
      </c>
      <c r="E30333" s="6"/>
    </row>
    <row r="30334" spans="4:5" x14ac:dyDescent="0.25">
      <c r="D30334" s="6">
        <v>5450.8670000000002</v>
      </c>
      <c r="E30334" s="6"/>
    </row>
    <row r="30335" spans="4:5" x14ac:dyDescent="0.25">
      <c r="D30335" s="6">
        <v>853.22080000000005</v>
      </c>
      <c r="E30335" s="6"/>
    </row>
    <row r="30336" spans="4:5" x14ac:dyDescent="0.25">
      <c r="D30336" s="6">
        <v>967.58299999999997</v>
      </c>
      <c r="E30336" s="6"/>
    </row>
    <row r="30337" spans="4:5" x14ac:dyDescent="0.25">
      <c r="D30337" s="6">
        <v>661.56330000000003</v>
      </c>
      <c r="E30337" s="6"/>
    </row>
    <row r="30338" spans="4:5" x14ac:dyDescent="0.25">
      <c r="D30338" s="6">
        <v>9704.8330000000005</v>
      </c>
      <c r="E30338" s="6"/>
    </row>
    <row r="30339" spans="4:5" x14ac:dyDescent="0.25">
      <c r="D30339" s="6">
        <v>821.90250000000003</v>
      </c>
      <c r="E30339" s="6"/>
    </row>
    <row r="30340" spans="4:5" x14ac:dyDescent="0.25">
      <c r="D30340" s="6">
        <v>886.20259999999996</v>
      </c>
      <c r="E30340" s="6"/>
    </row>
    <row r="30341" spans="4:5" x14ac:dyDescent="0.25">
      <c r="D30341" s="6">
        <v>543.32489999999996</v>
      </c>
      <c r="E30341" s="6"/>
    </row>
    <row r="30342" spans="4:5" x14ac:dyDescent="0.25">
      <c r="D30342" s="6">
        <v>752.94680000000005</v>
      </c>
      <c r="E30342" s="6"/>
    </row>
    <row r="30343" spans="4:5" x14ac:dyDescent="0.25">
      <c r="D30343" s="6">
        <v>1218.8240000000001</v>
      </c>
      <c r="E30343" s="6"/>
    </row>
    <row r="30344" spans="4:5" x14ac:dyDescent="0.25">
      <c r="D30344" s="6">
        <v>1499.3409999999999</v>
      </c>
      <c r="E30344" s="6"/>
    </row>
    <row r="30345" spans="4:5" x14ac:dyDescent="0.25">
      <c r="D30345" s="6">
        <v>1045.056</v>
      </c>
      <c r="E30345" s="6"/>
    </row>
    <row r="30346" spans="4:5" x14ac:dyDescent="0.25">
      <c r="D30346" s="6">
        <v>1612.298</v>
      </c>
      <c r="E30346" s="6"/>
    </row>
    <row r="30347" spans="4:5" x14ac:dyDescent="0.25">
      <c r="D30347" s="6">
        <v>1051.115</v>
      </c>
      <c r="E30347" s="6"/>
    </row>
    <row r="30348" spans="4:5" x14ac:dyDescent="0.25">
      <c r="D30348" s="6">
        <v>936.05010000000004</v>
      </c>
      <c r="E30348" s="6"/>
    </row>
    <row r="30349" spans="4:5" x14ac:dyDescent="0.25">
      <c r="D30349" s="6">
        <v>932.37009999999998</v>
      </c>
      <c r="E30349" s="6"/>
    </row>
    <row r="30350" spans="4:5" x14ac:dyDescent="0.25">
      <c r="D30350" s="6">
        <v>1066.348</v>
      </c>
      <c r="E30350" s="6"/>
    </row>
    <row r="30351" spans="4:5" x14ac:dyDescent="0.25">
      <c r="D30351" s="6">
        <v>852.83209999999997</v>
      </c>
      <c r="E30351" s="6"/>
    </row>
    <row r="30352" spans="4:5" x14ac:dyDescent="0.25">
      <c r="D30352" s="6">
        <v>467.75</v>
      </c>
      <c r="E30352" s="6"/>
    </row>
    <row r="30353" spans="4:5" x14ac:dyDescent="0.25">
      <c r="D30353" s="6">
        <v>834.35069999999996</v>
      </c>
      <c r="E30353" s="6"/>
    </row>
    <row r="30354" spans="4:5" x14ac:dyDescent="0.25">
      <c r="D30354" s="6">
        <v>2633.02</v>
      </c>
      <c r="E30354" s="6"/>
    </row>
    <row r="30355" spans="4:5" x14ac:dyDescent="0.25">
      <c r="D30355" s="6">
        <v>1143.5820000000001</v>
      </c>
      <c r="E30355" s="6"/>
    </row>
    <row r="30356" spans="4:5" x14ac:dyDescent="0.25">
      <c r="D30356" s="6">
        <v>921.37149999999997</v>
      </c>
      <c r="E30356" s="6"/>
    </row>
    <row r="30357" spans="4:5" x14ac:dyDescent="0.25">
      <c r="D30357" s="6">
        <v>3029.38</v>
      </c>
      <c r="E30357" s="6"/>
    </row>
    <row r="30358" spans="4:5" x14ac:dyDescent="0.25">
      <c r="D30358" s="6">
        <v>1231.7139999999999</v>
      </c>
      <c r="E30358" s="6"/>
    </row>
    <row r="30359" spans="4:5" x14ac:dyDescent="0.25">
      <c r="D30359" s="6">
        <v>521.3306</v>
      </c>
      <c r="E30359" s="6"/>
    </row>
    <row r="30360" spans="4:5" x14ac:dyDescent="0.25">
      <c r="D30360" s="6">
        <v>623.59249999999997</v>
      </c>
      <c r="E30360" s="6"/>
    </row>
    <row r="30361" spans="4:5" x14ac:dyDescent="0.25">
      <c r="D30361" s="6">
        <v>649.65459999999996</v>
      </c>
      <c r="E30361" s="6"/>
    </row>
    <row r="30362" spans="4:5" x14ac:dyDescent="0.25">
      <c r="D30362" s="6">
        <v>7184.9269999999997</v>
      </c>
      <c r="E30362" s="6"/>
    </row>
    <row r="30363" spans="4:5" x14ac:dyDescent="0.25">
      <c r="D30363" s="6">
        <v>477.19099999999997</v>
      </c>
      <c r="E30363" s="6"/>
    </row>
    <row r="30364" spans="4:5" x14ac:dyDescent="0.25">
      <c r="D30364" s="6">
        <v>445.3623</v>
      </c>
      <c r="E30364" s="6"/>
    </row>
    <row r="30365" spans="4:5" x14ac:dyDescent="0.25">
      <c r="D30365" s="6">
        <v>523.3845</v>
      </c>
      <c r="E30365" s="6"/>
    </row>
    <row r="30366" spans="4:5" x14ac:dyDescent="0.25">
      <c r="D30366" s="6">
        <v>7959</v>
      </c>
      <c r="E30366" s="6"/>
    </row>
    <row r="30367" spans="4:5" x14ac:dyDescent="0.25">
      <c r="D30367" s="6">
        <v>1275.998</v>
      </c>
      <c r="E30367" s="6"/>
    </row>
    <row r="30368" spans="4:5" x14ac:dyDescent="0.25">
      <c r="D30368" s="6">
        <v>708.11900000000003</v>
      </c>
      <c r="E30368" s="6"/>
    </row>
    <row r="30369" spans="4:5" x14ac:dyDescent="0.25">
      <c r="D30369" s="6">
        <v>702.82910000000004</v>
      </c>
      <c r="E30369" s="6"/>
    </row>
    <row r="30370" spans="4:5" x14ac:dyDescent="0.25">
      <c r="D30370" s="6">
        <v>1029.0250000000001</v>
      </c>
      <c r="E30370" s="6"/>
    </row>
    <row r="30371" spans="4:5" x14ac:dyDescent="0.25">
      <c r="D30371" s="6">
        <v>625.24210000000005</v>
      </c>
      <c r="E30371" s="6"/>
    </row>
    <row r="30372" spans="4:5" x14ac:dyDescent="0.25">
      <c r="D30372" s="6">
        <v>584.8329</v>
      </c>
      <c r="E30372" s="6"/>
    </row>
    <row r="30373" spans="4:5" x14ac:dyDescent="0.25">
      <c r="D30373" s="6">
        <v>6524.8729999999996</v>
      </c>
      <c r="E30373" s="6"/>
    </row>
    <row r="30374" spans="4:5" x14ac:dyDescent="0.25">
      <c r="D30374" s="6">
        <v>1831.3710000000001</v>
      </c>
      <c r="E30374" s="6"/>
    </row>
    <row r="30375" spans="4:5" x14ac:dyDescent="0.25">
      <c r="D30375" s="6">
        <v>737.2106</v>
      </c>
      <c r="E30375" s="6"/>
    </row>
    <row r="30376" spans="4:5" x14ac:dyDescent="0.25">
      <c r="D30376" s="6">
        <v>658.9384</v>
      </c>
      <c r="E30376" s="6"/>
    </row>
    <row r="30377" spans="4:5" x14ac:dyDescent="0.25">
      <c r="D30377" s="6">
        <v>2744.5309999999999</v>
      </c>
      <c r="E30377" s="6"/>
    </row>
    <row r="30378" spans="4:5" x14ac:dyDescent="0.25">
      <c r="D30378" s="6">
        <v>625.90139999999997</v>
      </c>
      <c r="E30378" s="6"/>
    </row>
    <row r="30379" spans="4:5" x14ac:dyDescent="0.25">
      <c r="D30379" s="6">
        <v>762.29300000000001</v>
      </c>
      <c r="E30379" s="6"/>
    </row>
    <row r="30380" spans="4:5" x14ac:dyDescent="0.25">
      <c r="D30380" s="6">
        <v>861.51110000000006</v>
      </c>
      <c r="E30380" s="6"/>
    </row>
    <row r="30381" spans="4:5" x14ac:dyDescent="0.25">
      <c r="D30381" s="6">
        <v>1115.8889999999999</v>
      </c>
      <c r="E30381" s="6"/>
    </row>
    <row r="30382" spans="4:5" x14ac:dyDescent="0.25">
      <c r="D30382" s="6">
        <v>1247.8889999999999</v>
      </c>
      <c r="E30382" s="6"/>
    </row>
    <row r="30383" spans="4:5" x14ac:dyDescent="0.25">
      <c r="D30383" s="6">
        <v>6367.8109999999997</v>
      </c>
      <c r="E30383" s="6"/>
    </row>
    <row r="30384" spans="4:5" x14ac:dyDescent="0.25">
      <c r="D30384" s="6">
        <v>1065.6099999999999</v>
      </c>
      <c r="E30384" s="6"/>
    </row>
    <row r="30385" spans="4:5" x14ac:dyDescent="0.25">
      <c r="D30385" s="6">
        <v>188.54400000000001</v>
      </c>
      <c r="E30385" s="6"/>
    </row>
    <row r="30386" spans="4:5" x14ac:dyDescent="0.25">
      <c r="D30386" s="6">
        <v>1134.923</v>
      </c>
      <c r="E30386" s="6"/>
    </row>
    <row r="30387" spans="4:5" x14ac:dyDescent="0.25">
      <c r="D30387" s="6">
        <v>4704.8379999999997</v>
      </c>
      <c r="E30387" s="6"/>
    </row>
    <row r="30388" spans="4:5" x14ac:dyDescent="0.25">
      <c r="D30388" s="6">
        <v>808.37829999999997</v>
      </c>
      <c r="E30388" s="6"/>
    </row>
    <row r="30389" spans="4:5" x14ac:dyDescent="0.25">
      <c r="D30389" s="6">
        <v>3790.8879999999999</v>
      </c>
      <c r="E30389" s="6"/>
    </row>
    <row r="30390" spans="4:5" x14ac:dyDescent="0.25">
      <c r="D30390" s="6">
        <v>1682.74</v>
      </c>
      <c r="E30390" s="6"/>
    </row>
    <row r="30391" spans="4:5" x14ac:dyDescent="0.25">
      <c r="D30391" s="6">
        <v>4482.7860000000001</v>
      </c>
      <c r="E30391" s="6"/>
    </row>
    <row r="30392" spans="4:5" x14ac:dyDescent="0.25">
      <c r="D30392" s="6">
        <v>4440.7659999999996</v>
      </c>
      <c r="E30392" s="6"/>
    </row>
    <row r="30393" spans="4:5" x14ac:dyDescent="0.25">
      <c r="D30393" s="6">
        <v>8892.9169999999995</v>
      </c>
      <c r="E30393" s="6"/>
    </row>
    <row r="30394" spans="4:5" x14ac:dyDescent="0.25">
      <c r="D30394" s="6">
        <v>1137.8389999999999</v>
      </c>
      <c r="E30394" s="6"/>
    </row>
    <row r="30395" spans="4:5" x14ac:dyDescent="0.25">
      <c r="D30395" s="6">
        <v>978.94169999999997</v>
      </c>
      <c r="E30395" s="6"/>
    </row>
    <row r="30396" spans="4:5" x14ac:dyDescent="0.25">
      <c r="D30396" s="6">
        <v>1393.4929999999999</v>
      </c>
      <c r="E30396" s="6"/>
    </row>
    <row r="30397" spans="4:5" x14ac:dyDescent="0.25">
      <c r="D30397" s="6">
        <v>6538.5</v>
      </c>
      <c r="E30397" s="6"/>
    </row>
    <row r="30398" spans="4:5" x14ac:dyDescent="0.25">
      <c r="D30398" s="6">
        <v>523.61680000000001</v>
      </c>
      <c r="E30398" s="6"/>
    </row>
    <row r="30399" spans="4:5" x14ac:dyDescent="0.25">
      <c r="D30399" s="6">
        <v>618.44000000000005</v>
      </c>
      <c r="E30399" s="6"/>
    </row>
    <row r="30400" spans="4:5" x14ac:dyDescent="0.25">
      <c r="D30400" s="6">
        <v>688.99789999999996</v>
      </c>
      <c r="E30400" s="6"/>
    </row>
    <row r="30401" spans="4:5" x14ac:dyDescent="0.25">
      <c r="D30401" s="6">
        <v>6455</v>
      </c>
      <c r="E30401" s="6"/>
    </row>
    <row r="30402" spans="4:5" x14ac:dyDescent="0.25">
      <c r="D30402" s="6">
        <v>3087.6640000000002</v>
      </c>
      <c r="E30402" s="6"/>
    </row>
    <row r="30403" spans="4:5" x14ac:dyDescent="0.25">
      <c r="D30403" s="6">
        <v>1953.854</v>
      </c>
      <c r="E30403" s="6"/>
    </row>
    <row r="30404" spans="4:5" x14ac:dyDescent="0.25">
      <c r="D30404" s="6">
        <v>757.87519999999995</v>
      </c>
      <c r="E30404" s="6"/>
    </row>
    <row r="30405" spans="4:5" x14ac:dyDescent="0.25">
      <c r="D30405" s="6">
        <v>551.77779999999996</v>
      </c>
      <c r="E30405" s="6"/>
    </row>
    <row r="30406" spans="4:5" x14ac:dyDescent="0.25">
      <c r="D30406" s="6">
        <v>11627.03</v>
      </c>
      <c r="E30406" s="6"/>
    </row>
    <row r="30407" spans="4:5" x14ac:dyDescent="0.25">
      <c r="D30407" s="6">
        <v>1320.9010000000001</v>
      </c>
      <c r="E30407" s="6"/>
    </row>
    <row r="30408" spans="4:5" x14ac:dyDescent="0.25">
      <c r="D30408" s="6">
        <v>6675.5360000000001</v>
      </c>
      <c r="E30408" s="6"/>
    </row>
    <row r="30409" spans="4:5" x14ac:dyDescent="0.25">
      <c r="D30409" s="6">
        <v>4604.2</v>
      </c>
      <c r="E30409" s="6"/>
    </row>
    <row r="30410" spans="4:5" x14ac:dyDescent="0.25">
      <c r="D30410" s="6">
        <v>866.68799999999999</v>
      </c>
      <c r="E30410" s="6"/>
    </row>
    <row r="30411" spans="4:5" x14ac:dyDescent="0.25">
      <c r="D30411" s="6">
        <v>1100.489</v>
      </c>
      <c r="E30411" s="6"/>
    </row>
    <row r="30412" spans="4:5" x14ac:dyDescent="0.25">
      <c r="D30412" s="6">
        <v>8076.3919999999998</v>
      </c>
      <c r="E30412" s="6"/>
    </row>
    <row r="30413" spans="4:5" x14ac:dyDescent="0.25">
      <c r="D30413" s="6">
        <v>10029.33</v>
      </c>
      <c r="E30413" s="6"/>
    </row>
    <row r="30414" spans="4:5" x14ac:dyDescent="0.25">
      <c r="D30414" s="6">
        <v>1439.9680000000001</v>
      </c>
      <c r="E30414" s="6"/>
    </row>
    <row r="30415" spans="4:5" x14ac:dyDescent="0.25">
      <c r="D30415" s="6">
        <v>1162.261</v>
      </c>
      <c r="E30415" s="6"/>
    </row>
    <row r="30416" spans="4:5" x14ac:dyDescent="0.25">
      <c r="D30416" s="6">
        <v>7641.3670000000002</v>
      </c>
      <c r="E30416" s="6"/>
    </row>
    <row r="30417" spans="4:5" x14ac:dyDescent="0.25">
      <c r="D30417" s="6">
        <v>1358</v>
      </c>
      <c r="E30417" s="6"/>
    </row>
    <row r="30418" spans="4:5" x14ac:dyDescent="0.25">
      <c r="D30418" s="6">
        <v>10775.5</v>
      </c>
      <c r="E30418" s="6"/>
    </row>
    <row r="30419" spans="4:5" x14ac:dyDescent="0.25">
      <c r="D30419" s="6">
        <v>835.26459999999997</v>
      </c>
      <c r="E30419" s="6"/>
    </row>
    <row r="30420" spans="4:5" x14ac:dyDescent="0.25">
      <c r="D30420" s="6">
        <v>532.66250000000002</v>
      </c>
      <c r="E30420" s="6"/>
    </row>
    <row r="30421" spans="4:5" x14ac:dyDescent="0.25">
      <c r="D30421" s="6">
        <v>749.88049999999998</v>
      </c>
      <c r="E30421" s="6"/>
    </row>
    <row r="30422" spans="4:5" x14ac:dyDescent="0.25">
      <c r="D30422" s="6">
        <v>420.37200000000001</v>
      </c>
      <c r="E30422" s="6"/>
    </row>
    <row r="30423" spans="4:5" x14ac:dyDescent="0.25">
      <c r="D30423" s="6">
        <v>1086.704</v>
      </c>
      <c r="E30423" s="6"/>
    </row>
    <row r="30424" spans="4:5" x14ac:dyDescent="0.25">
      <c r="D30424" s="6">
        <v>1411.491</v>
      </c>
      <c r="E30424" s="6"/>
    </row>
    <row r="30425" spans="4:5" x14ac:dyDescent="0.25">
      <c r="D30425" s="6">
        <v>1219.251</v>
      </c>
      <c r="E30425" s="6"/>
    </row>
    <row r="30426" spans="4:5" x14ac:dyDescent="0.25">
      <c r="D30426" s="6">
        <v>4588.2219999999998</v>
      </c>
      <c r="E30426" s="6"/>
    </row>
    <row r="30427" spans="4:5" x14ac:dyDescent="0.25">
      <c r="D30427" s="6">
        <v>542.0521</v>
      </c>
      <c r="E30427" s="6"/>
    </row>
    <row r="30428" spans="4:5" x14ac:dyDescent="0.25">
      <c r="D30428" s="6">
        <v>520.42629999999997</v>
      </c>
      <c r="E30428" s="6"/>
    </row>
    <row r="30429" spans="4:5" x14ac:dyDescent="0.25">
      <c r="D30429" s="6">
        <v>794.5</v>
      </c>
      <c r="E30429" s="6"/>
    </row>
    <row r="30430" spans="4:5" x14ac:dyDescent="0.25">
      <c r="D30430" s="6">
        <v>5428.4120000000003</v>
      </c>
      <c r="E30430" s="6"/>
    </row>
    <row r="30431" spans="4:5" x14ac:dyDescent="0.25">
      <c r="D30431" s="6">
        <v>814.45249999999999</v>
      </c>
      <c r="E30431" s="6"/>
    </row>
    <row r="30432" spans="4:5" x14ac:dyDescent="0.25">
      <c r="D30432" s="6">
        <v>1697</v>
      </c>
      <c r="E30432" s="6"/>
    </row>
    <row r="30433" spans="4:5" x14ac:dyDescent="0.25">
      <c r="D30433" s="6">
        <v>1232.1379999999999</v>
      </c>
      <c r="E30433" s="6"/>
    </row>
    <row r="30434" spans="4:5" x14ac:dyDescent="0.25">
      <c r="D30434" s="6">
        <v>387.20670000000001</v>
      </c>
      <c r="E30434" s="6"/>
    </row>
    <row r="30435" spans="4:5" x14ac:dyDescent="0.25">
      <c r="D30435" s="6">
        <v>9297.518</v>
      </c>
      <c r="E30435" s="6"/>
    </row>
    <row r="30436" spans="4:5" x14ac:dyDescent="0.25">
      <c r="D30436" s="6">
        <v>5914.473</v>
      </c>
      <c r="E30436" s="6"/>
    </row>
    <row r="30437" spans="4:5" x14ac:dyDescent="0.25">
      <c r="D30437" s="6">
        <v>192.29580000000001</v>
      </c>
      <c r="E30437" s="6"/>
    </row>
    <row r="30438" spans="4:5" x14ac:dyDescent="0.25">
      <c r="D30438" s="6">
        <v>9915.6560000000009</v>
      </c>
      <c r="E30438" s="6"/>
    </row>
    <row r="30439" spans="4:5" x14ac:dyDescent="0.25">
      <c r="D30439" s="6">
        <v>606.88869999999997</v>
      </c>
      <c r="E30439" s="6"/>
    </row>
    <row r="30440" spans="4:5" x14ac:dyDescent="0.25">
      <c r="D30440" s="6">
        <v>2933.1729999999998</v>
      </c>
      <c r="E30440" s="6"/>
    </row>
    <row r="30441" spans="4:5" x14ac:dyDescent="0.25">
      <c r="D30441" s="6">
        <v>579.33330000000001</v>
      </c>
      <c r="E30441" s="6"/>
    </row>
    <row r="30442" spans="4:5" x14ac:dyDescent="0.25">
      <c r="D30442" s="6">
        <v>1419.826</v>
      </c>
      <c r="E30442" s="6"/>
    </row>
    <row r="30443" spans="4:5" x14ac:dyDescent="0.25">
      <c r="D30443" s="6">
        <v>5031.5510000000004</v>
      </c>
      <c r="E30443" s="6"/>
    </row>
    <row r="30444" spans="4:5" x14ac:dyDescent="0.25">
      <c r="D30444" s="6">
        <v>896.56629999999996</v>
      </c>
      <c r="E30444" s="6"/>
    </row>
    <row r="30445" spans="4:5" x14ac:dyDescent="0.25">
      <c r="D30445" s="6">
        <v>571.21130000000005</v>
      </c>
      <c r="E30445" s="6"/>
    </row>
    <row r="30446" spans="4:5" x14ac:dyDescent="0.25">
      <c r="D30446" s="6">
        <v>687.18100000000004</v>
      </c>
      <c r="E30446" s="6"/>
    </row>
    <row r="30447" spans="4:5" x14ac:dyDescent="0.25">
      <c r="D30447" s="6">
        <v>814.43650000000002</v>
      </c>
      <c r="E30447" s="6"/>
    </row>
    <row r="30448" spans="4:5" x14ac:dyDescent="0.25">
      <c r="D30448" s="6">
        <v>869.73950000000002</v>
      </c>
      <c r="E30448" s="6"/>
    </row>
    <row r="30449" spans="4:5" x14ac:dyDescent="0.25">
      <c r="D30449" s="6">
        <v>748.51850000000002</v>
      </c>
      <c r="E30449" s="6"/>
    </row>
    <row r="30450" spans="4:5" x14ac:dyDescent="0.25">
      <c r="D30450" s="6">
        <v>565.3152</v>
      </c>
      <c r="E30450" s="6"/>
    </row>
    <row r="30451" spans="4:5" x14ac:dyDescent="0.25">
      <c r="D30451" s="6">
        <v>583.61839999999995</v>
      </c>
      <c r="E30451" s="6"/>
    </row>
    <row r="30452" spans="4:5" x14ac:dyDescent="0.25">
      <c r="D30452" s="6">
        <v>6806</v>
      </c>
      <c r="E30452" s="6"/>
    </row>
    <row r="30453" spans="4:5" x14ac:dyDescent="0.25">
      <c r="D30453" s="6">
        <v>7364.55</v>
      </c>
      <c r="E30453" s="6"/>
    </row>
    <row r="30454" spans="4:5" x14ac:dyDescent="0.25">
      <c r="D30454" s="6">
        <v>1361.4</v>
      </c>
      <c r="E30454" s="6"/>
    </row>
    <row r="30455" spans="4:5" x14ac:dyDescent="0.25">
      <c r="D30455" s="6">
        <v>965.60900000000004</v>
      </c>
      <c r="E30455" s="6"/>
    </row>
    <row r="30456" spans="4:5" x14ac:dyDescent="0.25">
      <c r="D30456" s="6">
        <v>188.2929</v>
      </c>
      <c r="E30456" s="6"/>
    </row>
    <row r="30457" spans="4:5" x14ac:dyDescent="0.25">
      <c r="D30457" s="6">
        <v>5453.9290000000001</v>
      </c>
      <c r="E30457" s="6"/>
    </row>
    <row r="30458" spans="4:5" x14ac:dyDescent="0.25">
      <c r="D30458" s="6">
        <v>1051</v>
      </c>
      <c r="E30458" s="6"/>
    </row>
    <row r="30459" spans="4:5" x14ac:dyDescent="0.25">
      <c r="D30459" s="6">
        <v>652.57839999999999</v>
      </c>
      <c r="E30459" s="6"/>
    </row>
    <row r="30460" spans="4:5" x14ac:dyDescent="0.25">
      <c r="D30460" s="6">
        <v>3096.527</v>
      </c>
      <c r="E30460" s="6"/>
    </row>
    <row r="30461" spans="4:5" x14ac:dyDescent="0.25">
      <c r="D30461" s="6">
        <v>774.74379999999996</v>
      </c>
      <c r="E30461" s="6"/>
    </row>
    <row r="30462" spans="4:5" x14ac:dyDescent="0.25">
      <c r="D30462" s="6">
        <v>1001.191</v>
      </c>
      <c r="E30462" s="6"/>
    </row>
    <row r="30463" spans="4:5" x14ac:dyDescent="0.25">
      <c r="D30463" s="6">
        <v>2209.7640000000001</v>
      </c>
      <c r="E30463" s="6"/>
    </row>
    <row r="30464" spans="4:5" x14ac:dyDescent="0.25">
      <c r="D30464" s="6">
        <v>915.31849999999997</v>
      </c>
      <c r="E30464" s="6"/>
    </row>
    <row r="30465" spans="4:5" x14ac:dyDescent="0.25">
      <c r="D30465" s="6">
        <v>980.56569999999999</v>
      </c>
      <c r="E30465" s="6"/>
    </row>
    <row r="30466" spans="4:5" x14ac:dyDescent="0.25">
      <c r="D30466" s="6">
        <v>6478.5029999999997</v>
      </c>
      <c r="E30466" s="6"/>
    </row>
    <row r="30467" spans="4:5" x14ac:dyDescent="0.25">
      <c r="D30467" s="6">
        <v>357</v>
      </c>
      <c r="E30467" s="6"/>
    </row>
    <row r="30468" spans="4:5" x14ac:dyDescent="0.25">
      <c r="D30468" s="6">
        <v>1133.2629999999999</v>
      </c>
      <c r="E30468" s="6"/>
    </row>
    <row r="30469" spans="4:5" x14ac:dyDescent="0.25">
      <c r="D30469" s="6">
        <v>6089.4110000000001</v>
      </c>
      <c r="E30469" s="6"/>
    </row>
    <row r="30470" spans="4:5" x14ac:dyDescent="0.25">
      <c r="D30470" s="6">
        <v>959.18219999999997</v>
      </c>
      <c r="E30470" s="6"/>
    </row>
    <row r="30471" spans="4:5" x14ac:dyDescent="0.25">
      <c r="D30471" s="6">
        <v>793.54840000000002</v>
      </c>
      <c r="E30471" s="6"/>
    </row>
    <row r="30472" spans="4:5" x14ac:dyDescent="0.25">
      <c r="D30472" s="6">
        <v>608.25149999999996</v>
      </c>
      <c r="E30472" s="6"/>
    </row>
    <row r="30473" spans="4:5" x14ac:dyDescent="0.25">
      <c r="D30473" s="6">
        <v>472.09219999999999</v>
      </c>
      <c r="E30473" s="6"/>
    </row>
    <row r="30474" spans="4:5" x14ac:dyDescent="0.25">
      <c r="D30474" s="6">
        <v>6928.125</v>
      </c>
      <c r="E30474" s="6"/>
    </row>
    <row r="30475" spans="4:5" x14ac:dyDescent="0.25">
      <c r="D30475" s="6">
        <v>528.50300000000004</v>
      </c>
      <c r="E30475" s="6"/>
    </row>
    <row r="30476" spans="4:5" x14ac:dyDescent="0.25">
      <c r="D30476" s="6">
        <v>662.44820000000004</v>
      </c>
      <c r="E30476" s="6"/>
    </row>
    <row r="30477" spans="4:5" x14ac:dyDescent="0.25">
      <c r="D30477" s="6">
        <v>1186.8869999999999</v>
      </c>
      <c r="E30477" s="6"/>
    </row>
    <row r="30478" spans="4:5" x14ac:dyDescent="0.25">
      <c r="D30478" s="6">
        <v>1572.2329999999999</v>
      </c>
      <c r="E30478" s="6"/>
    </row>
    <row r="30479" spans="4:5" x14ac:dyDescent="0.25">
      <c r="D30479" s="6">
        <v>1041.4970000000001</v>
      </c>
      <c r="E30479" s="6"/>
    </row>
    <row r="30480" spans="4:5" x14ac:dyDescent="0.25">
      <c r="D30480" s="6">
        <v>1448.31</v>
      </c>
      <c r="E30480" s="6"/>
    </row>
    <row r="30481" spans="4:5" x14ac:dyDescent="0.25">
      <c r="D30481" s="6">
        <v>690.06669999999997</v>
      </c>
      <c r="E30481" s="6"/>
    </row>
    <row r="30482" spans="4:5" x14ac:dyDescent="0.25">
      <c r="D30482" s="6">
        <v>6862.6040000000003</v>
      </c>
      <c r="E30482" s="6"/>
    </row>
    <row r="30483" spans="4:5" x14ac:dyDescent="0.25">
      <c r="D30483" s="6">
        <v>645.30970000000002</v>
      </c>
      <c r="E30483" s="6"/>
    </row>
    <row r="30484" spans="4:5" x14ac:dyDescent="0.25">
      <c r="D30484" s="6">
        <v>889.85140000000001</v>
      </c>
      <c r="E30484" s="6"/>
    </row>
    <row r="30485" spans="4:5" x14ac:dyDescent="0.25">
      <c r="D30485" s="6">
        <v>967.05669999999998</v>
      </c>
      <c r="E30485" s="6"/>
    </row>
    <row r="30486" spans="4:5" x14ac:dyDescent="0.25">
      <c r="D30486" s="6">
        <v>520.84180000000003</v>
      </c>
      <c r="E30486" s="6"/>
    </row>
    <row r="30487" spans="4:5" x14ac:dyDescent="0.25">
      <c r="D30487" s="6">
        <v>453.05450000000002</v>
      </c>
      <c r="E30487" s="6"/>
    </row>
    <row r="30488" spans="4:5" x14ac:dyDescent="0.25">
      <c r="D30488" s="6">
        <v>2455.64</v>
      </c>
      <c r="E30488" s="6"/>
    </row>
    <row r="30489" spans="4:5" x14ac:dyDescent="0.25">
      <c r="D30489" s="6">
        <v>784.52869999999996</v>
      </c>
      <c r="E30489" s="6"/>
    </row>
    <row r="30490" spans="4:5" x14ac:dyDescent="0.25">
      <c r="D30490" s="6">
        <v>865.4452</v>
      </c>
      <c r="E30490" s="6"/>
    </row>
    <row r="30491" spans="4:5" x14ac:dyDescent="0.25">
      <c r="D30491" s="6">
        <v>6549.4</v>
      </c>
      <c r="E30491" s="6"/>
    </row>
    <row r="30492" spans="4:5" x14ac:dyDescent="0.25">
      <c r="D30492" s="6">
        <v>449.9316</v>
      </c>
      <c r="E30492" s="6"/>
    </row>
    <row r="30493" spans="4:5" x14ac:dyDescent="0.25">
      <c r="D30493" s="6">
        <v>1438.4870000000001</v>
      </c>
      <c r="E30493" s="6"/>
    </row>
    <row r="30494" spans="4:5" x14ac:dyDescent="0.25">
      <c r="D30494" s="6">
        <v>1269.646</v>
      </c>
      <c r="E30494" s="6"/>
    </row>
    <row r="30495" spans="4:5" x14ac:dyDescent="0.25">
      <c r="D30495" s="6">
        <v>361.57229999999998</v>
      </c>
      <c r="E30495" s="6"/>
    </row>
    <row r="30496" spans="4:5" x14ac:dyDescent="0.25">
      <c r="D30496" s="6">
        <v>6361.7849999999999</v>
      </c>
      <c r="E30496" s="6"/>
    </row>
    <row r="30497" spans="4:5" x14ac:dyDescent="0.25">
      <c r="D30497" s="6">
        <v>741.74749999999995</v>
      </c>
      <c r="E30497" s="6"/>
    </row>
    <row r="30498" spans="4:5" x14ac:dyDescent="0.25">
      <c r="D30498" s="6">
        <v>785.03110000000004</v>
      </c>
      <c r="E30498" s="6"/>
    </row>
    <row r="30499" spans="4:5" x14ac:dyDescent="0.25">
      <c r="D30499" s="6">
        <v>1314.232</v>
      </c>
      <c r="E30499" s="6"/>
    </row>
    <row r="30500" spans="4:5" x14ac:dyDescent="0.25">
      <c r="D30500" s="6">
        <v>2460.2539999999999</v>
      </c>
      <c r="E30500" s="6"/>
    </row>
    <row r="30501" spans="4:5" x14ac:dyDescent="0.25">
      <c r="D30501" s="6">
        <v>184.3417</v>
      </c>
      <c r="E30501" s="6"/>
    </row>
    <row r="30502" spans="4:5" x14ac:dyDescent="0.25">
      <c r="D30502" s="6">
        <v>1167.269</v>
      </c>
      <c r="E30502" s="6"/>
    </row>
    <row r="30503" spans="4:5" x14ac:dyDescent="0.25">
      <c r="D30503" s="6">
        <v>750.59140000000002</v>
      </c>
      <c r="E30503" s="6"/>
    </row>
    <row r="30504" spans="4:5" x14ac:dyDescent="0.25">
      <c r="D30504" s="6">
        <v>7117.4</v>
      </c>
      <c r="E30504" s="6"/>
    </row>
    <row r="30505" spans="4:5" x14ac:dyDescent="0.25">
      <c r="D30505" s="6">
        <v>187.62350000000001</v>
      </c>
      <c r="E30505" s="6"/>
    </row>
    <row r="30506" spans="4:5" x14ac:dyDescent="0.25">
      <c r="D30506" s="6">
        <v>6860.8360000000002</v>
      </c>
      <c r="E30506" s="6"/>
    </row>
    <row r="30507" spans="4:5" x14ac:dyDescent="0.25">
      <c r="D30507" s="6">
        <v>780.31410000000005</v>
      </c>
      <c r="E30507" s="6"/>
    </row>
    <row r="30508" spans="4:5" x14ac:dyDescent="0.25">
      <c r="D30508" s="6">
        <v>11454.42</v>
      </c>
      <c r="E30508" s="6"/>
    </row>
    <row r="30509" spans="4:5" x14ac:dyDescent="0.25">
      <c r="D30509" s="6">
        <v>584.05629999999996</v>
      </c>
      <c r="E30509" s="6"/>
    </row>
    <row r="30510" spans="4:5" x14ac:dyDescent="0.25">
      <c r="D30510" s="6">
        <v>6336.0259999999998</v>
      </c>
      <c r="E30510" s="6"/>
    </row>
    <row r="30511" spans="4:5" x14ac:dyDescent="0.25">
      <c r="D30511" s="6">
        <v>1675.011</v>
      </c>
      <c r="E30511" s="6"/>
    </row>
    <row r="30512" spans="4:5" x14ac:dyDescent="0.25">
      <c r="D30512" s="6">
        <v>622.17960000000005</v>
      </c>
      <c r="E30512" s="6"/>
    </row>
    <row r="30513" spans="4:5" x14ac:dyDescent="0.25">
      <c r="D30513" s="6">
        <v>407.0351</v>
      </c>
      <c r="E30513" s="6"/>
    </row>
    <row r="30514" spans="4:5" x14ac:dyDescent="0.25">
      <c r="D30514" s="6">
        <v>10802</v>
      </c>
      <c r="E30514" s="6"/>
    </row>
    <row r="30515" spans="4:5" x14ac:dyDescent="0.25">
      <c r="D30515" s="6">
        <v>2242.54</v>
      </c>
      <c r="E30515" s="6"/>
    </row>
    <row r="30516" spans="4:5" x14ac:dyDescent="0.25">
      <c r="D30516" s="6">
        <v>607.13229999999999</v>
      </c>
      <c r="E30516" s="6"/>
    </row>
    <row r="30517" spans="4:5" x14ac:dyDescent="0.25">
      <c r="D30517" s="6">
        <v>736.89610000000005</v>
      </c>
      <c r="E30517" s="6"/>
    </row>
    <row r="30518" spans="4:5" x14ac:dyDescent="0.25">
      <c r="D30518" s="6">
        <v>2622.4459999999999</v>
      </c>
      <c r="E30518" s="6"/>
    </row>
    <row r="30519" spans="4:5" x14ac:dyDescent="0.25">
      <c r="D30519" s="6">
        <v>7422.4440000000004</v>
      </c>
      <c r="E30519" s="6"/>
    </row>
    <row r="30520" spans="4:5" x14ac:dyDescent="0.25">
      <c r="D30520" s="6">
        <v>1240.2270000000001</v>
      </c>
      <c r="E30520" s="6"/>
    </row>
    <row r="30521" spans="4:5" x14ac:dyDescent="0.25">
      <c r="D30521" s="6">
        <v>5235.8130000000001</v>
      </c>
      <c r="E30521" s="6"/>
    </row>
    <row r="30522" spans="4:5" x14ac:dyDescent="0.25">
      <c r="D30522" s="6">
        <v>1471.97</v>
      </c>
      <c r="E30522" s="6"/>
    </row>
    <row r="30523" spans="4:5" x14ac:dyDescent="0.25">
      <c r="D30523" s="6">
        <v>661.46550000000002</v>
      </c>
      <c r="E30523" s="6"/>
    </row>
    <row r="30524" spans="4:5" x14ac:dyDescent="0.25">
      <c r="D30524" s="6">
        <v>639.64070000000004</v>
      </c>
      <c r="E30524" s="6"/>
    </row>
    <row r="30525" spans="4:5" x14ac:dyDescent="0.25">
      <c r="D30525" s="6">
        <v>528.2038</v>
      </c>
      <c r="E30525" s="6"/>
    </row>
    <row r="30526" spans="4:5" x14ac:dyDescent="0.25">
      <c r="D30526" s="6">
        <v>533.14559999999994</v>
      </c>
      <c r="E30526" s="6"/>
    </row>
    <row r="30527" spans="4:5" x14ac:dyDescent="0.25">
      <c r="D30527" s="6">
        <v>3391.6990000000001</v>
      </c>
      <c r="E30527" s="6"/>
    </row>
    <row r="30528" spans="4:5" x14ac:dyDescent="0.25">
      <c r="D30528" s="6">
        <v>741.52449999999999</v>
      </c>
      <c r="E30528" s="6"/>
    </row>
    <row r="30529" spans="4:5" x14ac:dyDescent="0.25">
      <c r="D30529" s="6">
        <v>6688.0129999999999</v>
      </c>
      <c r="E30529" s="6"/>
    </row>
    <row r="30530" spans="4:5" x14ac:dyDescent="0.25">
      <c r="D30530" s="6">
        <v>708.56</v>
      </c>
      <c r="E30530" s="6"/>
    </row>
    <row r="30531" spans="4:5" x14ac:dyDescent="0.25">
      <c r="D30531" s="6">
        <v>551.90599999999995</v>
      </c>
      <c r="E30531" s="6"/>
    </row>
    <row r="30532" spans="4:5" x14ac:dyDescent="0.25">
      <c r="D30532" s="6">
        <v>565.00689999999997</v>
      </c>
      <c r="E30532" s="6"/>
    </row>
    <row r="30533" spans="4:5" x14ac:dyDescent="0.25">
      <c r="D30533" s="6">
        <v>7618.7460000000001</v>
      </c>
      <c r="E30533" s="6"/>
    </row>
    <row r="30534" spans="4:5" x14ac:dyDescent="0.25">
      <c r="D30534" s="6">
        <v>1329.25</v>
      </c>
      <c r="E30534" s="6"/>
    </row>
    <row r="30535" spans="4:5" x14ac:dyDescent="0.25">
      <c r="D30535" s="6">
        <v>988.24329999999998</v>
      </c>
      <c r="E30535" s="6"/>
    </row>
    <row r="30536" spans="4:5" x14ac:dyDescent="0.25">
      <c r="D30536" s="6">
        <v>1222.249</v>
      </c>
      <c r="E30536" s="6"/>
    </row>
    <row r="30537" spans="4:5" x14ac:dyDescent="0.25">
      <c r="D30537" s="6">
        <v>701.97760000000005</v>
      </c>
      <c r="E30537" s="6"/>
    </row>
    <row r="30538" spans="4:5" x14ac:dyDescent="0.25">
      <c r="D30538" s="6">
        <v>3740.95</v>
      </c>
      <c r="E30538" s="6"/>
    </row>
    <row r="30539" spans="4:5" x14ac:dyDescent="0.25">
      <c r="D30539" s="6">
        <v>510.92099999999999</v>
      </c>
      <c r="E30539" s="6"/>
    </row>
    <row r="30540" spans="4:5" x14ac:dyDescent="0.25">
      <c r="D30540" s="6">
        <v>794.92669999999998</v>
      </c>
      <c r="E30540" s="6"/>
    </row>
    <row r="30541" spans="4:5" x14ac:dyDescent="0.25">
      <c r="D30541" s="6">
        <v>7481</v>
      </c>
      <c r="E30541" s="6"/>
    </row>
    <row r="30542" spans="4:5" x14ac:dyDescent="0.25">
      <c r="D30542" s="6">
        <v>454.33330000000001</v>
      </c>
      <c r="E30542" s="6"/>
    </row>
    <row r="30543" spans="4:5" x14ac:dyDescent="0.25">
      <c r="D30543" s="6">
        <v>1292.329</v>
      </c>
      <c r="E30543" s="6"/>
    </row>
    <row r="30544" spans="4:5" x14ac:dyDescent="0.25">
      <c r="D30544" s="6">
        <v>590.94929999999999</v>
      </c>
      <c r="E30544" s="6"/>
    </row>
    <row r="30545" spans="4:5" x14ac:dyDescent="0.25">
      <c r="D30545" s="6">
        <v>3602.8739999999998</v>
      </c>
      <c r="E30545" s="6"/>
    </row>
    <row r="30546" spans="4:5" x14ac:dyDescent="0.25">
      <c r="D30546" s="6">
        <v>7984.4979999999996</v>
      </c>
      <c r="E30546" s="6"/>
    </row>
    <row r="30547" spans="4:5" x14ac:dyDescent="0.25">
      <c r="D30547" s="6">
        <v>971.85950000000003</v>
      </c>
      <c r="E30547" s="6"/>
    </row>
    <row r="30548" spans="4:5" x14ac:dyDescent="0.25">
      <c r="D30548" s="6">
        <v>717.98829999999998</v>
      </c>
      <c r="E30548" s="6"/>
    </row>
    <row r="30549" spans="4:5" x14ac:dyDescent="0.25">
      <c r="D30549" s="6">
        <v>549.08100000000002</v>
      </c>
      <c r="E30549" s="6"/>
    </row>
    <row r="30550" spans="4:5" x14ac:dyDescent="0.25">
      <c r="D30550" s="6">
        <v>389.60890000000001</v>
      </c>
      <c r="E30550" s="6"/>
    </row>
    <row r="30551" spans="4:5" x14ac:dyDescent="0.25">
      <c r="D30551" s="6">
        <v>959.47339999999997</v>
      </c>
      <c r="E30551" s="6"/>
    </row>
    <row r="30552" spans="4:5" x14ac:dyDescent="0.25">
      <c r="D30552" s="6">
        <v>1235.337</v>
      </c>
      <c r="E30552" s="6"/>
    </row>
    <row r="30553" spans="4:5" x14ac:dyDescent="0.25">
      <c r="D30553" s="6">
        <v>553.27719999999999</v>
      </c>
      <c r="E30553" s="6"/>
    </row>
    <row r="30554" spans="4:5" x14ac:dyDescent="0.25">
      <c r="D30554" s="6">
        <v>1298.076</v>
      </c>
      <c r="E30554" s="6"/>
    </row>
    <row r="30555" spans="4:5" x14ac:dyDescent="0.25">
      <c r="D30555" s="6">
        <v>673.07309999999995</v>
      </c>
      <c r="E30555" s="6"/>
    </row>
    <row r="30556" spans="4:5" x14ac:dyDescent="0.25">
      <c r="D30556" s="6">
        <v>792.80349999999999</v>
      </c>
      <c r="E30556" s="6"/>
    </row>
    <row r="30557" spans="4:5" x14ac:dyDescent="0.25">
      <c r="D30557" s="6">
        <v>935.47519999999997</v>
      </c>
      <c r="E30557" s="6"/>
    </row>
    <row r="30558" spans="4:5" x14ac:dyDescent="0.25">
      <c r="D30558" s="6">
        <v>779.58569999999997</v>
      </c>
      <c r="E30558" s="6"/>
    </row>
    <row r="30559" spans="4:5" x14ac:dyDescent="0.25">
      <c r="D30559" s="6">
        <v>600.33820000000003</v>
      </c>
      <c r="E30559" s="6"/>
    </row>
    <row r="30560" spans="4:5" x14ac:dyDescent="0.25">
      <c r="D30560" s="6">
        <v>843.29300000000001</v>
      </c>
      <c r="E30560" s="6"/>
    </row>
    <row r="30561" spans="4:5" x14ac:dyDescent="0.25">
      <c r="D30561" s="6">
        <v>448.02710000000002</v>
      </c>
      <c r="E30561" s="6"/>
    </row>
    <row r="30562" spans="4:5" x14ac:dyDescent="0.25">
      <c r="D30562" s="6">
        <v>692.76490000000001</v>
      </c>
      <c r="E30562" s="6"/>
    </row>
    <row r="30563" spans="4:5" x14ac:dyDescent="0.25">
      <c r="D30563" s="6">
        <v>1169</v>
      </c>
      <c r="E30563" s="6"/>
    </row>
    <row r="30564" spans="4:5" x14ac:dyDescent="0.25">
      <c r="D30564" s="6">
        <v>573.08040000000005</v>
      </c>
      <c r="E30564" s="6"/>
    </row>
    <row r="30565" spans="4:5" x14ac:dyDescent="0.25">
      <c r="D30565" s="6">
        <v>7815.59</v>
      </c>
      <c r="E30565" s="6"/>
    </row>
    <row r="30566" spans="4:5" x14ac:dyDescent="0.25">
      <c r="D30566" s="6">
        <v>1044.8920000000001</v>
      </c>
      <c r="E30566" s="6"/>
    </row>
    <row r="30567" spans="4:5" x14ac:dyDescent="0.25">
      <c r="D30567" s="6">
        <v>843.4787</v>
      </c>
      <c r="E30567" s="6"/>
    </row>
    <row r="30568" spans="4:5" x14ac:dyDescent="0.25">
      <c r="D30568" s="6">
        <v>10025.82</v>
      </c>
      <c r="E30568" s="6"/>
    </row>
    <row r="30569" spans="4:5" x14ac:dyDescent="0.25">
      <c r="D30569" s="6">
        <v>2073.7620000000002</v>
      </c>
      <c r="E30569" s="6"/>
    </row>
    <row r="30570" spans="4:5" x14ac:dyDescent="0.25">
      <c r="D30570" s="6">
        <v>594.76469999999995</v>
      </c>
      <c r="E30570" s="6"/>
    </row>
    <row r="30571" spans="4:5" x14ac:dyDescent="0.25">
      <c r="D30571" s="6">
        <v>936.32749999999999</v>
      </c>
      <c r="E30571" s="6"/>
    </row>
    <row r="30572" spans="4:5" x14ac:dyDescent="0.25">
      <c r="D30572" s="6">
        <v>767.04719999999998</v>
      </c>
      <c r="E30572" s="6"/>
    </row>
    <row r="30573" spans="4:5" x14ac:dyDescent="0.25">
      <c r="D30573" s="6">
        <v>208.6388</v>
      </c>
      <c r="E30573" s="6"/>
    </row>
    <row r="30574" spans="4:5" x14ac:dyDescent="0.25">
      <c r="D30574" s="6">
        <v>925.25</v>
      </c>
      <c r="E30574" s="6"/>
    </row>
    <row r="30575" spans="4:5" x14ac:dyDescent="0.25">
      <c r="D30575" s="6">
        <v>760.64200000000005</v>
      </c>
      <c r="E30575" s="6"/>
    </row>
    <row r="30576" spans="4:5" x14ac:dyDescent="0.25">
      <c r="D30576" s="6">
        <v>3133.297</v>
      </c>
      <c r="E30576" s="6"/>
    </row>
    <row r="30577" spans="4:5" x14ac:dyDescent="0.25">
      <c r="D30577" s="6">
        <v>580.94799999999998</v>
      </c>
      <c r="E30577" s="6"/>
    </row>
    <row r="30578" spans="4:5" x14ac:dyDescent="0.25">
      <c r="D30578" s="6">
        <v>1016.925</v>
      </c>
      <c r="E30578" s="6"/>
    </row>
    <row r="30579" spans="4:5" x14ac:dyDescent="0.25">
      <c r="D30579" s="6">
        <v>2126.444</v>
      </c>
      <c r="E30579" s="6"/>
    </row>
    <row r="30580" spans="4:5" x14ac:dyDescent="0.25">
      <c r="D30580" s="6">
        <v>1197.212</v>
      </c>
      <c r="E30580" s="6"/>
    </row>
    <row r="30581" spans="4:5" x14ac:dyDescent="0.25">
      <c r="D30581" s="6">
        <v>745.8537</v>
      </c>
      <c r="E30581" s="6"/>
    </row>
    <row r="30582" spans="4:5" x14ac:dyDescent="0.25">
      <c r="D30582" s="6">
        <v>680.30370000000005</v>
      </c>
      <c r="E30582" s="6"/>
    </row>
    <row r="30583" spans="4:5" x14ac:dyDescent="0.25">
      <c r="D30583" s="6">
        <v>2252.951</v>
      </c>
      <c r="E30583" s="6"/>
    </row>
    <row r="30584" spans="4:5" x14ac:dyDescent="0.25">
      <c r="D30584" s="6">
        <v>1629.2809999999999</v>
      </c>
      <c r="E30584" s="6"/>
    </row>
    <row r="30585" spans="4:5" x14ac:dyDescent="0.25">
      <c r="D30585" s="6">
        <v>10439.08</v>
      </c>
      <c r="E30585" s="6"/>
    </row>
    <row r="30586" spans="4:5" x14ac:dyDescent="0.25">
      <c r="D30586" s="6">
        <v>898.86599999999999</v>
      </c>
      <c r="E30586" s="6"/>
    </row>
    <row r="30587" spans="4:5" x14ac:dyDescent="0.25">
      <c r="D30587" s="6">
        <v>849.18100000000004</v>
      </c>
      <c r="E30587" s="6"/>
    </row>
    <row r="30588" spans="4:5" x14ac:dyDescent="0.25">
      <c r="D30588" s="6">
        <v>167.8023</v>
      </c>
      <c r="E30588" s="6"/>
    </row>
    <row r="30589" spans="4:5" x14ac:dyDescent="0.25">
      <c r="D30589" s="6">
        <v>5895.3779999999997</v>
      </c>
      <c r="E30589" s="6"/>
    </row>
    <row r="30590" spans="4:5" x14ac:dyDescent="0.25">
      <c r="D30590" s="6">
        <v>2588.6170000000002</v>
      </c>
      <c r="E30590" s="6"/>
    </row>
    <row r="30591" spans="4:5" x14ac:dyDescent="0.25">
      <c r="D30591" s="6">
        <v>4890.3329999999996</v>
      </c>
      <c r="E30591" s="6"/>
    </row>
    <row r="30592" spans="4:5" x14ac:dyDescent="0.25">
      <c r="D30592" s="6">
        <v>5339.73</v>
      </c>
      <c r="E30592" s="6"/>
    </row>
    <row r="30593" spans="4:5" x14ac:dyDescent="0.25">
      <c r="D30593" s="6">
        <v>2329.0520000000001</v>
      </c>
      <c r="E30593" s="6"/>
    </row>
    <row r="30594" spans="4:5" x14ac:dyDescent="0.25">
      <c r="D30594" s="6">
        <v>955.37239999999997</v>
      </c>
      <c r="E30594" s="6"/>
    </row>
    <row r="30595" spans="4:5" x14ac:dyDescent="0.25">
      <c r="D30595" s="6">
        <v>958.86749999999995</v>
      </c>
      <c r="E30595" s="6"/>
    </row>
    <row r="30596" spans="4:5" x14ac:dyDescent="0.25">
      <c r="D30596" s="6">
        <v>1137.645</v>
      </c>
      <c r="E30596" s="6"/>
    </row>
    <row r="30597" spans="4:5" x14ac:dyDescent="0.25">
      <c r="D30597" s="6">
        <v>1129.664</v>
      </c>
      <c r="E30597" s="6"/>
    </row>
    <row r="30598" spans="4:5" x14ac:dyDescent="0.25">
      <c r="D30598" s="6">
        <v>556.01</v>
      </c>
      <c r="E30598" s="6"/>
    </row>
    <row r="30599" spans="4:5" x14ac:dyDescent="0.25">
      <c r="D30599" s="6">
        <v>2078.989</v>
      </c>
      <c r="E30599" s="6"/>
    </row>
    <row r="30600" spans="4:5" x14ac:dyDescent="0.25">
      <c r="D30600" s="6">
        <v>287.1216</v>
      </c>
      <c r="E30600" s="6"/>
    </row>
    <row r="30601" spans="4:5" x14ac:dyDescent="0.25">
      <c r="D30601" s="6">
        <v>564.70889999999997</v>
      </c>
      <c r="E30601" s="6"/>
    </row>
    <row r="30602" spans="4:5" x14ac:dyDescent="0.25">
      <c r="D30602" s="6">
        <v>622.24540000000002</v>
      </c>
      <c r="E30602" s="6"/>
    </row>
    <row r="30603" spans="4:5" x14ac:dyDescent="0.25">
      <c r="D30603" s="6">
        <v>660.58330000000001</v>
      </c>
      <c r="E30603" s="6"/>
    </row>
    <row r="30604" spans="4:5" x14ac:dyDescent="0.25">
      <c r="D30604" s="6">
        <v>828.32929999999999</v>
      </c>
      <c r="E30604" s="6"/>
    </row>
    <row r="30605" spans="4:5" x14ac:dyDescent="0.25">
      <c r="D30605" s="6">
        <v>1241.3019999999999</v>
      </c>
      <c r="E30605" s="6"/>
    </row>
    <row r="30606" spans="4:5" x14ac:dyDescent="0.25">
      <c r="D30606" s="6">
        <v>1292.7329999999999</v>
      </c>
      <c r="E30606" s="6"/>
    </row>
    <row r="30607" spans="4:5" x14ac:dyDescent="0.25">
      <c r="D30607" s="6">
        <v>513.29380000000003</v>
      </c>
      <c r="E30607" s="6"/>
    </row>
    <row r="30608" spans="4:5" x14ac:dyDescent="0.25">
      <c r="D30608" s="6">
        <v>2070.2220000000002</v>
      </c>
      <c r="E30608" s="6"/>
    </row>
    <row r="30609" spans="4:5" x14ac:dyDescent="0.25">
      <c r="D30609" s="6">
        <v>711.11099999999999</v>
      </c>
      <c r="E30609" s="6"/>
    </row>
    <row r="30610" spans="4:5" x14ac:dyDescent="0.25">
      <c r="D30610" s="6">
        <v>431.9486</v>
      </c>
      <c r="E30610" s="6"/>
    </row>
    <row r="30611" spans="4:5" x14ac:dyDescent="0.25">
      <c r="D30611" s="6">
        <v>1008.777</v>
      </c>
      <c r="E30611" s="6"/>
    </row>
    <row r="30612" spans="4:5" x14ac:dyDescent="0.25">
      <c r="D30612" s="6">
        <v>404.89150000000001</v>
      </c>
      <c r="E30612" s="6"/>
    </row>
    <row r="30613" spans="4:5" x14ac:dyDescent="0.25">
      <c r="D30613" s="6">
        <v>3701.8539999999998</v>
      </c>
      <c r="E30613" s="6"/>
    </row>
    <row r="30614" spans="4:5" x14ac:dyDescent="0.25">
      <c r="D30614" s="6">
        <v>653.26760000000002</v>
      </c>
      <c r="E30614" s="6"/>
    </row>
    <row r="30615" spans="4:5" x14ac:dyDescent="0.25">
      <c r="D30615" s="6">
        <v>1577.289</v>
      </c>
      <c r="E30615" s="6"/>
    </row>
    <row r="30616" spans="4:5" x14ac:dyDescent="0.25">
      <c r="D30616" s="6">
        <v>590.03380000000004</v>
      </c>
      <c r="E30616" s="6"/>
    </row>
    <row r="30617" spans="4:5" x14ac:dyDescent="0.25">
      <c r="D30617" s="6">
        <v>681.11990000000003</v>
      </c>
      <c r="E30617" s="6"/>
    </row>
    <row r="30618" spans="4:5" x14ac:dyDescent="0.25">
      <c r="D30618" s="6">
        <v>1003.985</v>
      </c>
      <c r="E30618" s="6"/>
    </row>
    <row r="30619" spans="4:5" x14ac:dyDescent="0.25">
      <c r="D30619" s="6">
        <v>5428.424</v>
      </c>
      <c r="E30619" s="6"/>
    </row>
    <row r="30620" spans="4:5" x14ac:dyDescent="0.25">
      <c r="D30620" s="6">
        <v>603.42259999999999</v>
      </c>
      <c r="E30620" s="6"/>
    </row>
    <row r="30621" spans="4:5" x14ac:dyDescent="0.25">
      <c r="D30621" s="6">
        <v>6312.8890000000001</v>
      </c>
      <c r="E30621" s="6"/>
    </row>
    <row r="30622" spans="4:5" x14ac:dyDescent="0.25">
      <c r="D30622" s="6">
        <v>2394.1460000000002</v>
      </c>
      <c r="E30622" s="6"/>
    </row>
    <row r="30623" spans="4:5" x14ac:dyDescent="0.25">
      <c r="D30623" s="6">
        <v>1005.878</v>
      </c>
      <c r="E30623" s="6"/>
    </row>
    <row r="30624" spans="4:5" x14ac:dyDescent="0.25">
      <c r="D30624" s="6">
        <v>192.733</v>
      </c>
      <c r="E30624" s="6"/>
    </row>
    <row r="30625" spans="4:5" x14ac:dyDescent="0.25">
      <c r="D30625" s="6">
        <v>692.13319999999999</v>
      </c>
      <c r="E30625" s="6"/>
    </row>
    <row r="30626" spans="4:5" x14ac:dyDescent="0.25">
      <c r="D30626" s="6">
        <v>648.26530000000002</v>
      </c>
      <c r="E30626" s="6"/>
    </row>
    <row r="30627" spans="4:5" x14ac:dyDescent="0.25">
      <c r="D30627" s="6">
        <v>955.3922</v>
      </c>
      <c r="E30627" s="6"/>
    </row>
    <row r="30628" spans="4:5" x14ac:dyDescent="0.25">
      <c r="D30628" s="6">
        <v>2656.0729999999999</v>
      </c>
      <c r="E30628" s="6"/>
    </row>
    <row r="30629" spans="4:5" x14ac:dyDescent="0.25">
      <c r="D30629" s="6">
        <v>744.74249999999995</v>
      </c>
      <c r="E30629" s="6"/>
    </row>
    <row r="30630" spans="4:5" x14ac:dyDescent="0.25">
      <c r="D30630" s="6">
        <v>746.49869999999999</v>
      </c>
      <c r="E30630" s="6"/>
    </row>
    <row r="30631" spans="4:5" x14ac:dyDescent="0.25">
      <c r="D30631" s="6">
        <v>6056.9570000000003</v>
      </c>
      <c r="E30631" s="6"/>
    </row>
    <row r="30632" spans="4:5" x14ac:dyDescent="0.25">
      <c r="D30632" s="6">
        <v>663.28920000000005</v>
      </c>
      <c r="E30632" s="6"/>
    </row>
    <row r="30633" spans="4:5" x14ac:dyDescent="0.25">
      <c r="D30633" s="6">
        <v>753.74869999999999</v>
      </c>
      <c r="E30633" s="6"/>
    </row>
    <row r="30634" spans="4:5" x14ac:dyDescent="0.25">
      <c r="D30634" s="6">
        <v>174.0838</v>
      </c>
      <c r="E30634" s="6"/>
    </row>
    <row r="30635" spans="4:5" x14ac:dyDescent="0.25">
      <c r="D30635" s="6">
        <v>723.59870000000001</v>
      </c>
      <c r="E30635" s="6"/>
    </row>
    <row r="30636" spans="4:5" x14ac:dyDescent="0.25">
      <c r="D30636" s="6">
        <v>173.94589999999999</v>
      </c>
      <c r="E30636" s="6"/>
    </row>
    <row r="30637" spans="4:5" x14ac:dyDescent="0.25">
      <c r="D30637" s="6">
        <v>517.36739999999998</v>
      </c>
      <c r="E30637" s="6"/>
    </row>
    <row r="30638" spans="4:5" x14ac:dyDescent="0.25">
      <c r="D30638" s="6">
        <v>2185.4409999999998</v>
      </c>
      <c r="E30638" s="6"/>
    </row>
    <row r="30639" spans="4:5" x14ac:dyDescent="0.25">
      <c r="D30639" s="6">
        <v>10547.45</v>
      </c>
      <c r="E30639" s="6"/>
    </row>
    <row r="30640" spans="4:5" x14ac:dyDescent="0.25">
      <c r="D30640" s="6">
        <v>496.25970000000001</v>
      </c>
      <c r="E30640" s="6"/>
    </row>
    <row r="30641" spans="4:5" x14ac:dyDescent="0.25">
      <c r="D30641" s="6">
        <v>3910.143</v>
      </c>
      <c r="E30641" s="6"/>
    </row>
    <row r="30642" spans="4:5" x14ac:dyDescent="0.25">
      <c r="D30642" s="6">
        <v>449.42669999999998</v>
      </c>
      <c r="E30642" s="6"/>
    </row>
    <row r="30643" spans="4:5" x14ac:dyDescent="0.25">
      <c r="D30643" s="6">
        <v>559.45569999999998</v>
      </c>
      <c r="E30643" s="6"/>
    </row>
    <row r="30644" spans="4:5" x14ac:dyDescent="0.25">
      <c r="D30644" s="6">
        <v>993.65160000000003</v>
      </c>
      <c r="E30644" s="6"/>
    </row>
    <row r="30645" spans="4:5" x14ac:dyDescent="0.25">
      <c r="D30645" s="6">
        <v>813.84550000000002</v>
      </c>
      <c r="E30645" s="6"/>
    </row>
    <row r="30646" spans="4:5" x14ac:dyDescent="0.25">
      <c r="D30646" s="6">
        <v>5063</v>
      </c>
      <c r="E30646" s="6"/>
    </row>
    <row r="30647" spans="4:5" x14ac:dyDescent="0.25">
      <c r="D30647" s="6">
        <v>5943</v>
      </c>
      <c r="E30647" s="6"/>
    </row>
    <row r="30648" spans="4:5" x14ac:dyDescent="0.25">
      <c r="D30648" s="6">
        <v>595.13109999999995</v>
      </c>
      <c r="E30648" s="6"/>
    </row>
    <row r="30649" spans="4:5" x14ac:dyDescent="0.25">
      <c r="D30649" s="6">
        <v>602.15200000000004</v>
      </c>
      <c r="E30649" s="6"/>
    </row>
    <row r="30650" spans="4:5" x14ac:dyDescent="0.25">
      <c r="D30650" s="6">
        <v>1558.3779999999999</v>
      </c>
      <c r="E30650" s="6"/>
    </row>
    <row r="30651" spans="4:5" x14ac:dyDescent="0.25">
      <c r="D30651" s="6">
        <v>1027.979</v>
      </c>
      <c r="E30651" s="6"/>
    </row>
    <row r="30652" spans="4:5" x14ac:dyDescent="0.25">
      <c r="D30652" s="6">
        <v>4570</v>
      </c>
      <c r="E30652" s="6"/>
    </row>
    <row r="30653" spans="4:5" x14ac:dyDescent="0.25">
      <c r="D30653" s="6">
        <v>371.90710000000001</v>
      </c>
      <c r="E30653" s="6"/>
    </row>
    <row r="30654" spans="4:5" x14ac:dyDescent="0.25">
      <c r="D30654" s="6">
        <v>1261.2339999999999</v>
      </c>
      <c r="E30654" s="6"/>
    </row>
    <row r="30655" spans="4:5" x14ac:dyDescent="0.25">
      <c r="D30655" s="6">
        <v>9656.125</v>
      </c>
      <c r="E30655" s="6"/>
    </row>
    <row r="30656" spans="4:5" x14ac:dyDescent="0.25">
      <c r="D30656" s="6">
        <v>4421.6360000000004</v>
      </c>
      <c r="E30656" s="6"/>
    </row>
    <row r="30657" spans="4:5" x14ac:dyDescent="0.25">
      <c r="D30657" s="6">
        <v>772.90859999999998</v>
      </c>
      <c r="E30657" s="6"/>
    </row>
    <row r="30658" spans="4:5" x14ac:dyDescent="0.25">
      <c r="D30658" s="6">
        <v>686.75840000000005</v>
      </c>
      <c r="E30658" s="6"/>
    </row>
    <row r="30659" spans="4:5" x14ac:dyDescent="0.25">
      <c r="D30659" s="6">
        <v>1250.9290000000001</v>
      </c>
      <c r="E30659" s="6"/>
    </row>
    <row r="30660" spans="4:5" x14ac:dyDescent="0.25">
      <c r="D30660" s="6">
        <v>822.7328</v>
      </c>
      <c r="E30660" s="6"/>
    </row>
    <row r="30661" spans="4:5" x14ac:dyDescent="0.25">
      <c r="D30661" s="6">
        <v>7279.64</v>
      </c>
      <c r="E30661" s="6"/>
    </row>
    <row r="30662" spans="4:5" x14ac:dyDescent="0.25">
      <c r="D30662" s="6">
        <v>651.65800000000002</v>
      </c>
      <c r="E30662" s="6"/>
    </row>
    <row r="30663" spans="4:5" x14ac:dyDescent="0.25">
      <c r="D30663" s="6">
        <v>1024.826</v>
      </c>
      <c r="E30663" s="6"/>
    </row>
    <row r="30664" spans="4:5" x14ac:dyDescent="0.25">
      <c r="D30664" s="6">
        <v>1612.91</v>
      </c>
      <c r="E30664" s="6"/>
    </row>
    <row r="30665" spans="4:5" x14ac:dyDescent="0.25">
      <c r="D30665" s="6">
        <v>638.4529</v>
      </c>
      <c r="E30665" s="6"/>
    </row>
    <row r="30666" spans="4:5" x14ac:dyDescent="0.25">
      <c r="D30666" s="6">
        <v>616.14250000000004</v>
      </c>
      <c r="E30666" s="6"/>
    </row>
    <row r="30667" spans="4:5" x14ac:dyDescent="0.25">
      <c r="D30667" s="6">
        <v>1235.2650000000001</v>
      </c>
      <c r="E30667" s="6"/>
    </row>
    <row r="30668" spans="4:5" x14ac:dyDescent="0.25">
      <c r="D30668" s="6">
        <v>712.46849999999995</v>
      </c>
      <c r="E30668" s="6"/>
    </row>
    <row r="30669" spans="4:5" x14ac:dyDescent="0.25">
      <c r="D30669" s="6">
        <v>1247.578</v>
      </c>
      <c r="E30669" s="6"/>
    </row>
    <row r="30670" spans="4:5" x14ac:dyDescent="0.25">
      <c r="D30670" s="6">
        <v>749.57870000000003</v>
      </c>
      <c r="E30670" s="6"/>
    </row>
    <row r="30671" spans="4:5" x14ac:dyDescent="0.25">
      <c r="D30671" s="6">
        <v>537.58199999999999</v>
      </c>
      <c r="E30671" s="6"/>
    </row>
    <row r="30672" spans="4:5" x14ac:dyDescent="0.25">
      <c r="D30672" s="6">
        <v>911.05489999999998</v>
      </c>
      <c r="E30672" s="6"/>
    </row>
    <row r="30673" spans="4:5" x14ac:dyDescent="0.25">
      <c r="D30673" s="6">
        <v>1517.7080000000001</v>
      </c>
      <c r="E30673" s="6"/>
    </row>
    <row r="30674" spans="4:5" x14ac:dyDescent="0.25">
      <c r="D30674" s="6">
        <v>1237.038</v>
      </c>
      <c r="E30674" s="6"/>
    </row>
    <row r="30675" spans="4:5" x14ac:dyDescent="0.25">
      <c r="D30675" s="6">
        <v>601.07929999999999</v>
      </c>
      <c r="E30675" s="6"/>
    </row>
    <row r="30676" spans="4:5" x14ac:dyDescent="0.25">
      <c r="D30676" s="6">
        <v>472.82459999999998</v>
      </c>
      <c r="E30676" s="6"/>
    </row>
    <row r="30677" spans="4:5" x14ac:dyDescent="0.25">
      <c r="D30677" s="6">
        <v>510.53379999999999</v>
      </c>
      <c r="E30677" s="6"/>
    </row>
    <row r="30678" spans="4:5" x14ac:dyDescent="0.25">
      <c r="D30678" s="6">
        <v>3762.65</v>
      </c>
      <c r="E30678" s="6"/>
    </row>
    <row r="30679" spans="4:5" x14ac:dyDescent="0.25">
      <c r="D30679" s="6">
        <v>6760.9740000000002</v>
      </c>
      <c r="E30679" s="6"/>
    </row>
    <row r="30680" spans="4:5" x14ac:dyDescent="0.25">
      <c r="D30680" s="6">
        <v>1563.2750000000001</v>
      </c>
      <c r="E30680" s="6"/>
    </row>
    <row r="30681" spans="4:5" x14ac:dyDescent="0.25">
      <c r="D30681" s="6">
        <v>920.07579999999996</v>
      </c>
      <c r="E30681" s="6"/>
    </row>
    <row r="30682" spans="4:5" x14ac:dyDescent="0.25">
      <c r="D30682" s="6">
        <v>5613.6180000000004</v>
      </c>
      <c r="E30682" s="6"/>
    </row>
    <row r="30683" spans="4:5" x14ac:dyDescent="0.25">
      <c r="D30683" s="6">
        <v>890.69920000000002</v>
      </c>
      <c r="E30683" s="6"/>
    </row>
    <row r="30684" spans="4:5" x14ac:dyDescent="0.25">
      <c r="D30684" s="6">
        <v>3249.73</v>
      </c>
      <c r="E30684" s="6"/>
    </row>
    <row r="30685" spans="4:5" x14ac:dyDescent="0.25">
      <c r="D30685" s="6">
        <v>697.31659999999999</v>
      </c>
      <c r="E30685" s="6"/>
    </row>
    <row r="30686" spans="4:5" x14ac:dyDescent="0.25">
      <c r="D30686" s="6">
        <v>2900.9209999999998</v>
      </c>
      <c r="E30686" s="6"/>
    </row>
    <row r="30687" spans="4:5" x14ac:dyDescent="0.25">
      <c r="D30687" s="6">
        <v>10335.9</v>
      </c>
      <c r="E30687" s="6"/>
    </row>
    <row r="30688" spans="4:5" x14ac:dyDescent="0.25">
      <c r="D30688" s="6">
        <v>628.08079999999995</v>
      </c>
      <c r="E30688" s="6"/>
    </row>
    <row r="30689" spans="4:5" x14ac:dyDescent="0.25">
      <c r="D30689" s="6">
        <v>1054.9559999999999</v>
      </c>
      <c r="E30689" s="6"/>
    </row>
    <row r="30690" spans="4:5" x14ac:dyDescent="0.25">
      <c r="D30690" s="6">
        <v>7378.1750000000002</v>
      </c>
      <c r="E30690" s="6"/>
    </row>
    <row r="30691" spans="4:5" x14ac:dyDescent="0.25">
      <c r="D30691" s="6">
        <v>2734.1909999999998</v>
      </c>
      <c r="E30691" s="6"/>
    </row>
    <row r="30692" spans="4:5" x14ac:dyDescent="0.25">
      <c r="D30692" s="6">
        <v>780.64949999999999</v>
      </c>
      <c r="E30692" s="6"/>
    </row>
    <row r="30693" spans="4:5" x14ac:dyDescent="0.25">
      <c r="D30693" s="6">
        <v>407.68419999999998</v>
      </c>
      <c r="E30693" s="6"/>
    </row>
    <row r="30694" spans="4:5" x14ac:dyDescent="0.25">
      <c r="D30694" s="6">
        <v>824.79679999999996</v>
      </c>
      <c r="E30694" s="6"/>
    </row>
    <row r="30695" spans="4:5" x14ac:dyDescent="0.25">
      <c r="D30695" s="6">
        <v>171.75790000000001</v>
      </c>
      <c r="E30695" s="6"/>
    </row>
    <row r="30696" spans="4:5" x14ac:dyDescent="0.25">
      <c r="D30696" s="6">
        <v>1125.5260000000001</v>
      </c>
      <c r="E30696" s="6"/>
    </row>
    <row r="30697" spans="4:5" x14ac:dyDescent="0.25">
      <c r="D30697" s="6">
        <v>1658.5060000000001</v>
      </c>
      <c r="E30697" s="6"/>
    </row>
    <row r="30698" spans="4:5" x14ac:dyDescent="0.25">
      <c r="D30698" s="6">
        <v>1354.2650000000001</v>
      </c>
      <c r="E30698" s="6"/>
    </row>
    <row r="30699" spans="4:5" x14ac:dyDescent="0.25">
      <c r="D30699" s="6">
        <v>173.16229999999999</v>
      </c>
      <c r="E30699" s="6"/>
    </row>
    <row r="30700" spans="4:5" x14ac:dyDescent="0.25">
      <c r="D30700" s="6">
        <v>518.86559999999997</v>
      </c>
      <c r="E30700" s="6"/>
    </row>
    <row r="30701" spans="4:5" x14ac:dyDescent="0.25">
      <c r="D30701" s="6">
        <v>607.3134</v>
      </c>
      <c r="E30701" s="6"/>
    </row>
    <row r="30702" spans="4:5" x14ac:dyDescent="0.25">
      <c r="D30702" s="6">
        <v>887.56709999999998</v>
      </c>
      <c r="E30702" s="6"/>
    </row>
    <row r="30703" spans="4:5" x14ac:dyDescent="0.25">
      <c r="D30703" s="6">
        <v>2396.8580000000002</v>
      </c>
      <c r="E30703" s="6"/>
    </row>
    <row r="30704" spans="4:5" x14ac:dyDescent="0.25">
      <c r="D30704" s="6">
        <v>1994.38</v>
      </c>
      <c r="E30704" s="6"/>
    </row>
    <row r="30705" spans="4:5" x14ac:dyDescent="0.25">
      <c r="D30705" s="6">
        <v>909.90980000000002</v>
      </c>
      <c r="E30705" s="6"/>
    </row>
    <row r="30706" spans="4:5" x14ac:dyDescent="0.25">
      <c r="D30706" s="6">
        <v>2352.4899999999998</v>
      </c>
      <c r="E30706" s="6"/>
    </row>
    <row r="30707" spans="4:5" x14ac:dyDescent="0.25">
      <c r="D30707" s="6">
        <v>785.54949999999997</v>
      </c>
      <c r="E30707" s="6"/>
    </row>
    <row r="30708" spans="4:5" x14ac:dyDescent="0.25">
      <c r="D30708" s="6">
        <v>989.89639999999997</v>
      </c>
      <c r="E30708" s="6"/>
    </row>
    <row r="30709" spans="4:5" x14ac:dyDescent="0.25">
      <c r="D30709" s="6">
        <v>635.47969999999998</v>
      </c>
      <c r="E30709" s="6"/>
    </row>
    <row r="30710" spans="4:5" x14ac:dyDescent="0.25">
      <c r="D30710" s="6">
        <v>7561.5609999999997</v>
      </c>
      <c r="E30710" s="6"/>
    </row>
    <row r="30711" spans="4:5" x14ac:dyDescent="0.25">
      <c r="D30711" s="6">
        <v>470.697</v>
      </c>
      <c r="E30711" s="6"/>
    </row>
    <row r="30712" spans="4:5" x14ac:dyDescent="0.25">
      <c r="D30712" s="6">
        <v>859.60429999999997</v>
      </c>
      <c r="E30712" s="6"/>
    </row>
    <row r="30713" spans="4:5" x14ac:dyDescent="0.25">
      <c r="D30713" s="6">
        <v>525.14160000000004</v>
      </c>
      <c r="E30713" s="6"/>
    </row>
    <row r="30714" spans="4:5" x14ac:dyDescent="0.25">
      <c r="D30714" s="6">
        <v>731.50689999999997</v>
      </c>
      <c r="E30714" s="6"/>
    </row>
    <row r="30715" spans="4:5" x14ac:dyDescent="0.25">
      <c r="D30715" s="6">
        <v>971.61659999999995</v>
      </c>
      <c r="E30715" s="6"/>
    </row>
    <row r="30716" spans="4:5" x14ac:dyDescent="0.25">
      <c r="D30716" s="6">
        <v>7281.6940000000004</v>
      </c>
      <c r="E30716" s="6"/>
    </row>
    <row r="30717" spans="4:5" x14ac:dyDescent="0.25">
      <c r="D30717" s="6">
        <v>700.85910000000001</v>
      </c>
      <c r="E30717" s="6"/>
    </row>
    <row r="30718" spans="4:5" x14ac:dyDescent="0.25">
      <c r="D30718" s="6">
        <v>1587.0640000000001</v>
      </c>
      <c r="E30718" s="6"/>
    </row>
    <row r="30719" spans="4:5" x14ac:dyDescent="0.25">
      <c r="D30719" s="6">
        <v>2812.8389999999999</v>
      </c>
      <c r="E30719" s="6"/>
    </row>
    <row r="30720" spans="4:5" x14ac:dyDescent="0.25">
      <c r="D30720" s="6">
        <v>729.52480000000003</v>
      </c>
      <c r="E30720" s="6"/>
    </row>
    <row r="30721" spans="4:5" x14ac:dyDescent="0.25">
      <c r="D30721" s="6">
        <v>5923</v>
      </c>
      <c r="E30721" s="6"/>
    </row>
    <row r="30722" spans="4:5" x14ac:dyDescent="0.25">
      <c r="D30722" s="6">
        <v>1108.682</v>
      </c>
      <c r="E30722" s="6"/>
    </row>
    <row r="30723" spans="4:5" x14ac:dyDescent="0.25">
      <c r="D30723" s="6">
        <v>4072.317</v>
      </c>
      <c r="E30723" s="6"/>
    </row>
    <row r="30724" spans="4:5" x14ac:dyDescent="0.25">
      <c r="D30724" s="6">
        <v>717.94650000000001</v>
      </c>
      <c r="E30724" s="6"/>
    </row>
    <row r="30725" spans="4:5" x14ac:dyDescent="0.25">
      <c r="D30725" s="6">
        <v>2178.116</v>
      </c>
      <c r="E30725" s="6"/>
    </row>
    <row r="30726" spans="4:5" x14ac:dyDescent="0.25">
      <c r="D30726" s="6">
        <v>814.03340000000003</v>
      </c>
      <c r="E30726" s="6"/>
    </row>
    <row r="30727" spans="4:5" x14ac:dyDescent="0.25">
      <c r="D30727" s="6">
        <v>2328.9569999999999</v>
      </c>
      <c r="E30727" s="6"/>
    </row>
    <row r="30728" spans="4:5" x14ac:dyDescent="0.25">
      <c r="D30728" s="6">
        <v>845.3279</v>
      </c>
      <c r="E30728" s="6"/>
    </row>
    <row r="30729" spans="4:5" x14ac:dyDescent="0.25">
      <c r="D30729" s="6">
        <v>2787.7190000000001</v>
      </c>
      <c r="E30729" s="6"/>
    </row>
    <row r="30730" spans="4:5" x14ac:dyDescent="0.25">
      <c r="D30730" s="6">
        <v>769.30899999999997</v>
      </c>
      <c r="E30730" s="6"/>
    </row>
    <row r="30731" spans="4:5" x14ac:dyDescent="0.25">
      <c r="D30731" s="6">
        <v>468.27530000000002</v>
      </c>
      <c r="E30731" s="6"/>
    </row>
    <row r="30732" spans="4:5" x14ac:dyDescent="0.25">
      <c r="D30732" s="6">
        <v>710.12570000000005</v>
      </c>
      <c r="E30732" s="6"/>
    </row>
    <row r="30733" spans="4:5" x14ac:dyDescent="0.25">
      <c r="D30733" s="6">
        <v>3646.0010000000002</v>
      </c>
      <c r="E30733" s="6"/>
    </row>
    <row r="30734" spans="4:5" x14ac:dyDescent="0.25">
      <c r="D30734" s="6">
        <v>898.41330000000005</v>
      </c>
      <c r="E30734" s="6"/>
    </row>
    <row r="30735" spans="4:5" x14ac:dyDescent="0.25">
      <c r="D30735" s="6">
        <v>922.98569999999995</v>
      </c>
      <c r="E30735" s="6"/>
    </row>
    <row r="30736" spans="4:5" x14ac:dyDescent="0.25">
      <c r="D30736" s="6">
        <v>6987.3329999999996</v>
      </c>
      <c r="E30736" s="6"/>
    </row>
    <row r="30737" spans="4:5" x14ac:dyDescent="0.25">
      <c r="D30737" s="6">
        <v>1113.675</v>
      </c>
      <c r="E30737" s="6"/>
    </row>
    <row r="30738" spans="4:5" x14ac:dyDescent="0.25">
      <c r="D30738" s="6">
        <v>715.47149999999999</v>
      </c>
      <c r="E30738" s="6"/>
    </row>
    <row r="30739" spans="4:5" x14ac:dyDescent="0.25">
      <c r="D30739" s="6">
        <v>476.4384</v>
      </c>
      <c r="E30739" s="6"/>
    </row>
    <row r="30740" spans="4:5" x14ac:dyDescent="0.25">
      <c r="D30740" s="6">
        <v>8021.9830000000002</v>
      </c>
      <c r="E30740" s="6"/>
    </row>
    <row r="30741" spans="4:5" x14ac:dyDescent="0.25">
      <c r="D30741" s="6">
        <v>11497.53</v>
      </c>
      <c r="E30741" s="6"/>
    </row>
    <row r="30742" spans="4:5" x14ac:dyDescent="0.25">
      <c r="D30742" s="6">
        <v>985.55560000000003</v>
      </c>
      <c r="E30742" s="6"/>
    </row>
    <row r="30743" spans="4:5" x14ac:dyDescent="0.25">
      <c r="D30743" s="6">
        <v>380.3981</v>
      </c>
      <c r="E30743" s="6"/>
    </row>
    <row r="30744" spans="4:5" x14ac:dyDescent="0.25">
      <c r="D30744" s="6">
        <v>1277.325</v>
      </c>
      <c r="E30744" s="6"/>
    </row>
    <row r="30745" spans="4:5" x14ac:dyDescent="0.25">
      <c r="D30745" s="6">
        <v>587.27729999999997</v>
      </c>
      <c r="E30745" s="6"/>
    </row>
    <row r="30746" spans="4:5" x14ac:dyDescent="0.25">
      <c r="D30746" s="6">
        <v>917.14779999999996</v>
      </c>
      <c r="E30746" s="6"/>
    </row>
    <row r="30747" spans="4:5" x14ac:dyDescent="0.25">
      <c r="D30747" s="6">
        <v>174.8058</v>
      </c>
      <c r="E30747" s="6"/>
    </row>
    <row r="30748" spans="4:5" x14ac:dyDescent="0.25">
      <c r="D30748" s="6">
        <v>2418.0659999999998</v>
      </c>
      <c r="E30748" s="6"/>
    </row>
    <row r="30749" spans="4:5" x14ac:dyDescent="0.25">
      <c r="D30749" s="6">
        <v>892.79970000000003</v>
      </c>
      <c r="E30749" s="6"/>
    </row>
    <row r="30750" spans="4:5" x14ac:dyDescent="0.25">
      <c r="D30750" s="6">
        <v>937.6223</v>
      </c>
      <c r="E30750" s="6"/>
    </row>
    <row r="30751" spans="4:5" x14ac:dyDescent="0.25">
      <c r="D30751" s="6">
        <v>641.96569999999997</v>
      </c>
      <c r="E30751" s="6"/>
    </row>
    <row r="30752" spans="4:5" x14ac:dyDescent="0.25">
      <c r="D30752" s="6">
        <v>787.18799999999999</v>
      </c>
      <c r="E30752" s="6"/>
    </row>
    <row r="30753" spans="4:5" x14ac:dyDescent="0.25">
      <c r="D30753" s="6">
        <v>574.13530000000003</v>
      </c>
      <c r="E30753" s="6"/>
    </row>
    <row r="30754" spans="4:5" x14ac:dyDescent="0.25">
      <c r="D30754" s="6">
        <v>534.90909999999997</v>
      </c>
      <c r="E30754" s="6"/>
    </row>
    <row r="30755" spans="4:5" x14ac:dyDescent="0.25">
      <c r="D30755" s="6">
        <v>196.012</v>
      </c>
      <c r="E30755" s="6"/>
    </row>
    <row r="30756" spans="4:5" x14ac:dyDescent="0.25">
      <c r="D30756" s="6">
        <v>3173.0509999999999</v>
      </c>
      <c r="E30756" s="6"/>
    </row>
    <row r="30757" spans="4:5" x14ac:dyDescent="0.25">
      <c r="D30757" s="6">
        <v>2209.2730000000001</v>
      </c>
      <c r="E30757" s="6"/>
    </row>
    <row r="30758" spans="4:5" x14ac:dyDescent="0.25">
      <c r="D30758" s="6">
        <v>3332.9569999999999</v>
      </c>
      <c r="E30758" s="6"/>
    </row>
    <row r="30759" spans="4:5" x14ac:dyDescent="0.25">
      <c r="D30759" s="6">
        <v>178.65</v>
      </c>
      <c r="E30759" s="6"/>
    </row>
    <row r="30760" spans="4:5" x14ac:dyDescent="0.25">
      <c r="D30760" s="6">
        <v>573.13530000000003</v>
      </c>
      <c r="E30760" s="6"/>
    </row>
    <row r="30761" spans="4:5" x14ac:dyDescent="0.25">
      <c r="D30761" s="6">
        <v>1272.971</v>
      </c>
      <c r="E30761" s="6"/>
    </row>
    <row r="30762" spans="4:5" x14ac:dyDescent="0.25">
      <c r="D30762" s="6">
        <v>693.16790000000003</v>
      </c>
      <c r="E30762" s="6"/>
    </row>
    <row r="30763" spans="4:5" x14ac:dyDescent="0.25">
      <c r="D30763" s="6">
        <v>333.3143</v>
      </c>
      <c r="E30763" s="6"/>
    </row>
    <row r="30764" spans="4:5" x14ac:dyDescent="0.25">
      <c r="D30764" s="6">
        <v>679.11120000000005</v>
      </c>
      <c r="E30764" s="6"/>
    </row>
    <row r="30765" spans="4:5" x14ac:dyDescent="0.25">
      <c r="D30765" s="6">
        <v>7046.0370000000003</v>
      </c>
      <c r="E30765" s="6"/>
    </row>
    <row r="30766" spans="4:5" x14ac:dyDescent="0.25">
      <c r="D30766" s="6">
        <v>8541.2669999999998</v>
      </c>
      <c r="E30766" s="6"/>
    </row>
    <row r="30767" spans="4:5" x14ac:dyDescent="0.25">
      <c r="D30767" s="6">
        <v>518.78880000000004</v>
      </c>
      <c r="E30767" s="6"/>
    </row>
    <row r="30768" spans="4:5" x14ac:dyDescent="0.25">
      <c r="D30768" s="6">
        <v>690.06449999999995</v>
      </c>
      <c r="E30768" s="6"/>
    </row>
    <row r="30769" spans="4:5" x14ac:dyDescent="0.25">
      <c r="D30769" s="6">
        <v>794.17920000000004</v>
      </c>
      <c r="E30769" s="6"/>
    </row>
    <row r="30770" spans="4:5" x14ac:dyDescent="0.25">
      <c r="D30770" s="6">
        <v>530.68230000000005</v>
      </c>
      <c r="E30770" s="6"/>
    </row>
    <row r="30771" spans="4:5" x14ac:dyDescent="0.25">
      <c r="D30771" s="6">
        <v>5424.817</v>
      </c>
      <c r="E30771" s="6"/>
    </row>
    <row r="30772" spans="4:5" x14ac:dyDescent="0.25">
      <c r="D30772" s="6">
        <v>7201.9440000000004</v>
      </c>
      <c r="E30772" s="6"/>
    </row>
    <row r="30773" spans="4:5" x14ac:dyDescent="0.25">
      <c r="D30773" s="6">
        <v>1800.0920000000001</v>
      </c>
      <c r="E30773" s="6"/>
    </row>
    <row r="30774" spans="4:5" x14ac:dyDescent="0.25">
      <c r="D30774" s="6">
        <v>193.08699999999999</v>
      </c>
      <c r="E30774" s="6"/>
    </row>
    <row r="30775" spans="4:5" x14ac:dyDescent="0.25">
      <c r="D30775" s="6">
        <v>524.60630000000003</v>
      </c>
      <c r="E30775" s="6"/>
    </row>
    <row r="30776" spans="4:5" x14ac:dyDescent="0.25">
      <c r="D30776" s="6">
        <v>890.32259999999997</v>
      </c>
      <c r="E30776" s="6"/>
    </row>
    <row r="30777" spans="4:5" x14ac:dyDescent="0.25">
      <c r="D30777" s="6">
        <v>1488.085</v>
      </c>
      <c r="E30777" s="6"/>
    </row>
    <row r="30778" spans="4:5" x14ac:dyDescent="0.25">
      <c r="D30778" s="6">
        <v>487.40499999999997</v>
      </c>
      <c r="E30778" s="6"/>
    </row>
    <row r="30779" spans="4:5" x14ac:dyDescent="0.25">
      <c r="D30779" s="6">
        <v>7016.3209999999999</v>
      </c>
      <c r="E30779" s="6"/>
    </row>
    <row r="30780" spans="4:5" x14ac:dyDescent="0.25">
      <c r="D30780" s="6">
        <v>1699.223</v>
      </c>
      <c r="E30780" s="6"/>
    </row>
    <row r="30781" spans="4:5" x14ac:dyDescent="0.25">
      <c r="D30781" s="6">
        <v>238.96119999999999</v>
      </c>
      <c r="E30781" s="6"/>
    </row>
    <row r="30782" spans="4:5" x14ac:dyDescent="0.25">
      <c r="D30782" s="6">
        <v>938.35270000000003</v>
      </c>
      <c r="E30782" s="6"/>
    </row>
    <row r="30783" spans="4:5" x14ac:dyDescent="0.25">
      <c r="D30783" s="6">
        <v>1785.268</v>
      </c>
      <c r="E30783" s="6"/>
    </row>
    <row r="30784" spans="4:5" x14ac:dyDescent="0.25">
      <c r="D30784" s="6">
        <v>352.4348</v>
      </c>
      <c r="E30784" s="6"/>
    </row>
    <row r="30785" spans="4:5" x14ac:dyDescent="0.25">
      <c r="D30785" s="6">
        <v>1500.989</v>
      </c>
      <c r="E30785" s="6"/>
    </row>
    <row r="30786" spans="4:5" x14ac:dyDescent="0.25">
      <c r="D30786" s="6">
        <v>6905.3230000000003</v>
      </c>
      <c r="E30786" s="6"/>
    </row>
    <row r="30787" spans="4:5" x14ac:dyDescent="0.25">
      <c r="D30787" s="6">
        <v>520.93389999999999</v>
      </c>
      <c r="E30787" s="6"/>
    </row>
    <row r="30788" spans="4:5" x14ac:dyDescent="0.25">
      <c r="D30788" s="6">
        <v>806.61800000000005</v>
      </c>
      <c r="E30788" s="6"/>
    </row>
    <row r="30789" spans="4:5" x14ac:dyDescent="0.25">
      <c r="D30789" s="6">
        <v>904.40809999999999</v>
      </c>
      <c r="E30789" s="6"/>
    </row>
    <row r="30790" spans="4:5" x14ac:dyDescent="0.25">
      <c r="D30790" s="6">
        <v>804.50210000000004</v>
      </c>
      <c r="E30790" s="6"/>
    </row>
    <row r="30791" spans="4:5" x14ac:dyDescent="0.25">
      <c r="D30791" s="6">
        <v>7302.5810000000001</v>
      </c>
      <c r="E30791" s="6"/>
    </row>
    <row r="30792" spans="4:5" x14ac:dyDescent="0.25">
      <c r="D30792" s="6">
        <v>756.92219999999998</v>
      </c>
      <c r="E30792" s="6"/>
    </row>
    <row r="30793" spans="4:5" x14ac:dyDescent="0.25">
      <c r="D30793" s="6">
        <v>10141.41</v>
      </c>
      <c r="E30793" s="6"/>
    </row>
    <row r="30794" spans="4:5" x14ac:dyDescent="0.25">
      <c r="D30794" s="6">
        <v>892.21519999999998</v>
      </c>
      <c r="E30794" s="6"/>
    </row>
    <row r="30795" spans="4:5" x14ac:dyDescent="0.25">
      <c r="D30795" s="6">
        <v>600.78740000000005</v>
      </c>
      <c r="E30795" s="6"/>
    </row>
    <row r="30796" spans="4:5" x14ac:dyDescent="0.25">
      <c r="D30796" s="6">
        <v>1259.577</v>
      </c>
      <c r="E30796" s="6"/>
    </row>
    <row r="30797" spans="4:5" x14ac:dyDescent="0.25">
      <c r="D30797" s="6">
        <v>4287.2110000000002</v>
      </c>
      <c r="E30797" s="6"/>
    </row>
    <row r="30798" spans="4:5" x14ac:dyDescent="0.25">
      <c r="D30798" s="6">
        <v>2333.9740000000002</v>
      </c>
      <c r="E30798" s="6"/>
    </row>
    <row r="30799" spans="4:5" x14ac:dyDescent="0.25">
      <c r="D30799" s="6">
        <v>492.92500000000001</v>
      </c>
      <c r="E30799" s="6"/>
    </row>
    <row r="30800" spans="4:5" x14ac:dyDescent="0.25">
      <c r="D30800" s="6">
        <v>1029.527</v>
      </c>
      <c r="E30800" s="6"/>
    </row>
    <row r="30801" spans="4:5" x14ac:dyDescent="0.25">
      <c r="D30801" s="6">
        <v>702.74549999999999</v>
      </c>
      <c r="E30801" s="6"/>
    </row>
    <row r="30802" spans="4:5" x14ac:dyDescent="0.25">
      <c r="D30802" s="6">
        <v>873.12180000000001</v>
      </c>
      <c r="E30802" s="6"/>
    </row>
    <row r="30803" spans="4:5" x14ac:dyDescent="0.25">
      <c r="D30803" s="6">
        <v>632.49459999999999</v>
      </c>
      <c r="E30803" s="6"/>
    </row>
    <row r="30804" spans="4:5" x14ac:dyDescent="0.25">
      <c r="D30804" s="6">
        <v>642.19309999999996</v>
      </c>
      <c r="E30804" s="6"/>
    </row>
    <row r="30805" spans="4:5" x14ac:dyDescent="0.25">
      <c r="D30805" s="6">
        <v>986.35810000000004</v>
      </c>
      <c r="E30805" s="6"/>
    </row>
    <row r="30806" spans="4:5" x14ac:dyDescent="0.25">
      <c r="D30806" s="6">
        <v>2657.02</v>
      </c>
      <c r="E30806" s="6"/>
    </row>
    <row r="30807" spans="4:5" x14ac:dyDescent="0.25">
      <c r="D30807" s="6">
        <v>1398.894</v>
      </c>
      <c r="E30807" s="6"/>
    </row>
    <row r="30808" spans="4:5" x14ac:dyDescent="0.25">
      <c r="D30808" s="6">
        <v>901.62779999999998</v>
      </c>
      <c r="E30808" s="6"/>
    </row>
    <row r="30809" spans="4:5" x14ac:dyDescent="0.25">
      <c r="D30809" s="6">
        <v>758.14290000000005</v>
      </c>
      <c r="E30809" s="6"/>
    </row>
    <row r="30810" spans="4:5" x14ac:dyDescent="0.25">
      <c r="D30810" s="6">
        <v>1356.7619999999999</v>
      </c>
      <c r="E30810" s="6"/>
    </row>
    <row r="30811" spans="4:5" x14ac:dyDescent="0.25">
      <c r="D30811" s="6">
        <v>1437.75</v>
      </c>
      <c r="E30811" s="6"/>
    </row>
    <row r="30812" spans="4:5" x14ac:dyDescent="0.25">
      <c r="D30812" s="6">
        <v>188.46340000000001</v>
      </c>
      <c r="E30812" s="6"/>
    </row>
    <row r="30813" spans="4:5" x14ac:dyDescent="0.25">
      <c r="D30813" s="6">
        <v>1310.223</v>
      </c>
      <c r="E30813" s="6"/>
    </row>
    <row r="30814" spans="4:5" x14ac:dyDescent="0.25">
      <c r="D30814" s="6">
        <v>4399.5209999999997</v>
      </c>
      <c r="E30814" s="6"/>
    </row>
    <row r="30815" spans="4:5" x14ac:dyDescent="0.25">
      <c r="D30815" s="6">
        <v>7145.6769999999997</v>
      </c>
      <c r="E30815" s="6"/>
    </row>
    <row r="30816" spans="4:5" x14ac:dyDescent="0.25">
      <c r="D30816" s="6">
        <v>808.0915</v>
      </c>
      <c r="E30816" s="6"/>
    </row>
    <row r="30817" spans="4:5" x14ac:dyDescent="0.25">
      <c r="D30817" s="6">
        <v>447.26650000000001</v>
      </c>
      <c r="E30817" s="6"/>
    </row>
    <row r="30818" spans="4:5" x14ac:dyDescent="0.25">
      <c r="D30818" s="6">
        <v>561.39089999999999</v>
      </c>
      <c r="E30818" s="6"/>
    </row>
    <row r="30819" spans="4:5" x14ac:dyDescent="0.25">
      <c r="D30819" s="6">
        <v>502.52010000000001</v>
      </c>
      <c r="E30819" s="6"/>
    </row>
    <row r="30820" spans="4:5" x14ac:dyDescent="0.25">
      <c r="D30820" s="6">
        <v>691.24270000000001</v>
      </c>
      <c r="E30820" s="6"/>
    </row>
    <row r="30821" spans="4:5" x14ac:dyDescent="0.25">
      <c r="D30821" s="6">
        <v>1127.0119999999999</v>
      </c>
      <c r="E30821" s="6"/>
    </row>
    <row r="30822" spans="4:5" x14ac:dyDescent="0.25">
      <c r="D30822" s="6">
        <v>585.50459999999998</v>
      </c>
      <c r="E30822" s="6"/>
    </row>
    <row r="30823" spans="4:5" x14ac:dyDescent="0.25">
      <c r="D30823" s="6">
        <v>1087.8800000000001</v>
      </c>
      <c r="E30823" s="6"/>
    </row>
    <row r="30824" spans="4:5" x14ac:dyDescent="0.25">
      <c r="D30824" s="6">
        <v>1526.9280000000001</v>
      </c>
      <c r="E30824" s="6"/>
    </row>
    <row r="30825" spans="4:5" x14ac:dyDescent="0.25">
      <c r="D30825" s="6">
        <v>744.5</v>
      </c>
      <c r="E30825" s="6"/>
    </row>
    <row r="30826" spans="4:5" x14ac:dyDescent="0.25">
      <c r="D30826" s="6">
        <v>640.10969999999998</v>
      </c>
      <c r="E30826" s="6"/>
    </row>
    <row r="30827" spans="4:5" x14ac:dyDescent="0.25">
      <c r="D30827" s="6">
        <v>2495.4949999999999</v>
      </c>
      <c r="E30827" s="6"/>
    </row>
    <row r="30828" spans="4:5" x14ac:dyDescent="0.25">
      <c r="D30828" s="6">
        <v>1456.462</v>
      </c>
      <c r="E30828" s="6"/>
    </row>
    <row r="30829" spans="4:5" x14ac:dyDescent="0.25">
      <c r="D30829" s="6">
        <v>564.10599999999999</v>
      </c>
      <c r="E30829" s="6"/>
    </row>
    <row r="30830" spans="4:5" x14ac:dyDescent="0.25">
      <c r="D30830" s="6">
        <v>1789.2809999999999</v>
      </c>
      <c r="E30830" s="6"/>
    </row>
    <row r="30831" spans="4:5" x14ac:dyDescent="0.25">
      <c r="D30831" s="6">
        <v>171.91800000000001</v>
      </c>
      <c r="E30831" s="6"/>
    </row>
    <row r="30832" spans="4:5" x14ac:dyDescent="0.25">
      <c r="D30832" s="6">
        <v>3248</v>
      </c>
      <c r="E30832" s="6"/>
    </row>
    <row r="30833" spans="4:5" x14ac:dyDescent="0.25">
      <c r="D30833" s="6">
        <v>7706.6</v>
      </c>
      <c r="E30833" s="6"/>
    </row>
    <row r="30834" spans="4:5" x14ac:dyDescent="0.25">
      <c r="D30834" s="6">
        <v>164.68129999999999</v>
      </c>
      <c r="E30834" s="6"/>
    </row>
    <row r="30835" spans="4:5" x14ac:dyDescent="0.25">
      <c r="D30835" s="6">
        <v>556.37080000000003</v>
      </c>
      <c r="E30835" s="6"/>
    </row>
    <row r="30836" spans="4:5" x14ac:dyDescent="0.25">
      <c r="D30836" s="6">
        <v>1406.932</v>
      </c>
      <c r="E30836" s="6"/>
    </row>
    <row r="30837" spans="4:5" x14ac:dyDescent="0.25">
      <c r="D30837" s="6">
        <v>2457.5</v>
      </c>
      <c r="E30837" s="6"/>
    </row>
    <row r="30838" spans="4:5" x14ac:dyDescent="0.25">
      <c r="D30838" s="6">
        <v>853.6</v>
      </c>
      <c r="E30838" s="6"/>
    </row>
    <row r="30839" spans="4:5" x14ac:dyDescent="0.25">
      <c r="D30839" s="6">
        <v>173.7167</v>
      </c>
      <c r="E30839" s="6"/>
    </row>
    <row r="30840" spans="4:5" x14ac:dyDescent="0.25">
      <c r="D30840" s="6">
        <v>726.70479999999998</v>
      </c>
      <c r="E30840" s="6"/>
    </row>
    <row r="30841" spans="4:5" x14ac:dyDescent="0.25">
      <c r="D30841" s="6">
        <v>726.75689999999997</v>
      </c>
      <c r="E30841" s="6"/>
    </row>
    <row r="30842" spans="4:5" x14ac:dyDescent="0.25">
      <c r="D30842" s="6">
        <v>681.39869999999996</v>
      </c>
      <c r="E30842" s="6"/>
    </row>
    <row r="30843" spans="4:5" x14ac:dyDescent="0.25">
      <c r="D30843" s="6">
        <v>575.20000000000005</v>
      </c>
      <c r="E30843" s="6"/>
    </row>
    <row r="30844" spans="4:5" x14ac:dyDescent="0.25">
      <c r="D30844" s="6">
        <v>947.66669999999999</v>
      </c>
      <c r="E30844" s="6"/>
    </row>
    <row r="30845" spans="4:5" x14ac:dyDescent="0.25">
      <c r="D30845" s="6">
        <v>182.5838</v>
      </c>
      <c r="E30845" s="6"/>
    </row>
    <row r="30846" spans="4:5" x14ac:dyDescent="0.25">
      <c r="D30846" s="6">
        <v>382.17570000000001</v>
      </c>
      <c r="E30846" s="6"/>
    </row>
    <row r="30847" spans="4:5" x14ac:dyDescent="0.25">
      <c r="D30847" s="6">
        <v>720.08820000000003</v>
      </c>
      <c r="E30847" s="6"/>
    </row>
    <row r="30848" spans="4:5" x14ac:dyDescent="0.25">
      <c r="D30848" s="6">
        <v>448.50349999999997</v>
      </c>
      <c r="E30848" s="6"/>
    </row>
    <row r="30849" spans="4:5" x14ac:dyDescent="0.25">
      <c r="D30849" s="6">
        <v>699.29819999999995</v>
      </c>
      <c r="E30849" s="6"/>
    </row>
    <row r="30850" spans="4:5" x14ac:dyDescent="0.25">
      <c r="D30850" s="6">
        <v>1188.2909999999999</v>
      </c>
      <c r="E30850" s="6"/>
    </row>
    <row r="30851" spans="4:5" x14ac:dyDescent="0.25">
      <c r="D30851" s="6">
        <v>773.9796</v>
      </c>
      <c r="E30851" s="6"/>
    </row>
    <row r="30852" spans="4:5" x14ac:dyDescent="0.25">
      <c r="D30852" s="6">
        <v>1047.08</v>
      </c>
      <c r="E30852" s="6"/>
    </row>
    <row r="30853" spans="4:5" x14ac:dyDescent="0.25">
      <c r="D30853" s="6">
        <v>1550.479</v>
      </c>
      <c r="E30853" s="6"/>
    </row>
    <row r="30854" spans="4:5" x14ac:dyDescent="0.25">
      <c r="D30854" s="6">
        <v>747.99659999999994</v>
      </c>
      <c r="E30854" s="6"/>
    </row>
    <row r="30855" spans="4:5" x14ac:dyDescent="0.25">
      <c r="D30855" s="6">
        <v>1798.836</v>
      </c>
      <c r="E30855" s="6"/>
    </row>
    <row r="30856" spans="4:5" x14ac:dyDescent="0.25">
      <c r="D30856" s="6">
        <v>3051.181</v>
      </c>
      <c r="E30856" s="6"/>
    </row>
    <row r="30857" spans="4:5" x14ac:dyDescent="0.25">
      <c r="D30857" s="6">
        <v>503.37790000000001</v>
      </c>
      <c r="E30857" s="6"/>
    </row>
    <row r="30858" spans="4:5" x14ac:dyDescent="0.25">
      <c r="D30858" s="6">
        <v>2017.72</v>
      </c>
      <c r="E30858" s="6"/>
    </row>
    <row r="30859" spans="4:5" x14ac:dyDescent="0.25">
      <c r="D30859" s="6">
        <v>508.85719999999998</v>
      </c>
      <c r="E30859" s="6"/>
    </row>
    <row r="30860" spans="4:5" x14ac:dyDescent="0.25">
      <c r="D30860" s="6">
        <v>8086.75</v>
      </c>
      <c r="E30860" s="6"/>
    </row>
    <row r="30861" spans="4:5" x14ac:dyDescent="0.25">
      <c r="D30861" s="6">
        <v>638.54660000000001</v>
      </c>
      <c r="E30861" s="6"/>
    </row>
    <row r="30862" spans="4:5" x14ac:dyDescent="0.25">
      <c r="D30862" s="6">
        <v>596.8107</v>
      </c>
      <c r="E30862" s="6"/>
    </row>
    <row r="30863" spans="4:5" x14ac:dyDescent="0.25">
      <c r="D30863" s="6">
        <v>1027.537</v>
      </c>
      <c r="E30863" s="6"/>
    </row>
    <row r="30864" spans="4:5" x14ac:dyDescent="0.25">
      <c r="D30864" s="6">
        <v>9211.0229999999992</v>
      </c>
      <c r="E30864" s="6"/>
    </row>
    <row r="30865" spans="4:5" x14ac:dyDescent="0.25">
      <c r="D30865" s="6">
        <v>960.48940000000005</v>
      </c>
      <c r="E30865" s="6"/>
    </row>
    <row r="30866" spans="4:5" x14ac:dyDescent="0.25">
      <c r="D30866" s="6">
        <v>6197.6670000000004</v>
      </c>
      <c r="E30866" s="6"/>
    </row>
    <row r="30867" spans="4:5" x14ac:dyDescent="0.25">
      <c r="D30867" s="6">
        <v>761.2</v>
      </c>
      <c r="E30867" s="6"/>
    </row>
    <row r="30868" spans="4:5" x14ac:dyDescent="0.25">
      <c r="D30868" s="6">
        <v>1902.693</v>
      </c>
      <c r="E30868" s="6"/>
    </row>
    <row r="30869" spans="4:5" x14ac:dyDescent="0.25">
      <c r="D30869" s="6">
        <v>174.57249999999999</v>
      </c>
      <c r="E30869" s="6"/>
    </row>
    <row r="30870" spans="4:5" x14ac:dyDescent="0.25">
      <c r="D30870" s="6">
        <v>11923.12</v>
      </c>
      <c r="E30870" s="6"/>
    </row>
    <row r="30871" spans="4:5" x14ac:dyDescent="0.25">
      <c r="D30871" s="6">
        <v>1337.8</v>
      </c>
      <c r="E30871" s="6"/>
    </row>
    <row r="30872" spans="4:5" x14ac:dyDescent="0.25">
      <c r="D30872" s="6">
        <v>2126.0819999999999</v>
      </c>
      <c r="E30872" s="6"/>
    </row>
    <row r="30873" spans="4:5" x14ac:dyDescent="0.25">
      <c r="D30873" s="6">
        <v>392.125</v>
      </c>
      <c r="E30873" s="6"/>
    </row>
    <row r="30874" spans="4:5" x14ac:dyDescent="0.25">
      <c r="D30874" s="6">
        <v>9930.9259999999995</v>
      </c>
      <c r="E30874" s="6"/>
    </row>
    <row r="30875" spans="4:5" x14ac:dyDescent="0.25">
      <c r="D30875" s="6">
        <v>415.13069999999999</v>
      </c>
      <c r="E30875" s="6"/>
    </row>
    <row r="30876" spans="4:5" x14ac:dyDescent="0.25">
      <c r="D30876" s="6">
        <v>7854.8419999999996</v>
      </c>
      <c r="E30876" s="6"/>
    </row>
    <row r="30877" spans="4:5" x14ac:dyDescent="0.25">
      <c r="D30877" s="6">
        <v>479.09089999999998</v>
      </c>
      <c r="E30877" s="6"/>
    </row>
    <row r="30878" spans="4:5" x14ac:dyDescent="0.25">
      <c r="D30878" s="6">
        <v>1259.335</v>
      </c>
      <c r="E30878" s="6"/>
    </row>
    <row r="30879" spans="4:5" x14ac:dyDescent="0.25">
      <c r="D30879" s="6">
        <v>6393.6530000000002</v>
      </c>
      <c r="E30879" s="6"/>
    </row>
    <row r="30880" spans="4:5" x14ac:dyDescent="0.25">
      <c r="D30880" s="6">
        <v>698.10670000000005</v>
      </c>
      <c r="E30880" s="6"/>
    </row>
    <row r="30881" spans="4:5" x14ac:dyDescent="0.25">
      <c r="D30881" s="6">
        <v>3954.1860000000001</v>
      </c>
      <c r="E30881" s="6"/>
    </row>
    <row r="30882" spans="4:5" x14ac:dyDescent="0.25">
      <c r="D30882" s="6">
        <v>8340</v>
      </c>
      <c r="E30882" s="6"/>
    </row>
    <row r="30883" spans="4:5" x14ac:dyDescent="0.25">
      <c r="D30883" s="6">
        <v>716.52639999999997</v>
      </c>
      <c r="E30883" s="6"/>
    </row>
    <row r="30884" spans="4:5" x14ac:dyDescent="0.25">
      <c r="D30884" s="6">
        <v>804.83</v>
      </c>
      <c r="E30884" s="6"/>
    </row>
    <row r="30885" spans="4:5" x14ac:dyDescent="0.25">
      <c r="D30885" s="6">
        <v>616.02509999999995</v>
      </c>
      <c r="E30885" s="6"/>
    </row>
    <row r="30886" spans="4:5" x14ac:dyDescent="0.25">
      <c r="D30886" s="6">
        <v>481.18180000000001</v>
      </c>
      <c r="E30886" s="6"/>
    </row>
    <row r="30887" spans="4:5" x14ac:dyDescent="0.25">
      <c r="D30887" s="6">
        <v>170.84960000000001</v>
      </c>
      <c r="E30887" s="6"/>
    </row>
    <row r="30888" spans="4:5" x14ac:dyDescent="0.25">
      <c r="D30888" s="6">
        <v>6169.8609999999999</v>
      </c>
      <c r="E30888" s="6"/>
    </row>
    <row r="30889" spans="4:5" x14ac:dyDescent="0.25">
      <c r="D30889" s="6">
        <v>6045</v>
      </c>
      <c r="E30889" s="6"/>
    </row>
    <row r="30890" spans="4:5" x14ac:dyDescent="0.25">
      <c r="D30890" s="6">
        <v>747.42250000000001</v>
      </c>
      <c r="E30890" s="6"/>
    </row>
    <row r="30891" spans="4:5" x14ac:dyDescent="0.25">
      <c r="D30891" s="6">
        <v>567.53089999999997</v>
      </c>
      <c r="E30891" s="6"/>
    </row>
    <row r="30892" spans="4:5" x14ac:dyDescent="0.25">
      <c r="D30892" s="6">
        <v>6584.424</v>
      </c>
      <c r="E30892" s="6"/>
    </row>
    <row r="30893" spans="4:5" x14ac:dyDescent="0.25">
      <c r="D30893" s="6">
        <v>10308.799999999999</v>
      </c>
      <c r="E30893" s="6"/>
    </row>
    <row r="30894" spans="4:5" x14ac:dyDescent="0.25">
      <c r="D30894" s="6">
        <v>220.57810000000001</v>
      </c>
      <c r="E30894" s="6"/>
    </row>
    <row r="30895" spans="4:5" x14ac:dyDescent="0.25">
      <c r="D30895" s="6">
        <v>516.73720000000003</v>
      </c>
      <c r="E30895" s="6"/>
    </row>
    <row r="30896" spans="4:5" x14ac:dyDescent="0.25">
      <c r="D30896" s="6">
        <v>503.95760000000001</v>
      </c>
      <c r="E30896" s="6"/>
    </row>
    <row r="30897" spans="4:5" x14ac:dyDescent="0.25">
      <c r="D30897" s="6">
        <v>924.00459999999998</v>
      </c>
      <c r="E30897" s="6"/>
    </row>
    <row r="30898" spans="4:5" x14ac:dyDescent="0.25">
      <c r="D30898" s="6">
        <v>456.44290000000001</v>
      </c>
      <c r="E30898" s="6"/>
    </row>
    <row r="30899" spans="4:5" x14ac:dyDescent="0.25">
      <c r="D30899" s="6">
        <v>5172.0969999999998</v>
      </c>
      <c r="E30899" s="6"/>
    </row>
    <row r="30900" spans="4:5" x14ac:dyDescent="0.25">
      <c r="D30900" s="6">
        <v>6238.4750000000004</v>
      </c>
      <c r="E30900" s="6"/>
    </row>
    <row r="30901" spans="4:5" x14ac:dyDescent="0.25">
      <c r="D30901" s="6">
        <v>7546.6130000000003</v>
      </c>
      <c r="E30901" s="6"/>
    </row>
    <row r="30902" spans="4:5" x14ac:dyDescent="0.25">
      <c r="D30902" s="6">
        <v>488.25</v>
      </c>
      <c r="E30902" s="6"/>
    </row>
    <row r="30903" spans="4:5" x14ac:dyDescent="0.25">
      <c r="D30903" s="6">
        <v>842.16300000000001</v>
      </c>
      <c r="E30903" s="6"/>
    </row>
    <row r="30904" spans="4:5" x14ac:dyDescent="0.25">
      <c r="D30904" s="6">
        <v>4900</v>
      </c>
      <c r="E30904" s="6"/>
    </row>
    <row r="30905" spans="4:5" x14ac:dyDescent="0.25">
      <c r="D30905" s="6">
        <v>802.4126</v>
      </c>
      <c r="E30905" s="6"/>
    </row>
    <row r="30906" spans="4:5" x14ac:dyDescent="0.25">
      <c r="D30906" s="6">
        <v>652.66859999999997</v>
      </c>
      <c r="E30906" s="6"/>
    </row>
    <row r="30907" spans="4:5" x14ac:dyDescent="0.25">
      <c r="D30907" s="6">
        <v>1771.7639999999999</v>
      </c>
      <c r="E30907" s="6"/>
    </row>
    <row r="30908" spans="4:5" x14ac:dyDescent="0.25">
      <c r="D30908" s="6">
        <v>177.28</v>
      </c>
      <c r="E30908" s="6"/>
    </row>
    <row r="30909" spans="4:5" x14ac:dyDescent="0.25">
      <c r="D30909" s="6">
        <v>6363.3609999999999</v>
      </c>
      <c r="E30909" s="6"/>
    </row>
    <row r="30910" spans="4:5" x14ac:dyDescent="0.25">
      <c r="D30910" s="6">
        <v>204.72219999999999</v>
      </c>
      <c r="E30910" s="6"/>
    </row>
    <row r="30911" spans="4:5" x14ac:dyDescent="0.25">
      <c r="D30911" s="6">
        <v>770.82190000000003</v>
      </c>
      <c r="E30911" s="6"/>
    </row>
    <row r="30912" spans="4:5" x14ac:dyDescent="0.25">
      <c r="D30912" s="6">
        <v>5037</v>
      </c>
      <c r="E30912" s="6"/>
    </row>
    <row r="30913" spans="4:5" x14ac:dyDescent="0.25">
      <c r="D30913" s="6">
        <v>3750.4209999999998</v>
      </c>
      <c r="E30913" s="6"/>
    </row>
    <row r="30914" spans="4:5" x14ac:dyDescent="0.25">
      <c r="D30914" s="6">
        <v>793.14080000000001</v>
      </c>
      <c r="E30914" s="6"/>
    </row>
    <row r="30915" spans="4:5" x14ac:dyDescent="0.25">
      <c r="D30915" s="6">
        <v>8045.308</v>
      </c>
      <c r="E30915" s="6"/>
    </row>
    <row r="30916" spans="4:5" x14ac:dyDescent="0.25">
      <c r="D30916" s="6">
        <v>1180.308</v>
      </c>
      <c r="E30916" s="6"/>
    </row>
    <row r="30917" spans="4:5" x14ac:dyDescent="0.25">
      <c r="D30917" s="6">
        <v>791.90269999999998</v>
      </c>
      <c r="E30917" s="6"/>
    </row>
    <row r="30918" spans="4:5" x14ac:dyDescent="0.25">
      <c r="D30918" s="6">
        <v>8821</v>
      </c>
      <c r="E30918" s="6"/>
    </row>
    <row r="30919" spans="4:5" x14ac:dyDescent="0.25">
      <c r="D30919" s="6">
        <v>518.16880000000003</v>
      </c>
      <c r="E30919" s="6"/>
    </row>
    <row r="30920" spans="4:5" x14ac:dyDescent="0.25">
      <c r="D30920" s="6">
        <v>2551.8760000000002</v>
      </c>
      <c r="E30920" s="6"/>
    </row>
    <row r="30921" spans="4:5" x14ac:dyDescent="0.25">
      <c r="D30921" s="6">
        <v>7234.7309999999998</v>
      </c>
      <c r="E30921" s="6"/>
    </row>
    <row r="30922" spans="4:5" x14ac:dyDescent="0.25">
      <c r="D30922" s="6">
        <v>389.76859999999999</v>
      </c>
      <c r="E30922" s="6"/>
    </row>
    <row r="30923" spans="4:5" x14ac:dyDescent="0.25">
      <c r="D30923" s="6">
        <v>521.25139999999999</v>
      </c>
      <c r="E30923" s="6"/>
    </row>
    <row r="30924" spans="4:5" x14ac:dyDescent="0.25">
      <c r="D30924" s="6">
        <v>236.90029999999999</v>
      </c>
      <c r="E30924" s="6"/>
    </row>
    <row r="30925" spans="4:5" x14ac:dyDescent="0.25">
      <c r="D30925" s="6">
        <v>1233.462</v>
      </c>
      <c r="E30925" s="6"/>
    </row>
    <row r="30926" spans="4:5" x14ac:dyDescent="0.25">
      <c r="D30926" s="6">
        <v>7431.2</v>
      </c>
      <c r="E30926" s="6"/>
    </row>
    <row r="30927" spans="4:5" x14ac:dyDescent="0.25">
      <c r="D30927" s="6">
        <v>646.28060000000005</v>
      </c>
      <c r="E30927" s="6"/>
    </row>
    <row r="30928" spans="4:5" x14ac:dyDescent="0.25">
      <c r="D30928" s="6">
        <v>6059.7690000000002</v>
      </c>
      <c r="E30928" s="6"/>
    </row>
    <row r="30929" spans="4:5" x14ac:dyDescent="0.25">
      <c r="D30929" s="6">
        <v>1021.598</v>
      </c>
      <c r="E30929" s="6"/>
    </row>
    <row r="30930" spans="4:5" x14ac:dyDescent="0.25">
      <c r="D30930" s="6">
        <v>6662.5</v>
      </c>
      <c r="E30930" s="6"/>
    </row>
    <row r="30931" spans="4:5" x14ac:dyDescent="0.25">
      <c r="D30931" s="6">
        <v>601.87559999999996</v>
      </c>
      <c r="E30931" s="6"/>
    </row>
    <row r="30932" spans="4:5" x14ac:dyDescent="0.25">
      <c r="D30932" s="6">
        <v>521.19830000000002</v>
      </c>
      <c r="E30932" s="6"/>
    </row>
    <row r="30933" spans="4:5" x14ac:dyDescent="0.25">
      <c r="D30933" s="6">
        <v>237.25450000000001</v>
      </c>
      <c r="E30933" s="6"/>
    </row>
    <row r="30934" spans="4:5" x14ac:dyDescent="0.25">
      <c r="D30934" s="6">
        <v>175.39439999999999</v>
      </c>
      <c r="E30934" s="6"/>
    </row>
    <row r="30935" spans="4:5" x14ac:dyDescent="0.25">
      <c r="D30935" s="6">
        <v>2191.7750000000001</v>
      </c>
      <c r="E30935" s="6"/>
    </row>
    <row r="30936" spans="4:5" x14ac:dyDescent="0.25">
      <c r="D30936" s="6">
        <v>1859.0730000000001</v>
      </c>
      <c r="E30936" s="6"/>
    </row>
    <row r="30937" spans="4:5" x14ac:dyDescent="0.25">
      <c r="D30937" s="6">
        <v>573.84939999999995</v>
      </c>
      <c r="E30937" s="6"/>
    </row>
    <row r="30938" spans="4:5" x14ac:dyDescent="0.25">
      <c r="D30938" s="6">
        <v>864.44050000000004</v>
      </c>
      <c r="E30938" s="6"/>
    </row>
    <row r="30939" spans="4:5" x14ac:dyDescent="0.25">
      <c r="D30939" s="6">
        <v>8276.3799999999992</v>
      </c>
      <c r="E30939" s="6"/>
    </row>
    <row r="30940" spans="4:5" x14ac:dyDescent="0.25">
      <c r="D30940" s="6">
        <v>568.0394</v>
      </c>
      <c r="E30940" s="6"/>
    </row>
    <row r="30941" spans="4:5" x14ac:dyDescent="0.25">
      <c r="D30941" s="6">
        <v>8634.0259999999998</v>
      </c>
      <c r="E30941" s="6"/>
    </row>
    <row r="30942" spans="4:5" x14ac:dyDescent="0.25">
      <c r="D30942" s="6">
        <v>1024.798</v>
      </c>
      <c r="E30942" s="6"/>
    </row>
    <row r="30943" spans="4:5" x14ac:dyDescent="0.25">
      <c r="D30943" s="6">
        <v>310.5</v>
      </c>
      <c r="E30943" s="6"/>
    </row>
    <row r="30944" spans="4:5" x14ac:dyDescent="0.25">
      <c r="D30944" s="6">
        <v>2507.5479999999998</v>
      </c>
      <c r="E30944" s="6"/>
    </row>
    <row r="30945" spans="4:5" x14ac:dyDescent="0.25">
      <c r="D30945" s="6">
        <v>544.03980000000001</v>
      </c>
      <c r="E30945" s="6"/>
    </row>
    <row r="30946" spans="4:5" x14ac:dyDescent="0.25">
      <c r="D30946" s="6">
        <v>555.70330000000001</v>
      </c>
      <c r="E30946" s="6"/>
    </row>
    <row r="30947" spans="4:5" x14ac:dyDescent="0.25">
      <c r="D30947" s="6">
        <v>6963.107</v>
      </c>
      <c r="E30947" s="6"/>
    </row>
    <row r="30948" spans="4:5" x14ac:dyDescent="0.25">
      <c r="D30948" s="6">
        <v>602.14139999999998</v>
      </c>
      <c r="E30948" s="6"/>
    </row>
    <row r="30949" spans="4:5" x14ac:dyDescent="0.25">
      <c r="D30949" s="6">
        <v>562.17610000000002</v>
      </c>
      <c r="E30949" s="6"/>
    </row>
    <row r="30950" spans="4:5" x14ac:dyDescent="0.25">
      <c r="D30950" s="6">
        <v>10381.540000000001</v>
      </c>
      <c r="E30950" s="6"/>
    </row>
    <row r="30951" spans="4:5" x14ac:dyDescent="0.25">
      <c r="D30951" s="6">
        <v>560.28250000000003</v>
      </c>
      <c r="E30951" s="6"/>
    </row>
    <row r="30952" spans="4:5" x14ac:dyDescent="0.25">
      <c r="D30952" s="6">
        <v>2536.3490000000002</v>
      </c>
      <c r="E30952" s="6"/>
    </row>
    <row r="30953" spans="4:5" x14ac:dyDescent="0.25">
      <c r="D30953" s="6">
        <v>439.8272</v>
      </c>
      <c r="E30953" s="6"/>
    </row>
    <row r="30954" spans="4:5" x14ac:dyDescent="0.25">
      <c r="D30954" s="6">
        <v>561.54520000000002</v>
      </c>
      <c r="E30954" s="6"/>
    </row>
    <row r="30955" spans="4:5" x14ac:dyDescent="0.25">
      <c r="D30955" s="6">
        <v>1007.037</v>
      </c>
      <c r="E30955" s="6"/>
    </row>
    <row r="30956" spans="4:5" x14ac:dyDescent="0.25">
      <c r="D30956" s="6">
        <v>855.8569</v>
      </c>
      <c r="E30956" s="6"/>
    </row>
    <row r="30957" spans="4:5" x14ac:dyDescent="0.25">
      <c r="D30957" s="6">
        <v>2614.8290000000002</v>
      </c>
      <c r="E30957" s="6"/>
    </row>
    <row r="30958" spans="4:5" x14ac:dyDescent="0.25">
      <c r="D30958" s="6">
        <v>439.90519999999998</v>
      </c>
      <c r="E30958" s="6"/>
    </row>
    <row r="30959" spans="4:5" x14ac:dyDescent="0.25">
      <c r="D30959" s="6">
        <v>564.87260000000003</v>
      </c>
      <c r="E30959" s="6"/>
    </row>
    <row r="30960" spans="4:5" x14ac:dyDescent="0.25">
      <c r="D30960" s="6">
        <v>384.65969999999999</v>
      </c>
      <c r="E30960" s="6"/>
    </row>
    <row r="30961" spans="4:5" x14ac:dyDescent="0.25">
      <c r="D30961" s="6">
        <v>830.01750000000004</v>
      </c>
      <c r="E30961" s="6"/>
    </row>
    <row r="30962" spans="4:5" x14ac:dyDescent="0.25">
      <c r="D30962" s="6">
        <v>757.66039999999998</v>
      </c>
      <c r="E30962" s="6"/>
    </row>
    <row r="30963" spans="4:5" x14ac:dyDescent="0.25">
      <c r="D30963" s="6">
        <v>1943.827</v>
      </c>
      <c r="E30963" s="6"/>
    </row>
    <row r="30964" spans="4:5" x14ac:dyDescent="0.25">
      <c r="D30964" s="6">
        <v>763.03459999999995</v>
      </c>
      <c r="E30964" s="6"/>
    </row>
    <row r="30965" spans="4:5" x14ac:dyDescent="0.25">
      <c r="D30965" s="6">
        <v>7634.0709999999999</v>
      </c>
      <c r="E30965" s="6"/>
    </row>
    <row r="30966" spans="4:5" x14ac:dyDescent="0.25">
      <c r="D30966" s="6">
        <v>1293.6369999999999</v>
      </c>
      <c r="E30966" s="6"/>
    </row>
    <row r="30967" spans="4:5" x14ac:dyDescent="0.25">
      <c r="D30967" s="6">
        <v>559.11199999999997</v>
      </c>
      <c r="E30967" s="6"/>
    </row>
    <row r="30968" spans="4:5" x14ac:dyDescent="0.25">
      <c r="D30968" s="6">
        <v>3025.2</v>
      </c>
      <c r="E30968" s="6"/>
    </row>
    <row r="30969" spans="4:5" x14ac:dyDescent="0.25">
      <c r="D30969" s="6">
        <v>671.71069999999997</v>
      </c>
      <c r="E30969" s="6"/>
    </row>
    <row r="30970" spans="4:5" x14ac:dyDescent="0.25">
      <c r="D30970" s="6">
        <v>638.81600000000003</v>
      </c>
      <c r="E30970" s="6"/>
    </row>
    <row r="30971" spans="4:5" x14ac:dyDescent="0.25">
      <c r="D30971" s="6">
        <v>974.04369999999994</v>
      </c>
      <c r="E30971" s="6"/>
    </row>
    <row r="30972" spans="4:5" x14ac:dyDescent="0.25">
      <c r="D30972" s="6">
        <v>2569.92</v>
      </c>
      <c r="E30972" s="6"/>
    </row>
    <row r="30973" spans="4:5" x14ac:dyDescent="0.25">
      <c r="D30973" s="6">
        <v>1773.5</v>
      </c>
      <c r="E30973" s="6"/>
    </row>
    <row r="30974" spans="4:5" x14ac:dyDescent="0.25">
      <c r="D30974" s="6">
        <v>5199.0429999999997</v>
      </c>
      <c r="E30974" s="6"/>
    </row>
    <row r="30975" spans="4:5" x14ac:dyDescent="0.25">
      <c r="D30975" s="6">
        <v>1827.9549999999999</v>
      </c>
      <c r="E30975" s="6"/>
    </row>
    <row r="30976" spans="4:5" x14ac:dyDescent="0.25">
      <c r="D30976" s="6">
        <v>5227</v>
      </c>
      <c r="E30976" s="6"/>
    </row>
    <row r="30977" spans="4:5" x14ac:dyDescent="0.25">
      <c r="D30977" s="6">
        <v>555.33420000000001</v>
      </c>
      <c r="E30977" s="6"/>
    </row>
    <row r="30978" spans="4:5" x14ac:dyDescent="0.25">
      <c r="D30978" s="6">
        <v>1272.7280000000001</v>
      </c>
      <c r="E30978" s="6"/>
    </row>
    <row r="30979" spans="4:5" x14ac:dyDescent="0.25">
      <c r="D30979" s="6">
        <v>1541.242</v>
      </c>
      <c r="E30979" s="6"/>
    </row>
    <row r="30980" spans="4:5" x14ac:dyDescent="0.25">
      <c r="D30980" s="6">
        <v>447</v>
      </c>
      <c r="E30980" s="6"/>
    </row>
    <row r="30981" spans="4:5" x14ac:dyDescent="0.25">
      <c r="D30981" s="6">
        <v>825.96050000000002</v>
      </c>
      <c r="E30981" s="6"/>
    </row>
    <row r="30982" spans="4:5" x14ac:dyDescent="0.25">
      <c r="D30982" s="6">
        <v>1140.068</v>
      </c>
      <c r="E30982" s="6"/>
    </row>
    <row r="30983" spans="4:5" x14ac:dyDescent="0.25">
      <c r="D30983" s="6">
        <v>457.65629999999999</v>
      </c>
      <c r="E30983" s="6"/>
    </row>
    <row r="30984" spans="4:5" x14ac:dyDescent="0.25">
      <c r="D30984" s="6">
        <v>7417.9080000000004</v>
      </c>
      <c r="E30984" s="6"/>
    </row>
    <row r="30985" spans="4:5" x14ac:dyDescent="0.25">
      <c r="D30985" s="6">
        <v>525.04570000000001</v>
      </c>
      <c r="E30985" s="6"/>
    </row>
    <row r="30986" spans="4:5" x14ac:dyDescent="0.25">
      <c r="D30986" s="6">
        <v>697.06740000000002</v>
      </c>
      <c r="E30986" s="6"/>
    </row>
    <row r="30987" spans="4:5" x14ac:dyDescent="0.25">
      <c r="D30987" s="6">
        <v>707.7645</v>
      </c>
      <c r="E30987" s="6"/>
    </row>
    <row r="30988" spans="4:5" x14ac:dyDescent="0.25">
      <c r="D30988" s="6">
        <v>1897.3920000000001</v>
      </c>
      <c r="E30988" s="6"/>
    </row>
    <row r="30989" spans="4:5" x14ac:dyDescent="0.25">
      <c r="D30989" s="6">
        <v>1785.0329999999999</v>
      </c>
      <c r="E30989" s="6"/>
    </row>
    <row r="30990" spans="4:5" x14ac:dyDescent="0.25">
      <c r="D30990" s="6">
        <v>897.38630000000001</v>
      </c>
      <c r="E30990" s="6"/>
    </row>
    <row r="30991" spans="4:5" x14ac:dyDescent="0.25">
      <c r="D30991" s="6">
        <v>8088.4549999999999</v>
      </c>
      <c r="E30991" s="6"/>
    </row>
    <row r="30992" spans="4:5" x14ac:dyDescent="0.25">
      <c r="D30992" s="6">
        <v>5150.0479999999998</v>
      </c>
      <c r="E30992" s="6"/>
    </row>
    <row r="30993" spans="4:5" x14ac:dyDescent="0.25">
      <c r="D30993" s="6">
        <v>969.33019999999999</v>
      </c>
      <c r="E30993" s="6"/>
    </row>
    <row r="30994" spans="4:5" x14ac:dyDescent="0.25">
      <c r="D30994" s="6">
        <v>793.08169999999996</v>
      </c>
      <c r="E30994" s="6"/>
    </row>
    <row r="30995" spans="4:5" x14ac:dyDescent="0.25">
      <c r="D30995" s="6">
        <v>504.99650000000003</v>
      </c>
      <c r="E30995" s="6"/>
    </row>
    <row r="30996" spans="4:5" x14ac:dyDescent="0.25">
      <c r="D30996" s="6">
        <v>1562.085</v>
      </c>
      <c r="E30996" s="6"/>
    </row>
    <row r="30997" spans="4:5" x14ac:dyDescent="0.25">
      <c r="D30997" s="6">
        <v>190.4383</v>
      </c>
      <c r="E30997" s="6"/>
    </row>
    <row r="30998" spans="4:5" x14ac:dyDescent="0.25">
      <c r="D30998" s="6">
        <v>471.089</v>
      </c>
      <c r="E30998" s="6"/>
    </row>
    <row r="30999" spans="4:5" x14ac:dyDescent="0.25">
      <c r="D30999" s="6">
        <v>1566.44</v>
      </c>
      <c r="E30999" s="6"/>
    </row>
    <row r="31000" spans="4:5" x14ac:dyDescent="0.25">
      <c r="D31000" s="6">
        <v>2943</v>
      </c>
      <c r="E31000" s="6"/>
    </row>
    <row r="31001" spans="4:5" x14ac:dyDescent="0.25">
      <c r="D31001" s="6">
        <v>3474.7669999999998</v>
      </c>
      <c r="E31001" s="6"/>
    </row>
    <row r="31002" spans="4:5" x14ac:dyDescent="0.25">
      <c r="D31002" s="6">
        <v>495.24</v>
      </c>
      <c r="E31002" s="6"/>
    </row>
    <row r="31003" spans="4:5" x14ac:dyDescent="0.25">
      <c r="D31003" s="6">
        <v>604.66669999999999</v>
      </c>
      <c r="E31003" s="6"/>
    </row>
    <row r="31004" spans="4:5" x14ac:dyDescent="0.25">
      <c r="D31004" s="6">
        <v>7221.9170000000004</v>
      </c>
      <c r="E31004" s="6"/>
    </row>
    <row r="31005" spans="4:5" x14ac:dyDescent="0.25">
      <c r="D31005" s="6">
        <v>2851.2730000000001</v>
      </c>
      <c r="E31005" s="6"/>
    </row>
    <row r="31006" spans="4:5" x14ac:dyDescent="0.25">
      <c r="D31006" s="6">
        <v>631.38840000000005</v>
      </c>
      <c r="E31006" s="6"/>
    </row>
    <row r="31007" spans="4:5" x14ac:dyDescent="0.25">
      <c r="D31007" s="6">
        <v>7276.9369999999999</v>
      </c>
      <c r="E31007" s="6"/>
    </row>
    <row r="31008" spans="4:5" x14ac:dyDescent="0.25">
      <c r="D31008" s="6">
        <v>514.61680000000001</v>
      </c>
      <c r="E31008" s="6"/>
    </row>
    <row r="31009" spans="4:5" x14ac:dyDescent="0.25">
      <c r="D31009" s="6">
        <v>4792.5159999999996</v>
      </c>
      <c r="E31009" s="6"/>
    </row>
    <row r="31010" spans="4:5" x14ac:dyDescent="0.25">
      <c r="D31010" s="6">
        <v>823.84839999999997</v>
      </c>
      <c r="E31010" s="6"/>
    </row>
    <row r="31011" spans="4:5" x14ac:dyDescent="0.25">
      <c r="D31011" s="6">
        <v>474.12830000000002</v>
      </c>
      <c r="E31011" s="6"/>
    </row>
    <row r="31012" spans="4:5" x14ac:dyDescent="0.25">
      <c r="D31012" s="6">
        <v>7382.2740000000003</v>
      </c>
      <c r="E31012" s="6"/>
    </row>
    <row r="31013" spans="4:5" x14ac:dyDescent="0.25">
      <c r="D31013" s="6">
        <v>446.59350000000001</v>
      </c>
      <c r="E31013" s="6"/>
    </row>
    <row r="31014" spans="4:5" x14ac:dyDescent="0.25">
      <c r="D31014" s="6">
        <v>1686.1559999999999</v>
      </c>
      <c r="E31014" s="6"/>
    </row>
    <row r="31015" spans="4:5" x14ac:dyDescent="0.25">
      <c r="D31015" s="6">
        <v>1324.9159999999999</v>
      </c>
      <c r="E31015" s="6"/>
    </row>
    <row r="31016" spans="4:5" x14ac:dyDescent="0.25">
      <c r="D31016" s="6">
        <v>10586</v>
      </c>
      <c r="E31016" s="6"/>
    </row>
    <row r="31017" spans="4:5" x14ac:dyDescent="0.25">
      <c r="D31017" s="6">
        <v>5946.5</v>
      </c>
      <c r="E31017" s="6"/>
    </row>
    <row r="31018" spans="4:5" x14ac:dyDescent="0.25">
      <c r="D31018" s="6">
        <v>5333.067</v>
      </c>
      <c r="E31018" s="6"/>
    </row>
    <row r="31019" spans="4:5" x14ac:dyDescent="0.25">
      <c r="D31019" s="6">
        <v>611.55880000000002</v>
      </c>
      <c r="E31019" s="6"/>
    </row>
    <row r="31020" spans="4:5" x14ac:dyDescent="0.25">
      <c r="D31020" s="6">
        <v>778.30370000000005</v>
      </c>
      <c r="E31020" s="6"/>
    </row>
    <row r="31021" spans="4:5" x14ac:dyDescent="0.25">
      <c r="D31021" s="6">
        <v>593.72159999999997</v>
      </c>
      <c r="E31021" s="6"/>
    </row>
    <row r="31022" spans="4:5" x14ac:dyDescent="0.25">
      <c r="D31022" s="6">
        <v>7846.1689999999999</v>
      </c>
      <c r="E31022" s="6"/>
    </row>
    <row r="31023" spans="4:5" x14ac:dyDescent="0.25">
      <c r="D31023" s="6">
        <v>543.15779999999995</v>
      </c>
      <c r="E31023" s="6"/>
    </row>
    <row r="31024" spans="4:5" x14ac:dyDescent="0.25">
      <c r="D31024" s="6">
        <v>1132.29</v>
      </c>
      <c r="E31024" s="6"/>
    </row>
    <row r="31025" spans="4:5" x14ac:dyDescent="0.25">
      <c r="D31025" s="6">
        <v>1113.346</v>
      </c>
      <c r="E31025" s="6"/>
    </row>
    <row r="31026" spans="4:5" x14ac:dyDescent="0.25">
      <c r="D31026" s="6">
        <v>266.84840000000003</v>
      </c>
      <c r="E31026" s="6"/>
    </row>
    <row r="31027" spans="4:5" x14ac:dyDescent="0.25">
      <c r="D31027" s="6">
        <v>969.20849999999996</v>
      </c>
      <c r="E31027" s="6"/>
    </row>
    <row r="31028" spans="4:5" x14ac:dyDescent="0.25">
      <c r="D31028" s="6">
        <v>394.08690000000001</v>
      </c>
      <c r="E31028" s="6"/>
    </row>
    <row r="31029" spans="4:5" x14ac:dyDescent="0.25">
      <c r="D31029" s="6">
        <v>776.22580000000005</v>
      </c>
      <c r="E31029" s="6"/>
    </row>
    <row r="31030" spans="4:5" x14ac:dyDescent="0.25">
      <c r="D31030" s="6">
        <v>1439.3330000000001</v>
      </c>
      <c r="E31030" s="6"/>
    </row>
    <row r="31031" spans="4:5" x14ac:dyDescent="0.25">
      <c r="D31031" s="6">
        <v>2631.643</v>
      </c>
      <c r="E31031" s="6"/>
    </row>
    <row r="31032" spans="4:5" x14ac:dyDescent="0.25">
      <c r="D31032" s="6">
        <v>489.95929999999998</v>
      </c>
      <c r="E31032" s="6"/>
    </row>
    <row r="31033" spans="4:5" x14ac:dyDescent="0.25">
      <c r="D31033" s="6">
        <v>7785.3890000000001</v>
      </c>
      <c r="E31033" s="6"/>
    </row>
    <row r="31034" spans="4:5" x14ac:dyDescent="0.25">
      <c r="D31034" s="6">
        <v>1569.328</v>
      </c>
      <c r="E31034" s="6"/>
    </row>
    <row r="31035" spans="4:5" x14ac:dyDescent="0.25">
      <c r="D31035" s="6">
        <v>4240.125</v>
      </c>
      <c r="E31035" s="6"/>
    </row>
    <row r="31036" spans="4:5" x14ac:dyDescent="0.25">
      <c r="D31036" s="6">
        <v>1964.771</v>
      </c>
      <c r="E31036" s="6"/>
    </row>
    <row r="31037" spans="4:5" x14ac:dyDescent="0.25">
      <c r="D31037" s="6">
        <v>659.04340000000002</v>
      </c>
      <c r="E31037" s="6"/>
    </row>
    <row r="31038" spans="4:5" x14ac:dyDescent="0.25">
      <c r="D31038" s="6">
        <v>559.74030000000005</v>
      </c>
      <c r="E31038" s="6"/>
    </row>
    <row r="31039" spans="4:5" x14ac:dyDescent="0.25">
      <c r="D31039" s="6">
        <v>856.822</v>
      </c>
      <c r="E31039" s="6"/>
    </row>
    <row r="31040" spans="4:5" x14ac:dyDescent="0.25">
      <c r="D31040" s="6">
        <v>545.28790000000004</v>
      </c>
      <c r="E31040" s="6"/>
    </row>
    <row r="31041" spans="4:5" x14ac:dyDescent="0.25">
      <c r="D31041" s="6">
        <v>171.2303</v>
      </c>
      <c r="E31041" s="6"/>
    </row>
    <row r="31042" spans="4:5" x14ac:dyDescent="0.25">
      <c r="D31042" s="6">
        <v>609.86590000000001</v>
      </c>
      <c r="E31042" s="6"/>
    </row>
    <row r="31043" spans="4:5" x14ac:dyDescent="0.25">
      <c r="D31043" s="6">
        <v>3614.4870000000001</v>
      </c>
      <c r="E31043" s="6"/>
    </row>
    <row r="31044" spans="4:5" x14ac:dyDescent="0.25">
      <c r="D31044" s="6">
        <v>3802.5360000000001</v>
      </c>
      <c r="E31044" s="6"/>
    </row>
    <row r="31045" spans="4:5" x14ac:dyDescent="0.25">
      <c r="D31045" s="6">
        <v>630.88879999999995</v>
      </c>
      <c r="E31045" s="6"/>
    </row>
    <row r="31046" spans="4:5" x14ac:dyDescent="0.25">
      <c r="D31046" s="6">
        <v>8194.9760000000006</v>
      </c>
      <c r="E31046" s="6"/>
    </row>
    <row r="31047" spans="4:5" x14ac:dyDescent="0.25">
      <c r="D31047" s="6">
        <v>4622.0789999999997</v>
      </c>
      <c r="E31047" s="6"/>
    </row>
    <row r="31048" spans="4:5" x14ac:dyDescent="0.25">
      <c r="D31048" s="6">
        <v>498.79160000000002</v>
      </c>
      <c r="E31048" s="6"/>
    </row>
    <row r="31049" spans="4:5" x14ac:dyDescent="0.25">
      <c r="D31049" s="6">
        <v>2027.924</v>
      </c>
      <c r="E31049" s="6"/>
    </row>
    <row r="31050" spans="4:5" x14ac:dyDescent="0.25">
      <c r="D31050" s="6">
        <v>158.02109999999999</v>
      </c>
      <c r="E31050" s="6"/>
    </row>
    <row r="31051" spans="4:5" x14ac:dyDescent="0.25">
      <c r="D31051" s="6">
        <v>357.58879999999999</v>
      </c>
      <c r="E31051" s="6"/>
    </row>
    <row r="31052" spans="4:5" x14ac:dyDescent="0.25">
      <c r="D31052" s="6">
        <v>1065.097</v>
      </c>
      <c r="E31052" s="6"/>
    </row>
    <row r="31053" spans="4:5" x14ac:dyDescent="0.25">
      <c r="D31053" s="6">
        <v>1310</v>
      </c>
      <c r="E31053" s="6"/>
    </row>
    <row r="31054" spans="4:5" x14ac:dyDescent="0.25">
      <c r="D31054" s="6">
        <v>2105.623</v>
      </c>
      <c r="E31054" s="6"/>
    </row>
    <row r="31055" spans="4:5" x14ac:dyDescent="0.25">
      <c r="D31055" s="6">
        <v>3969</v>
      </c>
      <c r="E31055" s="6"/>
    </row>
    <row r="31056" spans="4:5" x14ac:dyDescent="0.25">
      <c r="D31056" s="6">
        <v>621.97940000000006</v>
      </c>
      <c r="E31056" s="6"/>
    </row>
    <row r="31057" spans="4:5" x14ac:dyDescent="0.25">
      <c r="D31057" s="6">
        <v>537.83870000000002</v>
      </c>
      <c r="E31057" s="6"/>
    </row>
    <row r="31058" spans="4:5" x14ac:dyDescent="0.25">
      <c r="D31058" s="6">
        <v>968.27779999999996</v>
      </c>
      <c r="E31058" s="6"/>
    </row>
    <row r="31059" spans="4:5" x14ac:dyDescent="0.25">
      <c r="D31059" s="6">
        <v>1486</v>
      </c>
      <c r="E31059" s="6"/>
    </row>
    <row r="31060" spans="4:5" x14ac:dyDescent="0.25">
      <c r="D31060" s="6">
        <v>4313</v>
      </c>
      <c r="E31060" s="6"/>
    </row>
    <row r="31061" spans="4:5" x14ac:dyDescent="0.25">
      <c r="D31061" s="6">
        <v>3047.0949999999998</v>
      </c>
      <c r="E31061" s="6"/>
    </row>
    <row r="31062" spans="4:5" x14ac:dyDescent="0.25">
      <c r="D31062" s="6">
        <v>167.0675</v>
      </c>
      <c r="E31062" s="6"/>
    </row>
    <row r="31063" spans="4:5" x14ac:dyDescent="0.25">
      <c r="D31063" s="6">
        <v>618.26980000000003</v>
      </c>
      <c r="E31063" s="6"/>
    </row>
    <row r="31064" spans="4:5" x14ac:dyDescent="0.25">
      <c r="D31064" s="6">
        <v>995.59379999999999</v>
      </c>
      <c r="E31064" s="6"/>
    </row>
    <row r="31065" spans="4:5" x14ac:dyDescent="0.25">
      <c r="D31065" s="6">
        <v>862.37900000000002</v>
      </c>
      <c r="E31065" s="6"/>
    </row>
    <row r="31066" spans="4:5" x14ac:dyDescent="0.25">
      <c r="D31066" s="6">
        <v>1520.537</v>
      </c>
      <c r="E31066" s="6"/>
    </row>
    <row r="31067" spans="4:5" x14ac:dyDescent="0.25">
      <c r="D31067" s="6">
        <v>799.02779999999996</v>
      </c>
      <c r="E31067" s="6"/>
    </row>
    <row r="31068" spans="4:5" x14ac:dyDescent="0.25">
      <c r="D31068" s="6">
        <v>927.54269999999997</v>
      </c>
      <c r="E31068" s="6"/>
    </row>
    <row r="31069" spans="4:5" x14ac:dyDescent="0.25">
      <c r="D31069" s="6">
        <v>1370.143</v>
      </c>
      <c r="E31069" s="6"/>
    </row>
    <row r="31070" spans="4:5" x14ac:dyDescent="0.25">
      <c r="D31070" s="6">
        <v>380</v>
      </c>
      <c r="E31070" s="6"/>
    </row>
    <row r="31071" spans="4:5" x14ac:dyDescent="0.25">
      <c r="D31071" s="6">
        <v>1550.684</v>
      </c>
      <c r="E31071" s="6"/>
    </row>
    <row r="31072" spans="4:5" x14ac:dyDescent="0.25">
      <c r="D31072" s="6">
        <v>817.80529999999999</v>
      </c>
      <c r="E31072" s="6"/>
    </row>
    <row r="31073" spans="4:5" x14ac:dyDescent="0.25">
      <c r="D31073" s="6">
        <v>651.09860000000003</v>
      </c>
      <c r="E31073" s="6"/>
    </row>
    <row r="31074" spans="4:5" x14ac:dyDescent="0.25">
      <c r="D31074" s="6">
        <v>8280.098</v>
      </c>
      <c r="E31074" s="6"/>
    </row>
    <row r="31075" spans="4:5" x14ac:dyDescent="0.25">
      <c r="D31075" s="6">
        <v>614.3768</v>
      </c>
      <c r="E31075" s="6"/>
    </row>
    <row r="31076" spans="4:5" x14ac:dyDescent="0.25">
      <c r="D31076" s="6">
        <v>5319</v>
      </c>
      <c r="E31076" s="6"/>
    </row>
    <row r="31077" spans="4:5" x14ac:dyDescent="0.25">
      <c r="D31077" s="6">
        <v>413.67290000000003</v>
      </c>
      <c r="E31077" s="6"/>
    </row>
    <row r="31078" spans="4:5" x14ac:dyDescent="0.25">
      <c r="D31078" s="6">
        <v>1314.098</v>
      </c>
      <c r="E31078" s="6"/>
    </row>
    <row r="31079" spans="4:5" x14ac:dyDescent="0.25">
      <c r="D31079" s="6">
        <v>4135.3860000000004</v>
      </c>
      <c r="E31079" s="6"/>
    </row>
    <row r="31080" spans="4:5" x14ac:dyDescent="0.25">
      <c r="D31080" s="6">
        <v>1058.491</v>
      </c>
      <c r="E31080" s="6"/>
    </row>
    <row r="31081" spans="4:5" x14ac:dyDescent="0.25">
      <c r="D31081" s="6">
        <v>2433.31</v>
      </c>
      <c r="E31081" s="6"/>
    </row>
    <row r="31082" spans="4:5" x14ac:dyDescent="0.25">
      <c r="D31082" s="6">
        <v>1885.2819999999999</v>
      </c>
      <c r="E31082" s="6"/>
    </row>
    <row r="31083" spans="4:5" x14ac:dyDescent="0.25">
      <c r="D31083" s="6">
        <v>1843.32</v>
      </c>
      <c r="E31083" s="6"/>
    </row>
    <row r="31084" spans="4:5" x14ac:dyDescent="0.25">
      <c r="D31084" s="6">
        <v>583.11329999999998</v>
      </c>
      <c r="E31084" s="6"/>
    </row>
    <row r="31085" spans="4:5" x14ac:dyDescent="0.25">
      <c r="D31085" s="6">
        <v>4332.5129999999999</v>
      </c>
      <c r="E31085" s="6"/>
    </row>
    <row r="31086" spans="4:5" x14ac:dyDescent="0.25">
      <c r="D31086" s="6">
        <v>1548.124</v>
      </c>
      <c r="E31086" s="6"/>
    </row>
    <row r="31087" spans="4:5" x14ac:dyDescent="0.25">
      <c r="D31087" s="6">
        <v>1934.491</v>
      </c>
      <c r="E31087" s="6"/>
    </row>
    <row r="31088" spans="4:5" x14ac:dyDescent="0.25">
      <c r="D31088" s="6">
        <v>287.25</v>
      </c>
      <c r="E31088" s="6"/>
    </row>
    <row r="31089" spans="4:5" x14ac:dyDescent="0.25">
      <c r="D31089" s="6">
        <v>910.31479999999999</v>
      </c>
      <c r="E31089" s="6"/>
    </row>
    <row r="31090" spans="4:5" x14ac:dyDescent="0.25">
      <c r="D31090" s="6">
        <v>167.19049999999999</v>
      </c>
      <c r="E31090" s="6"/>
    </row>
    <row r="31091" spans="4:5" x14ac:dyDescent="0.25">
      <c r="D31091" s="6">
        <v>8656.2860000000001</v>
      </c>
      <c r="E31091" s="6"/>
    </row>
    <row r="31092" spans="4:5" x14ac:dyDescent="0.25">
      <c r="D31092" s="6">
        <v>3309.3159999999998</v>
      </c>
      <c r="E31092" s="6"/>
    </row>
    <row r="31093" spans="4:5" x14ac:dyDescent="0.25">
      <c r="D31093" s="6">
        <v>1016.062</v>
      </c>
      <c r="E31093" s="6"/>
    </row>
    <row r="31094" spans="4:5" x14ac:dyDescent="0.25">
      <c r="D31094" s="6">
        <v>2128.7629999999999</v>
      </c>
      <c r="E31094" s="6"/>
    </row>
    <row r="31095" spans="4:5" x14ac:dyDescent="0.25">
      <c r="D31095" s="6">
        <v>997.01120000000003</v>
      </c>
      <c r="E31095" s="6"/>
    </row>
    <row r="31096" spans="4:5" x14ac:dyDescent="0.25">
      <c r="D31096" s="6">
        <v>1903.54</v>
      </c>
      <c r="E31096" s="6"/>
    </row>
    <row r="31097" spans="4:5" x14ac:dyDescent="0.25">
      <c r="D31097" s="6">
        <v>2479.5</v>
      </c>
      <c r="E31097" s="6"/>
    </row>
    <row r="31098" spans="4:5" x14ac:dyDescent="0.25">
      <c r="D31098" s="6">
        <v>2271.1729999999998</v>
      </c>
      <c r="E31098" s="6"/>
    </row>
    <row r="31099" spans="4:5" x14ac:dyDescent="0.25">
      <c r="D31099" s="6">
        <v>4302.808</v>
      </c>
      <c r="E31099" s="6"/>
    </row>
    <row r="31100" spans="4:5" x14ac:dyDescent="0.25">
      <c r="D31100" s="6">
        <v>888.52080000000001</v>
      </c>
      <c r="E31100" s="6"/>
    </row>
    <row r="31101" spans="4:5" x14ac:dyDescent="0.25">
      <c r="D31101" s="6">
        <v>5584.875</v>
      </c>
      <c r="E31101" s="6"/>
    </row>
    <row r="31102" spans="4:5" x14ac:dyDescent="0.25">
      <c r="D31102" s="6">
        <v>8035.0540000000001</v>
      </c>
      <c r="E31102" s="6"/>
    </row>
    <row r="31103" spans="4:5" x14ac:dyDescent="0.25">
      <c r="D31103" s="6">
        <v>2374.79</v>
      </c>
      <c r="E31103" s="6"/>
    </row>
    <row r="31104" spans="4:5" x14ac:dyDescent="0.25">
      <c r="D31104" s="6">
        <v>524.83590000000004</v>
      </c>
      <c r="E31104" s="6"/>
    </row>
    <row r="31105" spans="4:5" x14ac:dyDescent="0.25">
      <c r="D31105" s="6">
        <v>4220.0770000000002</v>
      </c>
      <c r="E31105" s="6"/>
    </row>
    <row r="31106" spans="4:5" x14ac:dyDescent="0.25">
      <c r="D31106" s="6">
        <v>4696.2950000000001</v>
      </c>
      <c r="E31106" s="6"/>
    </row>
    <row r="31107" spans="4:5" x14ac:dyDescent="0.25">
      <c r="D31107" s="6">
        <v>174.0035</v>
      </c>
      <c r="E31107" s="6"/>
    </row>
    <row r="31108" spans="4:5" x14ac:dyDescent="0.25">
      <c r="D31108" s="6">
        <v>167.63380000000001</v>
      </c>
      <c r="E31108" s="6"/>
    </row>
    <row r="31109" spans="4:5" x14ac:dyDescent="0.25">
      <c r="D31109" s="6">
        <v>1012.2140000000001</v>
      </c>
      <c r="E31109" s="6"/>
    </row>
    <row r="31110" spans="4:5" x14ac:dyDescent="0.25">
      <c r="D31110" s="6">
        <v>4897.5680000000002</v>
      </c>
      <c r="E31110" s="6"/>
    </row>
    <row r="31111" spans="4:5" x14ac:dyDescent="0.25">
      <c r="D31111" s="6">
        <v>4900.6099999999997</v>
      </c>
      <c r="E31111" s="6"/>
    </row>
    <row r="31112" spans="4:5" x14ac:dyDescent="0.25">
      <c r="D31112" s="6">
        <v>4333.12</v>
      </c>
      <c r="E31112" s="6"/>
    </row>
    <row r="31113" spans="4:5" x14ac:dyDescent="0.25">
      <c r="D31113" s="6">
        <v>759.78179999999998</v>
      </c>
      <c r="E31113" s="6"/>
    </row>
    <row r="31114" spans="4:5" x14ac:dyDescent="0.25">
      <c r="D31114" s="6">
        <v>706.5204</v>
      </c>
      <c r="E31114" s="6"/>
    </row>
    <row r="31115" spans="4:5" x14ac:dyDescent="0.25">
      <c r="D31115" s="6">
        <v>896.76520000000005</v>
      </c>
      <c r="E31115" s="6"/>
    </row>
    <row r="31116" spans="4:5" x14ac:dyDescent="0.25">
      <c r="D31116" s="6">
        <v>5223.7219999999998</v>
      </c>
      <c r="E31116" s="6"/>
    </row>
    <row r="31117" spans="4:5" x14ac:dyDescent="0.25">
      <c r="D31117" s="6">
        <v>4776.7439999999997</v>
      </c>
      <c r="E31117" s="6"/>
    </row>
    <row r="31118" spans="4:5" x14ac:dyDescent="0.25">
      <c r="D31118" s="6">
        <v>920.60320000000002</v>
      </c>
      <c r="E31118" s="6"/>
    </row>
    <row r="31119" spans="4:5" x14ac:dyDescent="0.25">
      <c r="D31119" s="6">
        <v>1177.375</v>
      </c>
      <c r="E31119" s="6"/>
    </row>
    <row r="31120" spans="4:5" x14ac:dyDescent="0.25">
      <c r="D31120" s="6">
        <v>2038.277</v>
      </c>
      <c r="E31120" s="6"/>
    </row>
    <row r="31121" spans="4:5" x14ac:dyDescent="0.25">
      <c r="D31121" s="6">
        <v>6019</v>
      </c>
      <c r="E31121" s="6"/>
    </row>
    <row r="31122" spans="4:5" x14ac:dyDescent="0.25">
      <c r="D31122" s="6">
        <v>1449</v>
      </c>
      <c r="E31122" s="6"/>
    </row>
    <row r="31123" spans="4:5" x14ac:dyDescent="0.25">
      <c r="D31123" s="6">
        <v>1948.115</v>
      </c>
      <c r="E31123" s="6"/>
    </row>
    <row r="31124" spans="4:5" x14ac:dyDescent="0.25">
      <c r="D31124" s="6">
        <v>539.39980000000003</v>
      </c>
      <c r="E31124" s="6"/>
    </row>
    <row r="31125" spans="4:5" x14ac:dyDescent="0.25">
      <c r="D31125" s="6">
        <v>5432.7579999999998</v>
      </c>
      <c r="E31125" s="6"/>
    </row>
    <row r="31126" spans="4:5" x14ac:dyDescent="0.25">
      <c r="D31126" s="6">
        <v>5117.5</v>
      </c>
      <c r="E31126" s="6"/>
    </row>
    <row r="31127" spans="4:5" x14ac:dyDescent="0.25">
      <c r="D31127" s="6">
        <v>4637.1940000000004</v>
      </c>
      <c r="E31127" s="6"/>
    </row>
    <row r="31128" spans="4:5" x14ac:dyDescent="0.25">
      <c r="D31128" s="6">
        <v>515.06560000000002</v>
      </c>
      <c r="E31128" s="6"/>
    </row>
    <row r="31129" spans="4:5" x14ac:dyDescent="0.25">
      <c r="D31129" s="6">
        <v>5901.8450000000003</v>
      </c>
      <c r="E31129" s="6"/>
    </row>
    <row r="31130" spans="4:5" x14ac:dyDescent="0.25">
      <c r="D31130" s="6">
        <v>664.83989999999994</v>
      </c>
      <c r="E31130" s="6"/>
    </row>
    <row r="31131" spans="4:5" x14ac:dyDescent="0.25">
      <c r="D31131" s="6">
        <v>1070.3520000000001</v>
      </c>
      <c r="E31131" s="6"/>
    </row>
    <row r="31132" spans="4:5" x14ac:dyDescent="0.25">
      <c r="D31132" s="6">
        <v>672.17499999999995</v>
      </c>
      <c r="E31132" s="6"/>
    </row>
    <row r="31133" spans="4:5" x14ac:dyDescent="0.25">
      <c r="D31133" s="6">
        <v>2605</v>
      </c>
      <c r="E31133" s="6"/>
    </row>
    <row r="31134" spans="4:5" x14ac:dyDescent="0.25">
      <c r="D31134" s="6">
        <v>2953.6</v>
      </c>
      <c r="E31134" s="6"/>
    </row>
    <row r="31135" spans="4:5" x14ac:dyDescent="0.25">
      <c r="D31135" s="6">
        <v>9646.5619999999999</v>
      </c>
      <c r="E31135" s="6"/>
    </row>
    <row r="31136" spans="4:5" x14ac:dyDescent="0.25">
      <c r="D31136" s="6">
        <v>7136.6080000000002</v>
      </c>
      <c r="E31136" s="6"/>
    </row>
    <row r="31137" spans="4:5" x14ac:dyDescent="0.25">
      <c r="D31137" s="6">
        <v>716.03110000000004</v>
      </c>
      <c r="E31137" s="6"/>
    </row>
    <row r="31138" spans="4:5" x14ac:dyDescent="0.25">
      <c r="D31138" s="6">
        <v>732.31299999999999</v>
      </c>
      <c r="E31138" s="6"/>
    </row>
    <row r="31139" spans="4:5" x14ac:dyDescent="0.25">
      <c r="D31139" s="6">
        <v>442.39929999999998</v>
      </c>
      <c r="E31139" s="6"/>
    </row>
    <row r="31140" spans="4:5" x14ac:dyDescent="0.25">
      <c r="D31140" s="6">
        <v>841.19290000000001</v>
      </c>
      <c r="E31140" s="6"/>
    </row>
    <row r="31141" spans="4:5" x14ac:dyDescent="0.25">
      <c r="D31141" s="6">
        <v>592.04169999999999</v>
      </c>
      <c r="E31141" s="6"/>
    </row>
    <row r="31142" spans="4:5" x14ac:dyDescent="0.25">
      <c r="D31142" s="6">
        <v>1482.6669999999999</v>
      </c>
      <c r="E31142" s="6"/>
    </row>
    <row r="31143" spans="4:5" x14ac:dyDescent="0.25">
      <c r="D31143" s="6">
        <v>1499.576</v>
      </c>
      <c r="E31143" s="6"/>
    </row>
    <row r="31144" spans="4:5" x14ac:dyDescent="0.25">
      <c r="D31144" s="6">
        <v>7111.8879999999999</v>
      </c>
      <c r="E31144" s="6"/>
    </row>
    <row r="31145" spans="4:5" x14ac:dyDescent="0.25">
      <c r="D31145" s="6">
        <v>6175.5</v>
      </c>
      <c r="E31145" s="6"/>
    </row>
    <row r="31146" spans="4:5" x14ac:dyDescent="0.25">
      <c r="D31146" s="6">
        <v>6973.2579999999998</v>
      </c>
      <c r="E31146" s="6"/>
    </row>
    <row r="31147" spans="4:5" x14ac:dyDescent="0.25">
      <c r="D31147" s="6">
        <v>2033.3309999999999</v>
      </c>
      <c r="E31147" s="6"/>
    </row>
    <row r="31148" spans="4:5" x14ac:dyDescent="0.25">
      <c r="D31148" s="6">
        <v>550.39160000000004</v>
      </c>
      <c r="E31148" s="6"/>
    </row>
    <row r="31149" spans="4:5" x14ac:dyDescent="0.25">
      <c r="D31149" s="6">
        <v>569.03250000000003</v>
      </c>
      <c r="E31149" s="6"/>
    </row>
    <row r="31150" spans="4:5" x14ac:dyDescent="0.25">
      <c r="D31150" s="6">
        <v>701.12130000000002</v>
      </c>
      <c r="E31150" s="6"/>
    </row>
    <row r="31151" spans="4:5" x14ac:dyDescent="0.25">
      <c r="D31151" s="6">
        <v>369.08839999999998</v>
      </c>
      <c r="E31151" s="6"/>
    </row>
    <row r="31152" spans="4:5" x14ac:dyDescent="0.25">
      <c r="D31152" s="6">
        <v>2217.4</v>
      </c>
      <c r="E31152" s="6"/>
    </row>
    <row r="31153" spans="4:5" x14ac:dyDescent="0.25">
      <c r="D31153" s="6">
        <v>6784.9179999999997</v>
      </c>
      <c r="E31153" s="6"/>
    </row>
    <row r="31154" spans="4:5" x14ac:dyDescent="0.25">
      <c r="D31154" s="6">
        <v>973.90970000000004</v>
      </c>
      <c r="E31154" s="6"/>
    </row>
    <row r="31155" spans="4:5" x14ac:dyDescent="0.25">
      <c r="D31155" s="6">
        <v>471.7208</v>
      </c>
      <c r="E31155" s="6"/>
    </row>
    <row r="31156" spans="4:5" x14ac:dyDescent="0.25">
      <c r="D31156" s="6">
        <v>541.91610000000003</v>
      </c>
      <c r="E31156" s="6"/>
    </row>
    <row r="31157" spans="4:5" x14ac:dyDescent="0.25">
      <c r="D31157" s="6">
        <v>8120.2250000000004</v>
      </c>
      <c r="E31157" s="6"/>
    </row>
    <row r="31158" spans="4:5" x14ac:dyDescent="0.25">
      <c r="D31158" s="6">
        <v>1709.123</v>
      </c>
      <c r="E31158" s="6"/>
    </row>
    <row r="31159" spans="4:5" x14ac:dyDescent="0.25">
      <c r="D31159" s="6">
        <v>1036.152</v>
      </c>
      <c r="E31159" s="6"/>
    </row>
    <row r="31160" spans="4:5" x14ac:dyDescent="0.25">
      <c r="D31160" s="6">
        <v>646.12329999999997</v>
      </c>
      <c r="E31160" s="6"/>
    </row>
    <row r="31161" spans="4:5" x14ac:dyDescent="0.25">
      <c r="D31161" s="6">
        <v>3834.38</v>
      </c>
      <c r="E31161" s="6"/>
    </row>
    <row r="31162" spans="4:5" x14ac:dyDescent="0.25">
      <c r="D31162" s="6">
        <v>7505.64</v>
      </c>
      <c r="E31162" s="6"/>
    </row>
    <row r="31163" spans="4:5" x14ac:dyDescent="0.25">
      <c r="D31163" s="6">
        <v>1829.4449999999999</v>
      </c>
      <c r="E31163" s="6"/>
    </row>
    <row r="31164" spans="4:5" x14ac:dyDescent="0.25">
      <c r="D31164" s="6">
        <v>170.06469999999999</v>
      </c>
      <c r="E31164" s="6"/>
    </row>
    <row r="31165" spans="4:5" x14ac:dyDescent="0.25">
      <c r="D31165" s="6">
        <v>5997.0150000000003</v>
      </c>
      <c r="E31165" s="6"/>
    </row>
    <row r="31166" spans="4:5" x14ac:dyDescent="0.25">
      <c r="D31166" s="6">
        <v>204.33330000000001</v>
      </c>
      <c r="E31166" s="6"/>
    </row>
    <row r="31167" spans="4:5" x14ac:dyDescent="0.25">
      <c r="D31167" s="6">
        <v>928.13139999999999</v>
      </c>
      <c r="E31167" s="6"/>
    </row>
    <row r="31168" spans="4:5" x14ac:dyDescent="0.25">
      <c r="D31168" s="6">
        <v>170.70830000000001</v>
      </c>
      <c r="E31168" s="6"/>
    </row>
    <row r="31169" spans="4:5" x14ac:dyDescent="0.25">
      <c r="D31169" s="6">
        <v>430.02330000000001</v>
      </c>
      <c r="E31169" s="6"/>
    </row>
    <row r="31170" spans="4:5" x14ac:dyDescent="0.25">
      <c r="D31170" s="6">
        <v>2261.7060000000001</v>
      </c>
      <c r="E31170" s="6"/>
    </row>
    <row r="31171" spans="4:5" x14ac:dyDescent="0.25">
      <c r="D31171" s="6">
        <v>710.41790000000003</v>
      </c>
      <c r="E31171" s="6"/>
    </row>
    <row r="31172" spans="4:5" x14ac:dyDescent="0.25">
      <c r="D31172" s="6">
        <v>2912.7890000000002</v>
      </c>
      <c r="E31172" s="6"/>
    </row>
    <row r="31173" spans="4:5" x14ac:dyDescent="0.25">
      <c r="D31173" s="6">
        <v>161.57689999999999</v>
      </c>
      <c r="E31173" s="6"/>
    </row>
    <row r="31174" spans="4:5" x14ac:dyDescent="0.25">
      <c r="D31174" s="6">
        <v>3571</v>
      </c>
      <c r="E31174" s="6"/>
    </row>
    <row r="31175" spans="4:5" x14ac:dyDescent="0.25">
      <c r="D31175" s="6">
        <v>6530.1670000000004</v>
      </c>
      <c r="E31175" s="6"/>
    </row>
    <row r="31176" spans="4:5" x14ac:dyDescent="0.25">
      <c r="D31176" s="6">
        <v>3638.9119999999998</v>
      </c>
      <c r="E31176" s="6"/>
    </row>
    <row r="31177" spans="4:5" x14ac:dyDescent="0.25">
      <c r="D31177" s="6">
        <v>835.62030000000004</v>
      </c>
      <c r="E31177" s="6"/>
    </row>
    <row r="31178" spans="4:5" x14ac:dyDescent="0.25">
      <c r="D31178" s="6">
        <v>5769.2960000000003</v>
      </c>
      <c r="E31178" s="6"/>
    </row>
    <row r="31179" spans="4:5" x14ac:dyDescent="0.25">
      <c r="D31179" s="6">
        <v>530.93110000000001</v>
      </c>
      <c r="E31179" s="6"/>
    </row>
    <row r="31180" spans="4:5" x14ac:dyDescent="0.25">
      <c r="D31180" s="6">
        <v>6520.8050000000003</v>
      </c>
      <c r="E31180" s="6"/>
    </row>
    <row r="31181" spans="4:5" x14ac:dyDescent="0.25">
      <c r="D31181" s="6">
        <v>180.12860000000001</v>
      </c>
      <c r="E31181" s="6"/>
    </row>
    <row r="31182" spans="4:5" x14ac:dyDescent="0.25">
      <c r="D31182" s="6">
        <v>8921.3700000000008</v>
      </c>
      <c r="E31182" s="6"/>
    </row>
    <row r="31183" spans="4:5" x14ac:dyDescent="0.25">
      <c r="D31183" s="6">
        <v>9536.7019999999993</v>
      </c>
      <c r="E31183" s="6"/>
    </row>
    <row r="31184" spans="4:5" x14ac:dyDescent="0.25">
      <c r="D31184" s="6">
        <v>3048</v>
      </c>
      <c r="E31184" s="6"/>
    </row>
    <row r="31185" spans="4:5" x14ac:dyDescent="0.25">
      <c r="D31185" s="6">
        <v>682.21730000000002</v>
      </c>
      <c r="E31185" s="6"/>
    </row>
    <row r="31186" spans="4:5" x14ac:dyDescent="0.25">
      <c r="D31186" s="6">
        <v>175.99529999999999</v>
      </c>
      <c r="E31186" s="6"/>
    </row>
    <row r="31187" spans="4:5" x14ac:dyDescent="0.25">
      <c r="D31187" s="6">
        <v>2792.8910000000001</v>
      </c>
      <c r="E31187" s="6"/>
    </row>
    <row r="31188" spans="4:5" x14ac:dyDescent="0.25">
      <c r="D31188" s="6">
        <v>1464.6</v>
      </c>
      <c r="E31188" s="6"/>
    </row>
    <row r="31189" spans="4:5" x14ac:dyDescent="0.25">
      <c r="D31189" s="6">
        <v>481.00200000000001</v>
      </c>
      <c r="E31189" s="6"/>
    </row>
    <row r="31190" spans="4:5" x14ac:dyDescent="0.25">
      <c r="D31190" s="6">
        <v>722.49760000000003</v>
      </c>
      <c r="E31190" s="6"/>
    </row>
    <row r="31191" spans="4:5" x14ac:dyDescent="0.25">
      <c r="D31191" s="6">
        <v>477.25</v>
      </c>
      <c r="E31191" s="6"/>
    </row>
    <row r="31192" spans="4:5" x14ac:dyDescent="0.25">
      <c r="D31192" s="6">
        <v>843.32749999999999</v>
      </c>
      <c r="E31192" s="6"/>
    </row>
    <row r="31193" spans="4:5" x14ac:dyDescent="0.25">
      <c r="D31193" s="6">
        <v>1164.443</v>
      </c>
      <c r="E31193" s="6"/>
    </row>
    <row r="31194" spans="4:5" x14ac:dyDescent="0.25">
      <c r="D31194" s="6">
        <v>163.75890000000001</v>
      </c>
      <c r="E31194" s="6"/>
    </row>
    <row r="31195" spans="4:5" x14ac:dyDescent="0.25">
      <c r="D31195" s="6">
        <v>1113.6199999999999</v>
      </c>
      <c r="E31195" s="6"/>
    </row>
    <row r="31196" spans="4:5" x14ac:dyDescent="0.25">
      <c r="D31196" s="6">
        <v>1412.9770000000001</v>
      </c>
      <c r="E31196" s="6"/>
    </row>
    <row r="31197" spans="4:5" x14ac:dyDescent="0.25">
      <c r="D31197" s="6">
        <v>1735.5</v>
      </c>
      <c r="E31197" s="6"/>
    </row>
    <row r="31198" spans="4:5" x14ac:dyDescent="0.25">
      <c r="D31198" s="6">
        <v>594.27340000000004</v>
      </c>
      <c r="E31198" s="6"/>
    </row>
    <row r="31199" spans="4:5" x14ac:dyDescent="0.25">
      <c r="D31199" s="6">
        <v>787.51940000000002</v>
      </c>
      <c r="E31199" s="6"/>
    </row>
    <row r="31200" spans="4:5" x14ac:dyDescent="0.25">
      <c r="D31200" s="6">
        <v>677.99739999999997</v>
      </c>
      <c r="E31200" s="6"/>
    </row>
    <row r="31201" spans="4:5" x14ac:dyDescent="0.25">
      <c r="D31201" s="6">
        <v>448.15809999999999</v>
      </c>
      <c r="E31201" s="6"/>
    </row>
    <row r="31202" spans="4:5" x14ac:dyDescent="0.25">
      <c r="D31202" s="6">
        <v>7408.4589999999998</v>
      </c>
      <c r="E31202" s="6"/>
    </row>
    <row r="31203" spans="4:5" x14ac:dyDescent="0.25">
      <c r="D31203" s="6">
        <v>671.84690000000001</v>
      </c>
      <c r="E31203" s="6"/>
    </row>
    <row r="31204" spans="4:5" x14ac:dyDescent="0.25">
      <c r="D31204" s="6">
        <v>5187</v>
      </c>
      <c r="E31204" s="6"/>
    </row>
    <row r="31205" spans="4:5" x14ac:dyDescent="0.25">
      <c r="D31205" s="6">
        <v>152.38159999999999</v>
      </c>
      <c r="E31205" s="6"/>
    </row>
    <row r="31206" spans="4:5" x14ac:dyDescent="0.25">
      <c r="D31206" s="6">
        <v>983.02739999999994</v>
      </c>
      <c r="E31206" s="6"/>
    </row>
    <row r="31207" spans="4:5" x14ac:dyDescent="0.25">
      <c r="D31207" s="6">
        <v>6105.6360000000004</v>
      </c>
      <c r="E31207" s="6"/>
    </row>
    <row r="31208" spans="4:5" x14ac:dyDescent="0.25">
      <c r="D31208" s="6">
        <v>2767.8240000000001</v>
      </c>
      <c r="E31208" s="6"/>
    </row>
    <row r="31209" spans="4:5" x14ac:dyDescent="0.25">
      <c r="D31209" s="6">
        <v>1420.2750000000001</v>
      </c>
      <c r="E31209" s="6"/>
    </row>
    <row r="31210" spans="4:5" x14ac:dyDescent="0.25">
      <c r="D31210" s="6">
        <v>551.61739999999998</v>
      </c>
      <c r="E31210" s="6"/>
    </row>
    <row r="31211" spans="4:5" x14ac:dyDescent="0.25">
      <c r="D31211" s="6">
        <v>689.20550000000003</v>
      </c>
      <c r="E31211" s="6"/>
    </row>
    <row r="31212" spans="4:5" x14ac:dyDescent="0.25">
      <c r="D31212" s="6">
        <v>4374.1000000000004</v>
      </c>
      <c r="E31212" s="6"/>
    </row>
    <row r="31213" spans="4:5" x14ac:dyDescent="0.25">
      <c r="D31213" s="6">
        <v>574.44359999999995</v>
      </c>
      <c r="E31213" s="6"/>
    </row>
    <row r="31214" spans="4:5" x14ac:dyDescent="0.25">
      <c r="D31214" s="6">
        <v>1299.0309999999999</v>
      </c>
      <c r="E31214" s="6"/>
    </row>
    <row r="31215" spans="4:5" x14ac:dyDescent="0.25">
      <c r="D31215" s="6">
        <v>686.85119999999995</v>
      </c>
      <c r="E31215" s="6"/>
    </row>
    <row r="31216" spans="4:5" x14ac:dyDescent="0.25">
      <c r="D31216" s="6">
        <v>204.72730000000001</v>
      </c>
      <c r="E31216" s="6"/>
    </row>
    <row r="31217" spans="4:5" x14ac:dyDescent="0.25">
      <c r="D31217" s="6">
        <v>3913.04</v>
      </c>
      <c r="E31217" s="6"/>
    </row>
    <row r="31218" spans="4:5" x14ac:dyDescent="0.25">
      <c r="D31218" s="6">
        <v>785.25570000000005</v>
      </c>
      <c r="E31218" s="6"/>
    </row>
    <row r="31219" spans="4:5" x14ac:dyDescent="0.25">
      <c r="D31219" s="6">
        <v>1878.954</v>
      </c>
      <c r="E31219" s="6"/>
    </row>
    <row r="31220" spans="4:5" x14ac:dyDescent="0.25">
      <c r="D31220" s="6">
        <v>579.18489999999997</v>
      </c>
      <c r="E31220" s="6"/>
    </row>
    <row r="31221" spans="4:5" x14ac:dyDescent="0.25">
      <c r="D31221" s="6">
        <v>618.16219999999998</v>
      </c>
      <c r="E31221" s="6"/>
    </row>
    <row r="31222" spans="4:5" x14ac:dyDescent="0.25">
      <c r="D31222" s="6">
        <v>7871.9059999999999</v>
      </c>
      <c r="E31222" s="6"/>
    </row>
    <row r="31223" spans="4:5" x14ac:dyDescent="0.25">
      <c r="D31223" s="6">
        <v>543.81200000000001</v>
      </c>
      <c r="E31223" s="6"/>
    </row>
    <row r="31224" spans="4:5" x14ac:dyDescent="0.25">
      <c r="D31224" s="6">
        <v>1079.1600000000001</v>
      </c>
      <c r="E31224" s="6"/>
    </row>
    <row r="31225" spans="4:5" x14ac:dyDescent="0.25">
      <c r="D31225" s="6">
        <v>164.9726</v>
      </c>
      <c r="E31225" s="6"/>
    </row>
    <row r="31226" spans="4:5" x14ac:dyDescent="0.25">
      <c r="D31226" s="6">
        <v>659.96889999999996</v>
      </c>
      <c r="E31226" s="6"/>
    </row>
    <row r="31227" spans="4:5" x14ac:dyDescent="0.25">
      <c r="D31227" s="6">
        <v>167.77340000000001</v>
      </c>
      <c r="E31227" s="6"/>
    </row>
    <row r="31228" spans="4:5" x14ac:dyDescent="0.25">
      <c r="D31228" s="6">
        <v>1513.2760000000001</v>
      </c>
      <c r="E31228" s="6"/>
    </row>
    <row r="31229" spans="4:5" x14ac:dyDescent="0.25">
      <c r="D31229" s="6">
        <v>2898</v>
      </c>
      <c r="E31229" s="6"/>
    </row>
    <row r="31230" spans="4:5" x14ac:dyDescent="0.25">
      <c r="D31230" s="6">
        <v>7971.4530000000004</v>
      </c>
      <c r="E31230" s="6"/>
    </row>
    <row r="31231" spans="4:5" x14ac:dyDescent="0.25">
      <c r="D31231" s="6">
        <v>1738.6669999999999</v>
      </c>
      <c r="E31231" s="6"/>
    </row>
    <row r="31232" spans="4:5" x14ac:dyDescent="0.25">
      <c r="D31232" s="6">
        <v>3919.6660000000002</v>
      </c>
      <c r="E31232" s="6"/>
    </row>
    <row r="31233" spans="4:5" x14ac:dyDescent="0.25">
      <c r="D31233" s="6">
        <v>752.02949999999998</v>
      </c>
      <c r="E31233" s="6"/>
    </row>
    <row r="31234" spans="4:5" x14ac:dyDescent="0.25">
      <c r="D31234" s="6">
        <v>592.34900000000005</v>
      </c>
      <c r="E31234" s="6"/>
    </row>
    <row r="31235" spans="4:5" x14ac:dyDescent="0.25">
      <c r="D31235" s="6">
        <v>1269.2619999999999</v>
      </c>
      <c r="E31235" s="6"/>
    </row>
    <row r="31236" spans="4:5" x14ac:dyDescent="0.25">
      <c r="D31236" s="6">
        <v>826.07830000000001</v>
      </c>
      <c r="E31236" s="6"/>
    </row>
    <row r="31237" spans="4:5" x14ac:dyDescent="0.25">
      <c r="D31237" s="6">
        <v>153.44470000000001</v>
      </c>
      <c r="E31237" s="6"/>
    </row>
    <row r="31238" spans="4:5" x14ac:dyDescent="0.25">
      <c r="D31238" s="6">
        <v>458.4409</v>
      </c>
      <c r="E31238" s="6"/>
    </row>
    <row r="31239" spans="4:5" x14ac:dyDescent="0.25">
      <c r="D31239" s="6">
        <v>1170.1559999999999</v>
      </c>
      <c r="E31239" s="6"/>
    </row>
    <row r="31240" spans="4:5" x14ac:dyDescent="0.25">
      <c r="D31240" s="6">
        <v>531.20169999999996</v>
      </c>
      <c r="E31240" s="6"/>
    </row>
    <row r="31241" spans="4:5" x14ac:dyDescent="0.25">
      <c r="D31241" s="6">
        <v>1827.569</v>
      </c>
      <c r="E31241" s="6"/>
    </row>
    <row r="31242" spans="4:5" x14ac:dyDescent="0.25">
      <c r="D31242" s="6">
        <v>5764</v>
      </c>
      <c r="E31242" s="6"/>
    </row>
    <row r="31243" spans="4:5" x14ac:dyDescent="0.25">
      <c r="D31243" s="6">
        <v>960.08109999999999</v>
      </c>
      <c r="E31243" s="6"/>
    </row>
    <row r="31244" spans="4:5" x14ac:dyDescent="0.25">
      <c r="D31244" s="6">
        <v>2543.7159999999999</v>
      </c>
      <c r="E31244" s="6"/>
    </row>
    <row r="31245" spans="4:5" x14ac:dyDescent="0.25">
      <c r="D31245" s="6">
        <v>6574.2669999999998</v>
      </c>
      <c r="E31245" s="6"/>
    </row>
    <row r="31246" spans="4:5" x14ac:dyDescent="0.25">
      <c r="D31246" s="6">
        <v>9388.6319999999996</v>
      </c>
      <c r="E31246" s="6"/>
    </row>
    <row r="31247" spans="4:5" x14ac:dyDescent="0.25">
      <c r="D31247" s="6">
        <v>8272</v>
      </c>
      <c r="E31247" s="6"/>
    </row>
    <row r="31248" spans="4:5" x14ac:dyDescent="0.25">
      <c r="D31248" s="6">
        <v>4487</v>
      </c>
      <c r="E31248" s="6"/>
    </row>
    <row r="31249" spans="4:5" x14ac:dyDescent="0.25">
      <c r="D31249" s="6">
        <v>1099.473</v>
      </c>
      <c r="E31249" s="6"/>
    </row>
    <row r="31250" spans="4:5" x14ac:dyDescent="0.25">
      <c r="D31250" s="6">
        <v>963.46979999999996</v>
      </c>
      <c r="E31250" s="6"/>
    </row>
    <row r="31251" spans="4:5" x14ac:dyDescent="0.25">
      <c r="D31251" s="6">
        <v>346.4076</v>
      </c>
      <c r="E31251" s="6"/>
    </row>
    <row r="31252" spans="4:5" x14ac:dyDescent="0.25">
      <c r="D31252" s="6">
        <v>1990.373</v>
      </c>
      <c r="E31252" s="6"/>
    </row>
    <row r="31253" spans="4:5" x14ac:dyDescent="0.25">
      <c r="D31253" s="6">
        <v>393.07010000000002</v>
      </c>
      <c r="E31253" s="6"/>
    </row>
    <row r="31254" spans="4:5" x14ac:dyDescent="0.25">
      <c r="D31254" s="6">
        <v>1434.4169999999999</v>
      </c>
      <c r="E31254" s="6"/>
    </row>
    <row r="31255" spans="4:5" x14ac:dyDescent="0.25">
      <c r="D31255" s="6">
        <v>1009.563</v>
      </c>
      <c r="E31255" s="6"/>
    </row>
    <row r="31256" spans="4:5" x14ac:dyDescent="0.25">
      <c r="D31256" s="6">
        <v>166.75</v>
      </c>
      <c r="E31256" s="6"/>
    </row>
    <row r="31257" spans="4:5" x14ac:dyDescent="0.25">
      <c r="D31257" s="6">
        <v>2527.5329999999999</v>
      </c>
      <c r="E31257" s="6"/>
    </row>
    <row r="31258" spans="4:5" x14ac:dyDescent="0.25">
      <c r="D31258" s="6">
        <v>186.96969999999999</v>
      </c>
      <c r="E31258" s="6"/>
    </row>
    <row r="31259" spans="4:5" x14ac:dyDescent="0.25">
      <c r="D31259" s="6">
        <v>159.57140000000001</v>
      </c>
      <c r="E31259" s="6"/>
    </row>
    <row r="31260" spans="4:5" x14ac:dyDescent="0.25">
      <c r="D31260" s="6">
        <v>2349.86</v>
      </c>
      <c r="E31260" s="6"/>
    </row>
    <row r="31261" spans="4:5" x14ac:dyDescent="0.25">
      <c r="D31261" s="6">
        <v>600.60709999999995</v>
      </c>
      <c r="E31261" s="6"/>
    </row>
    <row r="31262" spans="4:5" x14ac:dyDescent="0.25">
      <c r="D31262" s="6">
        <v>823.58879999999999</v>
      </c>
      <c r="E31262" s="6"/>
    </row>
    <row r="31263" spans="4:5" x14ac:dyDescent="0.25">
      <c r="D31263" s="6">
        <v>178.30930000000001</v>
      </c>
      <c r="E31263" s="6"/>
    </row>
    <row r="31264" spans="4:5" x14ac:dyDescent="0.25">
      <c r="D31264" s="6">
        <v>3362.8519999999999</v>
      </c>
      <c r="E31264" s="6"/>
    </row>
    <row r="31265" spans="4:5" x14ac:dyDescent="0.25">
      <c r="D31265" s="6">
        <v>1783.39</v>
      </c>
      <c r="E31265" s="6"/>
    </row>
    <row r="31266" spans="4:5" x14ac:dyDescent="0.25">
      <c r="D31266" s="6">
        <v>658.62840000000006</v>
      </c>
      <c r="E31266" s="6"/>
    </row>
    <row r="31267" spans="4:5" x14ac:dyDescent="0.25">
      <c r="D31267" s="6">
        <v>1334.596</v>
      </c>
      <c r="E31267" s="6"/>
    </row>
    <row r="31268" spans="4:5" x14ac:dyDescent="0.25">
      <c r="D31268" s="6">
        <v>5701.55</v>
      </c>
      <c r="E31268" s="6"/>
    </row>
    <row r="31269" spans="4:5" x14ac:dyDescent="0.25">
      <c r="D31269" s="6">
        <v>269.85270000000003</v>
      </c>
      <c r="E31269" s="6"/>
    </row>
    <row r="31270" spans="4:5" x14ac:dyDescent="0.25">
      <c r="D31270" s="6">
        <v>954.39639999999997</v>
      </c>
      <c r="E31270" s="6"/>
    </row>
    <row r="31271" spans="4:5" x14ac:dyDescent="0.25">
      <c r="D31271" s="6">
        <v>2045.163</v>
      </c>
      <c r="E31271" s="6"/>
    </row>
    <row r="31272" spans="4:5" x14ac:dyDescent="0.25">
      <c r="D31272" s="6">
        <v>2909.942</v>
      </c>
      <c r="E31272" s="6"/>
    </row>
    <row r="31273" spans="4:5" x14ac:dyDescent="0.25">
      <c r="D31273" s="6">
        <v>1519.2570000000001</v>
      </c>
      <c r="E31273" s="6"/>
    </row>
    <row r="31274" spans="4:5" x14ac:dyDescent="0.25">
      <c r="D31274" s="6">
        <v>547.17420000000004</v>
      </c>
      <c r="E31274" s="6"/>
    </row>
    <row r="31275" spans="4:5" x14ac:dyDescent="0.25">
      <c r="D31275" s="6">
        <v>3564.8150000000001</v>
      </c>
      <c r="E31275" s="6"/>
    </row>
    <row r="31276" spans="4:5" x14ac:dyDescent="0.25">
      <c r="D31276" s="6">
        <v>2701.69</v>
      </c>
      <c r="E31276" s="6"/>
    </row>
    <row r="31277" spans="4:5" x14ac:dyDescent="0.25">
      <c r="D31277" s="6">
        <v>755.53470000000004</v>
      </c>
      <c r="E31277" s="6"/>
    </row>
    <row r="31278" spans="4:5" x14ac:dyDescent="0.25">
      <c r="D31278" s="6">
        <v>1364.25</v>
      </c>
      <c r="E31278" s="6"/>
    </row>
    <row r="31279" spans="4:5" x14ac:dyDescent="0.25">
      <c r="D31279" s="6">
        <v>1237.8579999999999</v>
      </c>
      <c r="E31279" s="6"/>
    </row>
    <row r="31280" spans="4:5" x14ac:dyDescent="0.25">
      <c r="D31280" s="6">
        <v>433.33330000000001</v>
      </c>
      <c r="E31280" s="6"/>
    </row>
    <row r="31281" spans="4:5" x14ac:dyDescent="0.25">
      <c r="D31281" s="6">
        <v>838.80290000000002</v>
      </c>
      <c r="E31281" s="6"/>
    </row>
    <row r="31282" spans="4:5" x14ac:dyDescent="0.25">
      <c r="D31282" s="6">
        <v>523.17039999999997</v>
      </c>
      <c r="E31282" s="6"/>
    </row>
    <row r="31283" spans="4:5" x14ac:dyDescent="0.25">
      <c r="D31283" s="6">
        <v>5743.6890000000003</v>
      </c>
      <c r="E31283" s="6"/>
    </row>
    <row r="31284" spans="4:5" x14ac:dyDescent="0.25">
      <c r="D31284" s="6">
        <v>923.53920000000005</v>
      </c>
      <c r="E31284" s="6"/>
    </row>
    <row r="31285" spans="4:5" x14ac:dyDescent="0.25">
      <c r="D31285" s="6">
        <v>2096.165</v>
      </c>
      <c r="E31285" s="6"/>
    </row>
    <row r="31286" spans="4:5" x14ac:dyDescent="0.25">
      <c r="D31286" s="6">
        <v>964.44550000000004</v>
      </c>
      <c r="E31286" s="6"/>
    </row>
    <row r="31287" spans="4:5" x14ac:dyDescent="0.25">
      <c r="D31287" s="6">
        <v>4926.7359999999999</v>
      </c>
      <c r="E31287" s="6"/>
    </row>
    <row r="31288" spans="4:5" x14ac:dyDescent="0.25">
      <c r="D31288" s="6">
        <v>3332.7660000000001</v>
      </c>
      <c r="E31288" s="6"/>
    </row>
    <row r="31289" spans="4:5" x14ac:dyDescent="0.25">
      <c r="D31289" s="6">
        <v>1457.018</v>
      </c>
      <c r="E31289" s="6"/>
    </row>
    <row r="31290" spans="4:5" x14ac:dyDescent="0.25">
      <c r="D31290" s="6">
        <v>702.64509999999996</v>
      </c>
      <c r="E31290" s="6"/>
    </row>
    <row r="31291" spans="4:5" x14ac:dyDescent="0.25">
      <c r="D31291" s="6">
        <v>1731.1030000000001</v>
      </c>
      <c r="E31291" s="6"/>
    </row>
    <row r="31292" spans="4:5" x14ac:dyDescent="0.25">
      <c r="D31292" s="6">
        <v>699.72879999999998</v>
      </c>
      <c r="E31292" s="6"/>
    </row>
    <row r="31293" spans="4:5" x14ac:dyDescent="0.25">
      <c r="D31293" s="6">
        <v>2765.6990000000001</v>
      </c>
      <c r="E31293" s="6"/>
    </row>
    <row r="31294" spans="4:5" x14ac:dyDescent="0.25">
      <c r="D31294" s="6">
        <v>632.10609999999997</v>
      </c>
      <c r="E31294" s="6"/>
    </row>
    <row r="31295" spans="4:5" x14ac:dyDescent="0.25">
      <c r="D31295" s="6">
        <v>173.61539999999999</v>
      </c>
      <c r="E31295" s="6"/>
    </row>
    <row r="31296" spans="4:5" x14ac:dyDescent="0.25">
      <c r="D31296" s="6">
        <v>239.1677</v>
      </c>
      <c r="E31296" s="6"/>
    </row>
    <row r="31297" spans="4:5" x14ac:dyDescent="0.25">
      <c r="D31297" s="6">
        <v>7767.5</v>
      </c>
      <c r="E31297" s="6"/>
    </row>
    <row r="31298" spans="4:5" x14ac:dyDescent="0.25">
      <c r="D31298" s="6">
        <v>160.85429999999999</v>
      </c>
      <c r="E31298" s="6"/>
    </row>
    <row r="31299" spans="4:5" x14ac:dyDescent="0.25">
      <c r="D31299" s="6">
        <v>3839.2220000000002</v>
      </c>
      <c r="E31299" s="6"/>
    </row>
    <row r="31300" spans="4:5" x14ac:dyDescent="0.25">
      <c r="D31300" s="6">
        <v>503.93720000000002</v>
      </c>
      <c r="E31300" s="6"/>
    </row>
    <row r="31301" spans="4:5" x14ac:dyDescent="0.25">
      <c r="D31301" s="6">
        <v>1328.356</v>
      </c>
      <c r="E31301" s="6"/>
    </row>
    <row r="31302" spans="4:5" x14ac:dyDescent="0.25">
      <c r="D31302" s="6">
        <v>1046.182</v>
      </c>
      <c r="E31302" s="6"/>
    </row>
    <row r="31303" spans="4:5" x14ac:dyDescent="0.25">
      <c r="D31303" s="6">
        <v>5316.3329999999996</v>
      </c>
      <c r="E31303" s="6"/>
    </row>
    <row r="31304" spans="4:5" x14ac:dyDescent="0.25">
      <c r="D31304" s="6">
        <v>788.73220000000003</v>
      </c>
      <c r="E31304" s="6"/>
    </row>
    <row r="31305" spans="4:5" x14ac:dyDescent="0.25">
      <c r="D31305" s="6">
        <v>530.19209999999998</v>
      </c>
      <c r="E31305" s="6"/>
    </row>
    <row r="31306" spans="4:5" x14ac:dyDescent="0.25">
      <c r="D31306" s="6">
        <v>1314.296</v>
      </c>
      <c r="E31306" s="6"/>
    </row>
    <row r="31307" spans="4:5" x14ac:dyDescent="0.25">
      <c r="D31307" s="6">
        <v>817.40729999999996</v>
      </c>
      <c r="E31307" s="6"/>
    </row>
    <row r="31308" spans="4:5" x14ac:dyDescent="0.25">
      <c r="D31308" s="6">
        <v>531.03909999999996</v>
      </c>
      <c r="E31308" s="6"/>
    </row>
    <row r="31309" spans="4:5" x14ac:dyDescent="0.25">
      <c r="D31309" s="6">
        <v>768.32500000000005</v>
      </c>
      <c r="E31309" s="6"/>
    </row>
    <row r="31310" spans="4:5" x14ac:dyDescent="0.25">
      <c r="D31310" s="6">
        <v>6967.4440000000004</v>
      </c>
      <c r="E31310" s="6"/>
    </row>
    <row r="31311" spans="4:5" x14ac:dyDescent="0.25">
      <c r="D31311" s="6">
        <v>1065.799</v>
      </c>
      <c r="E31311" s="6"/>
    </row>
    <row r="31312" spans="4:5" x14ac:dyDescent="0.25">
      <c r="D31312" s="6">
        <v>1560.8409999999999</v>
      </c>
      <c r="E31312" s="6"/>
    </row>
    <row r="31313" spans="4:5" x14ac:dyDescent="0.25">
      <c r="D31313" s="6">
        <v>823.93010000000004</v>
      </c>
      <c r="E31313" s="6"/>
    </row>
    <row r="31314" spans="4:5" x14ac:dyDescent="0.25">
      <c r="D31314" s="6">
        <v>1742.48</v>
      </c>
      <c r="E31314" s="6"/>
    </row>
    <row r="31315" spans="4:5" x14ac:dyDescent="0.25">
      <c r="D31315" s="6">
        <v>1720.1220000000001</v>
      </c>
      <c r="E31315" s="6"/>
    </row>
    <row r="31316" spans="4:5" x14ac:dyDescent="0.25">
      <c r="D31316" s="6">
        <v>13599.95</v>
      </c>
      <c r="E31316" s="6"/>
    </row>
    <row r="31317" spans="4:5" x14ac:dyDescent="0.25">
      <c r="D31317" s="6">
        <v>621.82579999999996</v>
      </c>
      <c r="E31317" s="6"/>
    </row>
    <row r="31318" spans="4:5" x14ac:dyDescent="0.25">
      <c r="D31318" s="6">
        <v>1054.2170000000001</v>
      </c>
      <c r="E31318" s="6"/>
    </row>
    <row r="31319" spans="4:5" x14ac:dyDescent="0.25">
      <c r="D31319" s="6">
        <v>8492</v>
      </c>
      <c r="E31319" s="6"/>
    </row>
    <row r="31320" spans="4:5" x14ac:dyDescent="0.25">
      <c r="D31320" s="6">
        <v>930.83519999999999</v>
      </c>
      <c r="E31320" s="6"/>
    </row>
    <row r="31321" spans="4:5" x14ac:dyDescent="0.25">
      <c r="D31321" s="6">
        <v>484.53969999999998</v>
      </c>
      <c r="E31321" s="6"/>
    </row>
    <row r="31322" spans="4:5" x14ac:dyDescent="0.25">
      <c r="D31322" s="6">
        <v>1145.9839999999999</v>
      </c>
      <c r="E31322" s="6"/>
    </row>
    <row r="31323" spans="4:5" x14ac:dyDescent="0.25">
      <c r="D31323" s="6">
        <v>5473</v>
      </c>
      <c r="E31323" s="6"/>
    </row>
    <row r="31324" spans="4:5" x14ac:dyDescent="0.25">
      <c r="D31324" s="6">
        <v>2521</v>
      </c>
      <c r="E31324" s="6"/>
    </row>
    <row r="31325" spans="4:5" x14ac:dyDescent="0.25">
      <c r="D31325" s="6">
        <v>372.8623</v>
      </c>
      <c r="E31325" s="6"/>
    </row>
    <row r="31326" spans="4:5" x14ac:dyDescent="0.25">
      <c r="D31326" s="6">
        <v>965.73889999999994</v>
      </c>
      <c r="E31326" s="6"/>
    </row>
    <row r="31327" spans="4:5" x14ac:dyDescent="0.25">
      <c r="D31327" s="6">
        <v>162.88</v>
      </c>
      <c r="E31327" s="6"/>
    </row>
    <row r="31328" spans="4:5" x14ac:dyDescent="0.25">
      <c r="D31328" s="6">
        <v>171.85499999999999</v>
      </c>
      <c r="E31328" s="6"/>
    </row>
    <row r="31329" spans="4:5" x14ac:dyDescent="0.25">
      <c r="D31329" s="6">
        <v>175.08449999999999</v>
      </c>
      <c r="E31329" s="6"/>
    </row>
    <row r="31330" spans="4:5" x14ac:dyDescent="0.25">
      <c r="D31330" s="6">
        <v>1109.18</v>
      </c>
      <c r="E31330" s="6"/>
    </row>
    <row r="31331" spans="4:5" x14ac:dyDescent="0.25">
      <c r="D31331" s="6">
        <v>4741.6930000000002</v>
      </c>
      <c r="E31331" s="6"/>
    </row>
    <row r="31332" spans="4:5" x14ac:dyDescent="0.25">
      <c r="D31332" s="6">
        <v>1431.557</v>
      </c>
      <c r="E31332" s="6"/>
    </row>
    <row r="31333" spans="4:5" x14ac:dyDescent="0.25">
      <c r="D31333" s="6">
        <v>448.40519999999998</v>
      </c>
      <c r="E31333" s="6"/>
    </row>
    <row r="31334" spans="4:5" x14ac:dyDescent="0.25">
      <c r="D31334" s="6">
        <v>5316</v>
      </c>
      <c r="E31334" s="6"/>
    </row>
    <row r="31335" spans="4:5" x14ac:dyDescent="0.25">
      <c r="D31335" s="6">
        <v>3787.3330000000001</v>
      </c>
      <c r="E31335" s="6"/>
    </row>
    <row r="31336" spans="4:5" x14ac:dyDescent="0.25">
      <c r="D31336" s="6">
        <v>2579.761</v>
      </c>
      <c r="E31336" s="6"/>
    </row>
    <row r="31337" spans="4:5" x14ac:dyDescent="0.25">
      <c r="D31337" s="6">
        <v>6650.61</v>
      </c>
      <c r="E31337" s="6"/>
    </row>
    <row r="31338" spans="4:5" x14ac:dyDescent="0.25">
      <c r="D31338" s="6">
        <v>597.72190000000001</v>
      </c>
      <c r="E31338" s="6"/>
    </row>
    <row r="31339" spans="4:5" x14ac:dyDescent="0.25">
      <c r="D31339" s="6">
        <v>3063</v>
      </c>
      <c r="E31339" s="6"/>
    </row>
    <row r="31340" spans="4:5" x14ac:dyDescent="0.25">
      <c r="D31340" s="6">
        <v>1831.777</v>
      </c>
      <c r="E31340" s="6"/>
    </row>
    <row r="31341" spans="4:5" x14ac:dyDescent="0.25">
      <c r="D31341" s="6">
        <v>485.88240000000002</v>
      </c>
      <c r="E31341" s="6"/>
    </row>
    <row r="31342" spans="4:5" x14ac:dyDescent="0.25">
      <c r="D31342" s="6">
        <v>167.7252</v>
      </c>
      <c r="E31342" s="6"/>
    </row>
    <row r="31343" spans="4:5" x14ac:dyDescent="0.25">
      <c r="D31343" s="6">
        <v>766.03179999999998</v>
      </c>
      <c r="E31343" s="6"/>
    </row>
    <row r="31344" spans="4:5" x14ac:dyDescent="0.25">
      <c r="D31344" s="6">
        <v>1191.279</v>
      </c>
      <c r="E31344" s="6"/>
    </row>
    <row r="31345" spans="4:5" x14ac:dyDescent="0.25">
      <c r="D31345" s="6">
        <v>705.82299999999998</v>
      </c>
      <c r="E31345" s="6"/>
    </row>
    <row r="31346" spans="4:5" x14ac:dyDescent="0.25">
      <c r="D31346" s="6">
        <v>5820.5429999999997</v>
      </c>
      <c r="E31346" s="6"/>
    </row>
    <row r="31347" spans="4:5" x14ac:dyDescent="0.25">
      <c r="D31347" s="6">
        <v>773.84730000000002</v>
      </c>
      <c r="E31347" s="6"/>
    </row>
    <row r="31348" spans="4:5" x14ac:dyDescent="0.25">
      <c r="D31348" s="6">
        <v>5033</v>
      </c>
      <c r="E31348" s="6"/>
    </row>
    <row r="31349" spans="4:5" x14ac:dyDescent="0.25">
      <c r="D31349" s="6">
        <v>2495.5010000000002</v>
      </c>
      <c r="E31349" s="6"/>
    </row>
    <row r="31350" spans="4:5" x14ac:dyDescent="0.25">
      <c r="D31350" s="6">
        <v>7281</v>
      </c>
      <c r="E31350" s="6"/>
    </row>
    <row r="31351" spans="4:5" x14ac:dyDescent="0.25">
      <c r="D31351" s="6">
        <v>627.83609999999999</v>
      </c>
      <c r="E31351" s="6"/>
    </row>
    <row r="31352" spans="4:5" x14ac:dyDescent="0.25">
      <c r="D31352" s="6">
        <v>913.53729999999996</v>
      </c>
      <c r="E31352" s="6"/>
    </row>
    <row r="31353" spans="4:5" x14ac:dyDescent="0.25">
      <c r="D31353" s="6">
        <v>3364.25</v>
      </c>
      <c r="E31353" s="6"/>
    </row>
    <row r="31354" spans="4:5" x14ac:dyDescent="0.25">
      <c r="D31354" s="6">
        <v>410.7106</v>
      </c>
      <c r="E31354" s="6"/>
    </row>
    <row r="31355" spans="4:5" x14ac:dyDescent="0.25">
      <c r="D31355" s="6">
        <v>947.71579999999994</v>
      </c>
      <c r="E31355" s="6"/>
    </row>
    <row r="31356" spans="4:5" x14ac:dyDescent="0.25">
      <c r="D31356" s="6">
        <v>1316.2149999999999</v>
      </c>
      <c r="E31356" s="6"/>
    </row>
    <row r="31357" spans="4:5" x14ac:dyDescent="0.25">
      <c r="D31357" s="6">
        <v>3042.2289999999998</v>
      </c>
      <c r="E31357" s="6"/>
    </row>
    <row r="31358" spans="4:5" x14ac:dyDescent="0.25">
      <c r="D31358" s="6">
        <v>6208.125</v>
      </c>
      <c r="E31358" s="6"/>
    </row>
    <row r="31359" spans="4:5" x14ac:dyDescent="0.25">
      <c r="D31359" s="6">
        <v>149.6088</v>
      </c>
      <c r="E31359" s="6"/>
    </row>
    <row r="31360" spans="4:5" x14ac:dyDescent="0.25">
      <c r="D31360" s="6">
        <v>1770.375</v>
      </c>
      <c r="E31360" s="6"/>
    </row>
    <row r="31361" spans="4:5" x14ac:dyDescent="0.25">
      <c r="D31361" s="6">
        <v>901.42280000000005</v>
      </c>
      <c r="E31361" s="6"/>
    </row>
    <row r="31362" spans="4:5" x14ac:dyDescent="0.25">
      <c r="D31362" s="6">
        <v>456.75130000000001</v>
      </c>
      <c r="E31362" s="6"/>
    </row>
    <row r="31363" spans="4:5" x14ac:dyDescent="0.25">
      <c r="D31363" s="6">
        <v>385.04610000000002</v>
      </c>
      <c r="E31363" s="6"/>
    </row>
    <row r="31364" spans="4:5" x14ac:dyDescent="0.25">
      <c r="D31364" s="6">
        <v>343.82929999999999</v>
      </c>
      <c r="E31364" s="6"/>
    </row>
    <row r="31365" spans="4:5" x14ac:dyDescent="0.25">
      <c r="D31365" s="6">
        <v>1760.08</v>
      </c>
      <c r="E31365" s="6"/>
    </row>
    <row r="31366" spans="4:5" x14ac:dyDescent="0.25">
      <c r="D31366" s="6">
        <v>150.93090000000001</v>
      </c>
      <c r="E31366" s="6"/>
    </row>
    <row r="31367" spans="4:5" x14ac:dyDescent="0.25">
      <c r="D31367" s="6">
        <v>446.70060000000001</v>
      </c>
      <c r="E31367" s="6"/>
    </row>
    <row r="31368" spans="4:5" x14ac:dyDescent="0.25">
      <c r="D31368" s="6">
        <v>519.62019999999995</v>
      </c>
      <c r="E31368" s="6"/>
    </row>
    <row r="31369" spans="4:5" x14ac:dyDescent="0.25">
      <c r="D31369" s="6">
        <v>3223.2069999999999</v>
      </c>
      <c r="E31369" s="6"/>
    </row>
    <row r="31370" spans="4:5" x14ac:dyDescent="0.25">
      <c r="D31370" s="6">
        <v>2971.25</v>
      </c>
      <c r="E31370" s="6"/>
    </row>
    <row r="31371" spans="4:5" x14ac:dyDescent="0.25">
      <c r="D31371" s="6">
        <v>2973.3020000000001</v>
      </c>
      <c r="E31371" s="6"/>
    </row>
    <row r="31372" spans="4:5" x14ac:dyDescent="0.25">
      <c r="D31372" s="6">
        <v>889.87279999999998</v>
      </c>
      <c r="E31372" s="6"/>
    </row>
    <row r="31373" spans="4:5" x14ac:dyDescent="0.25">
      <c r="D31373" s="6">
        <v>700.88480000000004</v>
      </c>
      <c r="E31373" s="6"/>
    </row>
    <row r="31374" spans="4:5" x14ac:dyDescent="0.25">
      <c r="D31374" s="6">
        <v>937.29129999999998</v>
      </c>
      <c r="E31374" s="6"/>
    </row>
    <row r="31375" spans="4:5" x14ac:dyDescent="0.25">
      <c r="D31375" s="6">
        <v>2459.38</v>
      </c>
      <c r="E31375" s="6"/>
    </row>
    <row r="31376" spans="4:5" x14ac:dyDescent="0.25">
      <c r="D31376" s="6">
        <v>818.1232</v>
      </c>
      <c r="E31376" s="6"/>
    </row>
    <row r="31377" spans="4:5" x14ac:dyDescent="0.25">
      <c r="D31377" s="6">
        <v>1005.228</v>
      </c>
      <c r="E31377" s="6"/>
    </row>
    <row r="31378" spans="4:5" x14ac:dyDescent="0.25">
      <c r="D31378" s="6">
        <v>409.11919999999998</v>
      </c>
      <c r="E31378" s="6"/>
    </row>
    <row r="31379" spans="4:5" x14ac:dyDescent="0.25">
      <c r="D31379" s="6">
        <v>4270</v>
      </c>
      <c r="E31379" s="6"/>
    </row>
    <row r="31380" spans="4:5" x14ac:dyDescent="0.25">
      <c r="D31380" s="6">
        <v>8849.6669999999995</v>
      </c>
      <c r="E31380" s="6"/>
    </row>
    <row r="31381" spans="4:5" x14ac:dyDescent="0.25">
      <c r="D31381" s="6">
        <v>334.43259999999998</v>
      </c>
      <c r="E31381" s="6"/>
    </row>
    <row r="31382" spans="4:5" x14ac:dyDescent="0.25">
      <c r="D31382" s="6">
        <v>550.48710000000005</v>
      </c>
      <c r="E31382" s="6"/>
    </row>
    <row r="31383" spans="4:5" x14ac:dyDescent="0.25">
      <c r="D31383" s="6">
        <v>783.04070000000002</v>
      </c>
      <c r="E31383" s="6"/>
    </row>
    <row r="31384" spans="4:5" x14ac:dyDescent="0.25">
      <c r="D31384" s="6">
        <v>380.9606</v>
      </c>
      <c r="E31384" s="6"/>
    </row>
    <row r="31385" spans="4:5" x14ac:dyDescent="0.25">
      <c r="D31385" s="6">
        <v>662.03009999999995</v>
      </c>
      <c r="E31385" s="6"/>
    </row>
    <row r="31386" spans="4:5" x14ac:dyDescent="0.25">
      <c r="D31386" s="6">
        <v>3683.75</v>
      </c>
      <c r="E31386" s="6"/>
    </row>
    <row r="31387" spans="4:5" x14ac:dyDescent="0.25">
      <c r="D31387" s="6">
        <v>324.53140000000002</v>
      </c>
      <c r="E31387" s="6"/>
    </row>
    <row r="31388" spans="4:5" x14ac:dyDescent="0.25">
      <c r="D31388" s="6">
        <v>832.46349999999995</v>
      </c>
      <c r="E31388" s="6"/>
    </row>
    <row r="31389" spans="4:5" x14ac:dyDescent="0.25">
      <c r="D31389" s="6">
        <v>550.15790000000004</v>
      </c>
      <c r="E31389" s="6"/>
    </row>
    <row r="31390" spans="4:5" x14ac:dyDescent="0.25">
      <c r="D31390" s="6">
        <v>591.01769999999999</v>
      </c>
      <c r="E31390" s="6"/>
    </row>
    <row r="31391" spans="4:5" x14ac:dyDescent="0.25">
      <c r="D31391" s="6">
        <v>451.22219999999999</v>
      </c>
      <c r="E31391" s="6"/>
    </row>
    <row r="31392" spans="4:5" x14ac:dyDescent="0.25">
      <c r="D31392" s="6">
        <v>5348</v>
      </c>
      <c r="E31392" s="6"/>
    </row>
    <row r="31393" spans="4:5" x14ac:dyDescent="0.25">
      <c r="D31393" s="6">
        <v>614.01440000000002</v>
      </c>
      <c r="E31393" s="6"/>
    </row>
    <row r="31394" spans="4:5" x14ac:dyDescent="0.25">
      <c r="D31394" s="6">
        <v>337.21629999999999</v>
      </c>
      <c r="E31394" s="6"/>
    </row>
    <row r="31395" spans="4:5" x14ac:dyDescent="0.25">
      <c r="D31395" s="6">
        <v>2180.2179999999998</v>
      </c>
      <c r="E31395" s="6"/>
    </row>
    <row r="31396" spans="4:5" x14ac:dyDescent="0.25">
      <c r="D31396" s="6">
        <v>6111.0429999999997</v>
      </c>
      <c r="E31396" s="6"/>
    </row>
    <row r="31397" spans="4:5" x14ac:dyDescent="0.25">
      <c r="D31397" s="6">
        <v>663.56470000000002</v>
      </c>
      <c r="E31397" s="6"/>
    </row>
    <row r="31398" spans="4:5" x14ac:dyDescent="0.25">
      <c r="D31398" s="6">
        <v>555.63869999999997</v>
      </c>
      <c r="E31398" s="6"/>
    </row>
    <row r="31399" spans="4:5" x14ac:dyDescent="0.25">
      <c r="D31399" s="6">
        <v>168.08949999999999</v>
      </c>
      <c r="E31399" s="6"/>
    </row>
    <row r="31400" spans="4:5" x14ac:dyDescent="0.25">
      <c r="D31400" s="6">
        <v>152.64670000000001</v>
      </c>
      <c r="E31400" s="6"/>
    </row>
    <row r="31401" spans="4:5" x14ac:dyDescent="0.25">
      <c r="D31401" s="6">
        <v>152.09110000000001</v>
      </c>
      <c r="E31401" s="6"/>
    </row>
    <row r="31402" spans="4:5" x14ac:dyDescent="0.25">
      <c r="D31402" s="6">
        <v>1199.4490000000001</v>
      </c>
      <c r="E31402" s="6"/>
    </row>
    <row r="31403" spans="4:5" x14ac:dyDescent="0.25">
      <c r="D31403" s="6">
        <v>2763.9479999999999</v>
      </c>
      <c r="E31403" s="6"/>
    </row>
    <row r="31404" spans="4:5" x14ac:dyDescent="0.25">
      <c r="D31404" s="6">
        <v>542.91290000000004</v>
      </c>
      <c r="E31404" s="6"/>
    </row>
    <row r="31405" spans="4:5" x14ac:dyDescent="0.25">
      <c r="D31405" s="6">
        <v>1855.2670000000001</v>
      </c>
      <c r="E31405" s="6"/>
    </row>
    <row r="31406" spans="4:5" x14ac:dyDescent="0.25">
      <c r="D31406" s="6">
        <v>3613.4740000000002</v>
      </c>
      <c r="E31406" s="6"/>
    </row>
    <row r="31407" spans="4:5" x14ac:dyDescent="0.25">
      <c r="D31407" s="6">
        <v>459.68099999999998</v>
      </c>
      <c r="E31407" s="6"/>
    </row>
    <row r="31408" spans="4:5" x14ac:dyDescent="0.25">
      <c r="D31408" s="6">
        <v>1325.1890000000001</v>
      </c>
      <c r="E31408" s="6"/>
    </row>
    <row r="31409" spans="4:5" x14ac:dyDescent="0.25">
      <c r="D31409" s="6">
        <v>3775</v>
      </c>
      <c r="E31409" s="6"/>
    </row>
    <row r="31410" spans="4:5" x14ac:dyDescent="0.25">
      <c r="D31410" s="6">
        <v>168.75960000000001</v>
      </c>
      <c r="E31410" s="6"/>
    </row>
    <row r="31411" spans="4:5" x14ac:dyDescent="0.25">
      <c r="D31411" s="6">
        <v>4288.5</v>
      </c>
      <c r="E31411" s="6"/>
    </row>
    <row r="31412" spans="4:5" x14ac:dyDescent="0.25">
      <c r="D31412" s="6">
        <v>1588.268</v>
      </c>
      <c r="E31412" s="6"/>
    </row>
    <row r="31413" spans="4:5" x14ac:dyDescent="0.25">
      <c r="D31413" s="6">
        <v>533.01800000000003</v>
      </c>
      <c r="E31413" s="6"/>
    </row>
    <row r="31414" spans="4:5" x14ac:dyDescent="0.25">
      <c r="D31414" s="6">
        <v>1513.796</v>
      </c>
      <c r="E31414" s="6"/>
    </row>
    <row r="31415" spans="4:5" x14ac:dyDescent="0.25">
      <c r="D31415" s="6">
        <v>2927.5</v>
      </c>
      <c r="E31415" s="6"/>
    </row>
    <row r="31416" spans="4:5" x14ac:dyDescent="0.25">
      <c r="D31416" s="6">
        <v>947.38879999999995</v>
      </c>
      <c r="E31416" s="6"/>
    </row>
    <row r="31417" spans="4:5" x14ac:dyDescent="0.25">
      <c r="D31417" s="6">
        <v>2231.625</v>
      </c>
      <c r="E31417" s="6"/>
    </row>
    <row r="31418" spans="4:5" x14ac:dyDescent="0.25">
      <c r="D31418" s="6">
        <v>164.1259</v>
      </c>
      <c r="E31418" s="6"/>
    </row>
    <row r="31419" spans="4:5" x14ac:dyDescent="0.25">
      <c r="D31419" s="6">
        <v>633.28240000000005</v>
      </c>
      <c r="E31419" s="6"/>
    </row>
    <row r="31420" spans="4:5" x14ac:dyDescent="0.25">
      <c r="D31420" s="6">
        <v>1291.925</v>
      </c>
      <c r="E31420" s="6"/>
    </row>
    <row r="31421" spans="4:5" x14ac:dyDescent="0.25">
      <c r="D31421" s="6">
        <v>729.91290000000004</v>
      </c>
      <c r="E31421" s="6"/>
    </row>
    <row r="31422" spans="4:5" x14ac:dyDescent="0.25">
      <c r="D31422" s="6">
        <v>4575.5</v>
      </c>
      <c r="E31422" s="6"/>
    </row>
    <row r="31423" spans="4:5" x14ac:dyDescent="0.25">
      <c r="D31423" s="6">
        <v>1692.973</v>
      </c>
      <c r="E31423" s="6"/>
    </row>
    <row r="31424" spans="4:5" x14ac:dyDescent="0.25">
      <c r="D31424" s="6">
        <v>2458.2420000000002</v>
      </c>
      <c r="E31424" s="6"/>
    </row>
    <row r="31425" spans="4:5" x14ac:dyDescent="0.25">
      <c r="D31425" s="6">
        <v>783.6549</v>
      </c>
      <c r="E31425" s="6"/>
    </row>
    <row r="31426" spans="4:5" x14ac:dyDescent="0.25">
      <c r="D31426" s="6">
        <v>172.50800000000001</v>
      </c>
      <c r="E31426" s="6"/>
    </row>
    <row r="31427" spans="4:5" x14ac:dyDescent="0.25">
      <c r="D31427" s="6">
        <v>3092.2510000000002</v>
      </c>
      <c r="E31427" s="6"/>
    </row>
    <row r="31428" spans="4:5" x14ac:dyDescent="0.25">
      <c r="D31428" s="6">
        <v>601.92229999999995</v>
      </c>
      <c r="E31428" s="6"/>
    </row>
    <row r="31429" spans="4:5" x14ac:dyDescent="0.25">
      <c r="D31429" s="6">
        <v>323.50420000000003</v>
      </c>
      <c r="E31429" s="6"/>
    </row>
    <row r="31430" spans="4:5" x14ac:dyDescent="0.25">
      <c r="D31430" s="6">
        <v>1467.5229999999999</v>
      </c>
      <c r="E31430" s="6"/>
    </row>
    <row r="31431" spans="4:5" x14ac:dyDescent="0.25">
      <c r="D31431" s="6">
        <v>451.89960000000002</v>
      </c>
      <c r="E31431" s="6"/>
    </row>
    <row r="31432" spans="4:5" x14ac:dyDescent="0.25">
      <c r="D31432" s="6">
        <v>2041.6859999999999</v>
      </c>
      <c r="E31432" s="6"/>
    </row>
    <row r="31433" spans="4:5" x14ac:dyDescent="0.25">
      <c r="D31433" s="6">
        <v>182.6508</v>
      </c>
      <c r="E31433" s="6"/>
    </row>
    <row r="31434" spans="4:5" x14ac:dyDescent="0.25">
      <c r="D31434" s="6">
        <v>952.25850000000003</v>
      </c>
      <c r="E31434" s="6"/>
    </row>
    <row r="31435" spans="4:5" x14ac:dyDescent="0.25">
      <c r="D31435" s="6">
        <v>182.83330000000001</v>
      </c>
      <c r="E31435" s="6"/>
    </row>
    <row r="31436" spans="4:5" x14ac:dyDescent="0.25">
      <c r="D31436" s="6">
        <v>934.8501</v>
      </c>
      <c r="E31436" s="6"/>
    </row>
    <row r="31437" spans="4:5" x14ac:dyDescent="0.25">
      <c r="D31437" s="6">
        <v>653.34040000000005</v>
      </c>
      <c r="E31437" s="6"/>
    </row>
    <row r="31438" spans="4:5" x14ac:dyDescent="0.25">
      <c r="D31438" s="6">
        <v>261.5</v>
      </c>
      <c r="E31438" s="6"/>
    </row>
    <row r="31439" spans="4:5" x14ac:dyDescent="0.25">
      <c r="D31439" s="6">
        <v>2881.8890000000001</v>
      </c>
      <c r="E31439" s="6"/>
    </row>
    <row r="31440" spans="4:5" x14ac:dyDescent="0.25">
      <c r="D31440" s="6">
        <v>1329.25</v>
      </c>
      <c r="E31440" s="6"/>
    </row>
    <row r="31441" spans="4:5" x14ac:dyDescent="0.25">
      <c r="D31441" s="6">
        <v>1798.154</v>
      </c>
      <c r="E31441" s="6"/>
    </row>
    <row r="31442" spans="4:5" x14ac:dyDescent="0.25">
      <c r="D31442" s="6">
        <v>2508.3649999999998</v>
      </c>
      <c r="E31442" s="6"/>
    </row>
    <row r="31443" spans="4:5" x14ac:dyDescent="0.25">
      <c r="D31443" s="6">
        <v>413.58699999999999</v>
      </c>
      <c r="E31443" s="6"/>
    </row>
    <row r="31444" spans="4:5" x14ac:dyDescent="0.25">
      <c r="D31444" s="6">
        <v>2447.5259999999998</v>
      </c>
      <c r="E31444" s="6"/>
    </row>
    <row r="31445" spans="4:5" x14ac:dyDescent="0.25">
      <c r="D31445" s="6">
        <v>3843.462</v>
      </c>
      <c r="E31445" s="6"/>
    </row>
    <row r="31446" spans="4:5" x14ac:dyDescent="0.25">
      <c r="D31446" s="6">
        <v>636.62120000000004</v>
      </c>
      <c r="E31446" s="6"/>
    </row>
    <row r="31447" spans="4:5" x14ac:dyDescent="0.25">
      <c r="D31447" s="6">
        <v>228.309</v>
      </c>
      <c r="E31447" s="6"/>
    </row>
    <row r="31448" spans="4:5" x14ac:dyDescent="0.25">
      <c r="D31448" s="6">
        <v>6413</v>
      </c>
      <c r="E31448" s="6"/>
    </row>
    <row r="31449" spans="4:5" x14ac:dyDescent="0.25">
      <c r="D31449" s="6">
        <v>156.54429999999999</v>
      </c>
      <c r="E31449" s="6"/>
    </row>
    <row r="31450" spans="4:5" x14ac:dyDescent="0.25">
      <c r="D31450" s="6">
        <v>1049.492</v>
      </c>
      <c r="E31450" s="6"/>
    </row>
    <row r="31451" spans="4:5" x14ac:dyDescent="0.25">
      <c r="D31451" s="6">
        <v>701.35550000000001</v>
      </c>
      <c r="E31451" s="6"/>
    </row>
    <row r="31452" spans="4:5" x14ac:dyDescent="0.25">
      <c r="D31452" s="6">
        <v>300.89269999999999</v>
      </c>
      <c r="E31452" s="6"/>
    </row>
    <row r="31453" spans="4:5" x14ac:dyDescent="0.25">
      <c r="D31453" s="6">
        <v>161.02940000000001</v>
      </c>
      <c r="E31453" s="6"/>
    </row>
    <row r="31454" spans="4:5" x14ac:dyDescent="0.25">
      <c r="D31454" s="6">
        <v>330</v>
      </c>
      <c r="E31454" s="6"/>
    </row>
    <row r="31455" spans="4:5" x14ac:dyDescent="0.25">
      <c r="D31455" s="6">
        <v>370.77440000000001</v>
      </c>
      <c r="E31455" s="6"/>
    </row>
    <row r="31456" spans="4:5" x14ac:dyDescent="0.25">
      <c r="D31456" s="6">
        <v>1820.596</v>
      </c>
      <c r="E31456" s="6"/>
    </row>
    <row r="31457" spans="4:5" x14ac:dyDescent="0.25">
      <c r="D31457" s="6">
        <v>2718.8960000000002</v>
      </c>
      <c r="E31457" s="6"/>
    </row>
    <row r="31458" spans="4:5" x14ac:dyDescent="0.25">
      <c r="D31458" s="6">
        <v>174.22219999999999</v>
      </c>
      <c r="E31458" s="6"/>
    </row>
    <row r="31459" spans="4:5" x14ac:dyDescent="0.25">
      <c r="D31459" s="6">
        <v>776.40390000000002</v>
      </c>
      <c r="E31459" s="6"/>
    </row>
    <row r="31460" spans="4:5" x14ac:dyDescent="0.25">
      <c r="D31460" s="6">
        <v>442.9606</v>
      </c>
      <c r="E31460" s="6"/>
    </row>
    <row r="31461" spans="4:5" x14ac:dyDescent="0.25">
      <c r="D31461" s="6">
        <v>2132.9760000000001</v>
      </c>
      <c r="E31461" s="6"/>
    </row>
    <row r="31462" spans="4:5" x14ac:dyDescent="0.25">
      <c r="D31462" s="6">
        <v>2472.779</v>
      </c>
      <c r="E31462" s="6"/>
    </row>
    <row r="31463" spans="4:5" x14ac:dyDescent="0.25">
      <c r="D31463" s="6">
        <v>3060.7179999999998</v>
      </c>
      <c r="E31463" s="6"/>
    </row>
    <row r="31464" spans="4:5" x14ac:dyDescent="0.25">
      <c r="D31464" s="6">
        <v>639.84389999999996</v>
      </c>
      <c r="E31464" s="6"/>
    </row>
    <row r="31465" spans="4:5" x14ac:dyDescent="0.25">
      <c r="D31465" s="6">
        <v>1003.304</v>
      </c>
      <c r="E31465" s="6"/>
    </row>
    <row r="31466" spans="4:5" x14ac:dyDescent="0.25">
      <c r="D31466" s="6">
        <v>367.18619999999999</v>
      </c>
      <c r="E31466" s="6"/>
    </row>
    <row r="31467" spans="4:5" x14ac:dyDescent="0.25">
      <c r="D31467" s="6">
        <v>330.3689</v>
      </c>
      <c r="E31467" s="6"/>
    </row>
    <row r="31468" spans="4:5" x14ac:dyDescent="0.25">
      <c r="D31468" s="6">
        <v>166.6995</v>
      </c>
      <c r="E31468" s="6"/>
    </row>
    <row r="31469" spans="4:5" x14ac:dyDescent="0.25">
      <c r="D31469" s="6">
        <v>464.52140000000003</v>
      </c>
      <c r="E31469" s="6"/>
    </row>
    <row r="31470" spans="4:5" x14ac:dyDescent="0.25">
      <c r="D31470" s="6">
        <v>733.13729999999998</v>
      </c>
      <c r="E31470" s="6"/>
    </row>
    <row r="31471" spans="4:5" x14ac:dyDescent="0.25">
      <c r="D31471" s="6">
        <v>309.95510000000002</v>
      </c>
      <c r="E31471" s="6"/>
    </row>
    <row r="31472" spans="4:5" x14ac:dyDescent="0.25">
      <c r="D31472" s="6">
        <v>265.75</v>
      </c>
      <c r="E31472" s="6"/>
    </row>
    <row r="31473" spans="4:5" x14ac:dyDescent="0.25">
      <c r="D31473" s="6">
        <v>691.10649999999998</v>
      </c>
      <c r="E31473" s="6"/>
    </row>
    <row r="31474" spans="4:5" x14ac:dyDescent="0.25">
      <c r="D31474" s="6">
        <v>635.92150000000004</v>
      </c>
      <c r="E31474" s="6"/>
    </row>
    <row r="31475" spans="4:5" x14ac:dyDescent="0.25">
      <c r="D31475" s="6">
        <v>162.7893</v>
      </c>
      <c r="E31475" s="6"/>
    </row>
    <row r="31476" spans="4:5" x14ac:dyDescent="0.25">
      <c r="D31476" s="6">
        <v>247</v>
      </c>
      <c r="E31476" s="6"/>
    </row>
    <row r="31477" spans="4:5" x14ac:dyDescent="0.25">
      <c r="D31477" s="6">
        <v>746.10550000000001</v>
      </c>
      <c r="E31477" s="6"/>
    </row>
    <row r="31478" spans="4:5" x14ac:dyDescent="0.25">
      <c r="D31478" s="6">
        <v>472.3836</v>
      </c>
      <c r="E31478" s="6"/>
    </row>
    <row r="31479" spans="4:5" x14ac:dyDescent="0.25">
      <c r="D31479" s="6">
        <v>4458.0309999999999</v>
      </c>
      <c r="E31479" s="6"/>
    </row>
    <row r="31480" spans="4:5" x14ac:dyDescent="0.25">
      <c r="D31480" s="6">
        <v>495.35660000000001</v>
      </c>
      <c r="E31480" s="6"/>
    </row>
    <row r="31481" spans="4:5" x14ac:dyDescent="0.25">
      <c r="D31481" s="6">
        <v>2874.6669999999999</v>
      </c>
      <c r="E31481" s="6"/>
    </row>
    <row r="31482" spans="4:5" x14ac:dyDescent="0.25">
      <c r="D31482" s="6">
        <v>369.66669999999999</v>
      </c>
      <c r="E31482" s="6"/>
    </row>
    <row r="31483" spans="4:5" x14ac:dyDescent="0.25">
      <c r="D31483" s="6">
        <v>1139.327</v>
      </c>
      <c r="E31483" s="6"/>
    </row>
    <row r="31484" spans="4:5" x14ac:dyDescent="0.25">
      <c r="D31484" s="6">
        <v>730.95119999999997</v>
      </c>
      <c r="E31484" s="6"/>
    </row>
    <row r="31485" spans="4:5" x14ac:dyDescent="0.25">
      <c r="D31485" s="6">
        <v>1304.673</v>
      </c>
      <c r="E31485" s="6"/>
    </row>
    <row r="31486" spans="4:5" x14ac:dyDescent="0.25">
      <c r="D31486" s="6">
        <v>167.2123</v>
      </c>
      <c r="E31486" s="6"/>
    </row>
    <row r="31487" spans="4:5" x14ac:dyDescent="0.25">
      <c r="D31487" s="6">
        <v>6422.6670000000004</v>
      </c>
      <c r="E31487" s="6"/>
    </row>
    <row r="31488" spans="4:5" x14ac:dyDescent="0.25">
      <c r="D31488" s="6">
        <v>303.40100000000001</v>
      </c>
      <c r="E31488" s="6"/>
    </row>
    <row r="31489" spans="4:5" x14ac:dyDescent="0.25">
      <c r="D31489" s="6">
        <v>2694.2640000000001</v>
      </c>
      <c r="E31489" s="6"/>
    </row>
    <row r="31490" spans="4:5" x14ac:dyDescent="0.25">
      <c r="D31490" s="6">
        <v>3341</v>
      </c>
      <c r="E31490" s="6"/>
    </row>
    <row r="31491" spans="4:5" x14ac:dyDescent="0.25">
      <c r="D31491" s="6">
        <v>2961.5450000000001</v>
      </c>
      <c r="E31491" s="6"/>
    </row>
    <row r="31492" spans="4:5" x14ac:dyDescent="0.25">
      <c r="D31492" s="6">
        <v>537.1798</v>
      </c>
      <c r="E31492" s="6"/>
    </row>
    <row r="31493" spans="4:5" x14ac:dyDescent="0.25">
      <c r="D31493" s="6">
        <v>1166.1479999999999</v>
      </c>
      <c r="E31493" s="6"/>
    </row>
    <row r="31494" spans="4:5" x14ac:dyDescent="0.25">
      <c r="D31494" s="6">
        <v>150.19149999999999</v>
      </c>
      <c r="E31494" s="6"/>
    </row>
    <row r="31495" spans="4:5" x14ac:dyDescent="0.25">
      <c r="D31495" s="6">
        <v>462.4212</v>
      </c>
      <c r="E31495" s="6"/>
    </row>
    <row r="31496" spans="4:5" x14ac:dyDescent="0.25">
      <c r="D31496" s="6">
        <v>446.85270000000003</v>
      </c>
      <c r="E31496" s="6"/>
    </row>
    <row r="31497" spans="4:5" x14ac:dyDescent="0.25">
      <c r="D31497" s="6">
        <v>908.54089999999997</v>
      </c>
      <c r="E31497" s="6"/>
    </row>
    <row r="31498" spans="4:5" x14ac:dyDescent="0.25">
      <c r="D31498" s="6">
        <v>2199.7139999999999</v>
      </c>
      <c r="E31498" s="6"/>
    </row>
    <row r="31499" spans="4:5" x14ac:dyDescent="0.25">
      <c r="D31499" s="6">
        <v>6482.9549999999999</v>
      </c>
      <c r="E31499" s="6"/>
    </row>
    <row r="31500" spans="4:5" x14ac:dyDescent="0.25">
      <c r="D31500" s="6">
        <v>902.69889999999998</v>
      </c>
      <c r="E31500" s="6"/>
    </row>
    <row r="31501" spans="4:5" x14ac:dyDescent="0.25">
      <c r="D31501" s="6">
        <v>2245</v>
      </c>
      <c r="E31501" s="6"/>
    </row>
    <row r="31502" spans="4:5" x14ac:dyDescent="0.25">
      <c r="D31502" s="6">
        <v>2444.3319999999999</v>
      </c>
      <c r="E31502" s="6"/>
    </row>
    <row r="31503" spans="4:5" x14ac:dyDescent="0.25">
      <c r="D31503" s="6">
        <v>271.39640000000003</v>
      </c>
      <c r="E31503" s="6"/>
    </row>
    <row r="31504" spans="4:5" x14ac:dyDescent="0.25">
      <c r="D31504" s="6">
        <v>2166.2779999999998</v>
      </c>
      <c r="E31504" s="6"/>
    </row>
    <row r="31505" spans="4:5" x14ac:dyDescent="0.25">
      <c r="D31505" s="6">
        <v>741.73710000000005</v>
      </c>
      <c r="E31505" s="6"/>
    </row>
    <row r="31506" spans="4:5" x14ac:dyDescent="0.25">
      <c r="D31506" s="6">
        <v>1516.4590000000001</v>
      </c>
      <c r="E31506" s="6"/>
    </row>
    <row r="31507" spans="4:5" x14ac:dyDescent="0.25">
      <c r="D31507" s="6">
        <v>290.88209999999998</v>
      </c>
      <c r="E31507" s="6"/>
    </row>
    <row r="31508" spans="4:5" x14ac:dyDescent="0.25">
      <c r="D31508" s="6">
        <v>1161.8140000000001</v>
      </c>
      <c r="E31508" s="6"/>
    </row>
    <row r="31509" spans="4:5" x14ac:dyDescent="0.25">
      <c r="D31509" s="6">
        <v>1529.83</v>
      </c>
      <c r="E31509" s="6"/>
    </row>
    <row r="31510" spans="4:5" x14ac:dyDescent="0.25">
      <c r="D31510" s="6">
        <v>743.51800000000003</v>
      </c>
      <c r="E31510" s="6"/>
    </row>
    <row r="31511" spans="4:5" x14ac:dyDescent="0.25">
      <c r="D31511" s="6">
        <v>193</v>
      </c>
      <c r="E31511" s="6"/>
    </row>
    <row r="31512" spans="4:5" x14ac:dyDescent="0.25">
      <c r="D31512" s="6">
        <v>398.99090000000001</v>
      </c>
      <c r="E31512" s="6"/>
    </row>
    <row r="31513" spans="4:5" x14ac:dyDescent="0.25">
      <c r="D31513" s="6">
        <v>317.81</v>
      </c>
      <c r="E31513" s="6"/>
    </row>
    <row r="31514" spans="4:5" x14ac:dyDescent="0.25">
      <c r="D31514" s="6">
        <v>709.89530000000002</v>
      </c>
      <c r="E31514" s="6"/>
    </row>
    <row r="31515" spans="4:5" x14ac:dyDescent="0.25">
      <c r="D31515" s="6">
        <v>530.63670000000002</v>
      </c>
      <c r="E31515" s="6"/>
    </row>
    <row r="31516" spans="4:5" x14ac:dyDescent="0.25">
      <c r="D31516" s="6">
        <v>431.91379999999998</v>
      </c>
      <c r="E31516" s="6"/>
    </row>
    <row r="31517" spans="4:5" x14ac:dyDescent="0.25">
      <c r="D31517" s="6">
        <v>1490.3330000000001</v>
      </c>
      <c r="E31517" s="6"/>
    </row>
    <row r="31518" spans="4:5" x14ac:dyDescent="0.25">
      <c r="D31518" s="6">
        <v>499.86970000000002</v>
      </c>
      <c r="E31518" s="6"/>
    </row>
    <row r="31519" spans="4:5" x14ac:dyDescent="0.25">
      <c r="D31519" s="6">
        <v>158.96690000000001</v>
      </c>
      <c r="E31519" s="6"/>
    </row>
    <row r="31520" spans="4:5" x14ac:dyDescent="0.25">
      <c r="D31520" s="6">
        <v>1739.46</v>
      </c>
      <c r="E31520" s="6"/>
    </row>
    <row r="31521" spans="4:5" x14ac:dyDescent="0.25">
      <c r="D31521" s="6">
        <v>851.66719999999998</v>
      </c>
      <c r="E31521" s="6"/>
    </row>
    <row r="31522" spans="4:5" x14ac:dyDescent="0.25">
      <c r="D31522" s="6">
        <v>993.19320000000005</v>
      </c>
      <c r="E31522" s="6"/>
    </row>
    <row r="31523" spans="4:5" x14ac:dyDescent="0.25">
      <c r="D31523" s="6">
        <v>568.75480000000005</v>
      </c>
      <c r="E31523" s="6"/>
    </row>
    <row r="31524" spans="4:5" x14ac:dyDescent="0.25">
      <c r="D31524" s="6">
        <v>514.04870000000005</v>
      </c>
      <c r="E31524" s="6"/>
    </row>
    <row r="31525" spans="4:5" x14ac:dyDescent="0.25">
      <c r="D31525" s="6">
        <v>559.17150000000004</v>
      </c>
      <c r="E31525" s="6"/>
    </row>
    <row r="31526" spans="4:5" x14ac:dyDescent="0.25">
      <c r="D31526" s="6">
        <v>274.6293</v>
      </c>
      <c r="E31526" s="6"/>
    </row>
    <row r="31527" spans="4:5" x14ac:dyDescent="0.25">
      <c r="D31527" s="6">
        <v>280.66090000000003</v>
      </c>
      <c r="E31527" s="6"/>
    </row>
    <row r="31528" spans="4:5" x14ac:dyDescent="0.25">
      <c r="D31528" s="6">
        <v>2187.83</v>
      </c>
      <c r="E31528" s="6"/>
    </row>
    <row r="31529" spans="4:5" x14ac:dyDescent="0.25">
      <c r="D31529" s="6">
        <v>159.81549999999999</v>
      </c>
      <c r="E31529" s="6"/>
    </row>
    <row r="31530" spans="4:5" x14ac:dyDescent="0.25">
      <c r="D31530" s="6">
        <v>2582</v>
      </c>
      <c r="E31530" s="6"/>
    </row>
    <row r="31531" spans="4:5" x14ac:dyDescent="0.25">
      <c r="D31531" s="6">
        <v>227.7895</v>
      </c>
      <c r="E31531" s="6"/>
    </row>
    <row r="31532" spans="4:5" x14ac:dyDescent="0.25">
      <c r="D31532" s="6">
        <v>314.75940000000003</v>
      </c>
      <c r="E31532" s="6"/>
    </row>
    <row r="31533" spans="4:5" x14ac:dyDescent="0.25">
      <c r="D31533" s="6">
        <v>380.46140000000003</v>
      </c>
      <c r="E31533" s="6"/>
    </row>
    <row r="31534" spans="4:5" x14ac:dyDescent="0.25">
      <c r="D31534" s="6">
        <v>337.3689</v>
      </c>
      <c r="E31534" s="6"/>
    </row>
    <row r="31535" spans="4:5" x14ac:dyDescent="0.25">
      <c r="D31535" s="6">
        <v>3317.7840000000001</v>
      </c>
      <c r="E31535" s="6"/>
    </row>
    <row r="31536" spans="4:5" x14ac:dyDescent="0.25">
      <c r="D31536" s="6">
        <v>2498.1999999999998</v>
      </c>
      <c r="E31536" s="6"/>
    </row>
    <row r="31537" spans="4:5" x14ac:dyDescent="0.25">
      <c r="D31537" s="6">
        <v>2738.2</v>
      </c>
      <c r="E31537" s="6"/>
    </row>
    <row r="31538" spans="4:5" x14ac:dyDescent="0.25">
      <c r="D31538" s="6">
        <v>187.24600000000001</v>
      </c>
      <c r="E31538" s="6"/>
    </row>
    <row r="31539" spans="4:5" x14ac:dyDescent="0.25">
      <c r="D31539" s="6">
        <v>547.61300000000006</v>
      </c>
      <c r="E31539" s="6"/>
    </row>
    <row r="31540" spans="4:5" x14ac:dyDescent="0.25">
      <c r="D31540" s="6">
        <v>485.10090000000002</v>
      </c>
      <c r="E31540" s="6"/>
    </row>
    <row r="31541" spans="4:5" x14ac:dyDescent="0.25">
      <c r="D31541" s="6">
        <v>736.63210000000004</v>
      </c>
      <c r="E31541" s="6"/>
    </row>
    <row r="31542" spans="4:5" x14ac:dyDescent="0.25">
      <c r="D31542" s="6">
        <v>158.8383</v>
      </c>
      <c r="E31542" s="6"/>
    </row>
    <row r="31543" spans="4:5" x14ac:dyDescent="0.25">
      <c r="D31543" s="6">
        <v>934.51779999999997</v>
      </c>
      <c r="E31543" s="6"/>
    </row>
    <row r="31544" spans="4:5" x14ac:dyDescent="0.25">
      <c r="D31544" s="6">
        <v>535.65539999999999</v>
      </c>
      <c r="E31544" s="6"/>
    </row>
    <row r="31545" spans="4:5" x14ac:dyDescent="0.25">
      <c r="D31545" s="6">
        <v>710.58389999999997</v>
      </c>
      <c r="E31545" s="6"/>
    </row>
    <row r="31546" spans="4:5" x14ac:dyDescent="0.25">
      <c r="D31546" s="6">
        <v>310.70749999999998</v>
      </c>
      <c r="E31546" s="6"/>
    </row>
    <row r="31547" spans="4:5" x14ac:dyDescent="0.25">
      <c r="D31547" s="6">
        <v>334.15789999999998</v>
      </c>
      <c r="E31547" s="6"/>
    </row>
    <row r="31548" spans="4:5" x14ac:dyDescent="0.25">
      <c r="D31548" s="6">
        <v>510.27589999999998</v>
      </c>
      <c r="E31548" s="6"/>
    </row>
    <row r="31549" spans="4:5" x14ac:dyDescent="0.25">
      <c r="D31549" s="6">
        <v>711.30600000000004</v>
      </c>
      <c r="E31549" s="6"/>
    </row>
    <row r="31550" spans="4:5" x14ac:dyDescent="0.25">
      <c r="D31550" s="6">
        <v>147.81360000000001</v>
      </c>
      <c r="E31550" s="6"/>
    </row>
    <row r="31551" spans="4:5" x14ac:dyDescent="0.25">
      <c r="D31551" s="6">
        <v>993.95159999999998</v>
      </c>
      <c r="E31551" s="6"/>
    </row>
    <row r="31552" spans="4:5" x14ac:dyDescent="0.25">
      <c r="D31552" s="6">
        <v>230.6429</v>
      </c>
      <c r="E31552" s="6"/>
    </row>
    <row r="31553" spans="4:5" x14ac:dyDescent="0.25">
      <c r="D31553" s="6">
        <v>427.54020000000003</v>
      </c>
      <c r="E31553" s="6"/>
    </row>
    <row r="31554" spans="4:5" x14ac:dyDescent="0.25">
      <c r="D31554" s="6">
        <v>161.8443</v>
      </c>
      <c r="E31554" s="6"/>
    </row>
    <row r="31555" spans="4:5" x14ac:dyDescent="0.25">
      <c r="D31555" s="6">
        <v>480.63639999999998</v>
      </c>
      <c r="E31555" s="6"/>
    </row>
    <row r="31556" spans="4:5" x14ac:dyDescent="0.25">
      <c r="D31556" s="6">
        <v>155.61000000000001</v>
      </c>
      <c r="E31556" s="6"/>
    </row>
    <row r="31557" spans="4:5" x14ac:dyDescent="0.25">
      <c r="D31557" s="6">
        <v>439.83330000000001</v>
      </c>
      <c r="E31557" s="6"/>
    </row>
    <row r="31558" spans="4:5" x14ac:dyDescent="0.25">
      <c r="D31558" s="6">
        <v>1105.269</v>
      </c>
      <c r="E31558" s="6"/>
    </row>
    <row r="31559" spans="4:5" x14ac:dyDescent="0.25">
      <c r="D31559" s="6">
        <v>147.05699999999999</v>
      </c>
      <c r="E31559" s="6"/>
    </row>
    <row r="31560" spans="4:5" x14ac:dyDescent="0.25">
      <c r="D31560" s="6">
        <v>234.03450000000001</v>
      </c>
      <c r="E31560" s="6"/>
    </row>
    <row r="31561" spans="4:5" x14ac:dyDescent="0.25">
      <c r="D31561" s="6">
        <v>508.99759999999998</v>
      </c>
      <c r="E31561" s="6"/>
    </row>
    <row r="31562" spans="4:5" x14ac:dyDescent="0.25">
      <c r="D31562" s="6">
        <v>462.714</v>
      </c>
      <c r="E31562" s="6"/>
    </row>
    <row r="31563" spans="4:5" x14ac:dyDescent="0.25">
      <c r="D31563" s="6">
        <v>654.83619999999996</v>
      </c>
      <c r="E31563" s="6"/>
    </row>
    <row r="31564" spans="4:5" x14ac:dyDescent="0.25">
      <c r="D31564" s="6">
        <v>503.38740000000001</v>
      </c>
      <c r="E31564" s="6"/>
    </row>
    <row r="31565" spans="4:5" x14ac:dyDescent="0.25">
      <c r="D31565" s="6">
        <v>350.12389999999999</v>
      </c>
      <c r="E31565" s="6"/>
    </row>
    <row r="31566" spans="4:5" x14ac:dyDescent="0.25">
      <c r="D31566" s="6">
        <v>386.48059999999998</v>
      </c>
      <c r="E31566" s="6"/>
    </row>
    <row r="31567" spans="4:5" x14ac:dyDescent="0.25">
      <c r="D31567" s="6">
        <v>156.14259999999999</v>
      </c>
      <c r="E31567" s="6"/>
    </row>
    <row r="31568" spans="4:5" x14ac:dyDescent="0.25">
      <c r="D31568" s="6">
        <v>567.57500000000005</v>
      </c>
      <c r="E31568" s="6"/>
    </row>
    <row r="31569" spans="4:5" x14ac:dyDescent="0.25">
      <c r="D31569" s="6">
        <v>1911.5</v>
      </c>
      <c r="E31569" s="6"/>
    </row>
    <row r="31570" spans="4:5" x14ac:dyDescent="0.25">
      <c r="D31570" s="6">
        <v>1091.4559999999999</v>
      </c>
      <c r="E31570" s="6"/>
    </row>
    <row r="31571" spans="4:5" x14ac:dyDescent="0.25">
      <c r="D31571" s="6">
        <v>150.0453</v>
      </c>
      <c r="E31571" s="6"/>
    </row>
    <row r="31572" spans="4:5" x14ac:dyDescent="0.25">
      <c r="D31572" s="6">
        <v>536.02610000000004</v>
      </c>
      <c r="E31572" s="6"/>
    </row>
    <row r="31573" spans="4:5" x14ac:dyDescent="0.25">
      <c r="D31573" s="6">
        <v>153.03800000000001</v>
      </c>
      <c r="E31573" s="6"/>
    </row>
    <row r="31574" spans="4:5" x14ac:dyDescent="0.25">
      <c r="D31574" s="6">
        <v>419.66739999999999</v>
      </c>
      <c r="E31574" s="6"/>
    </row>
    <row r="31575" spans="4:5" x14ac:dyDescent="0.25">
      <c r="D31575" s="6">
        <v>556.79830000000004</v>
      </c>
      <c r="E31575" s="6"/>
    </row>
    <row r="31576" spans="4:5" x14ac:dyDescent="0.25">
      <c r="D31576" s="6">
        <v>839.81060000000002</v>
      </c>
      <c r="E31576" s="6"/>
    </row>
    <row r="31577" spans="4:5" x14ac:dyDescent="0.25">
      <c r="D31577" s="6">
        <v>1691.65</v>
      </c>
      <c r="E31577" s="6"/>
    </row>
    <row r="31578" spans="4:5" x14ac:dyDescent="0.25">
      <c r="D31578" s="6">
        <v>403.61349999999999</v>
      </c>
      <c r="E31578" s="6"/>
    </row>
    <row r="31579" spans="4:5" x14ac:dyDescent="0.25">
      <c r="D31579" s="6">
        <v>231</v>
      </c>
      <c r="E31579" s="6"/>
    </row>
    <row r="31580" spans="4:5" x14ac:dyDescent="0.25">
      <c r="D31580" s="6">
        <v>1039</v>
      </c>
      <c r="E31580" s="6"/>
    </row>
    <row r="31581" spans="4:5" x14ac:dyDescent="0.25">
      <c r="D31581" s="6">
        <v>2645</v>
      </c>
      <c r="E31581" s="6"/>
    </row>
    <row r="31582" spans="4:5" x14ac:dyDescent="0.25">
      <c r="D31582" s="6">
        <v>8332.7559999999994</v>
      </c>
      <c r="E31582" s="6"/>
    </row>
    <row r="31583" spans="4:5" x14ac:dyDescent="0.25">
      <c r="D31583" s="6">
        <v>316.72089999999997</v>
      </c>
      <c r="E31583" s="6"/>
    </row>
    <row r="31584" spans="4:5" x14ac:dyDescent="0.25">
      <c r="D31584" s="6">
        <v>451.9674</v>
      </c>
      <c r="E31584" s="6"/>
    </row>
    <row r="31585" spans="4:5" x14ac:dyDescent="0.25">
      <c r="D31585" s="6">
        <v>1368</v>
      </c>
      <c r="E31585" s="6"/>
    </row>
    <row r="31586" spans="4:5" x14ac:dyDescent="0.25">
      <c r="D31586" s="6">
        <v>362.34879999999998</v>
      </c>
      <c r="E31586" s="6"/>
    </row>
    <row r="31587" spans="4:5" x14ac:dyDescent="0.25">
      <c r="D31587" s="6">
        <v>156.91550000000001</v>
      </c>
      <c r="E31587" s="6"/>
    </row>
    <row r="31588" spans="4:5" x14ac:dyDescent="0.25">
      <c r="D31588" s="6">
        <v>3395.6669999999999</v>
      </c>
      <c r="E31588" s="6"/>
    </row>
    <row r="31589" spans="4:5" x14ac:dyDescent="0.25">
      <c r="D31589" s="6">
        <v>762.35320000000002</v>
      </c>
      <c r="E31589" s="6"/>
    </row>
    <row r="31590" spans="4:5" x14ac:dyDescent="0.25">
      <c r="D31590" s="6">
        <v>233.12899999999999</v>
      </c>
      <c r="E31590" s="6"/>
    </row>
    <row r="31591" spans="4:5" x14ac:dyDescent="0.25">
      <c r="D31591" s="6">
        <v>663.86890000000005</v>
      </c>
      <c r="E31591" s="6"/>
    </row>
    <row r="31592" spans="4:5" x14ac:dyDescent="0.25">
      <c r="D31592" s="6">
        <v>148.38480000000001</v>
      </c>
      <c r="E31592" s="6"/>
    </row>
    <row r="31593" spans="4:5" x14ac:dyDescent="0.25">
      <c r="D31593" s="6">
        <v>158.45150000000001</v>
      </c>
      <c r="E31593" s="6"/>
    </row>
    <row r="31594" spans="4:5" x14ac:dyDescent="0.25">
      <c r="D31594" s="6">
        <v>1416.1959999999999</v>
      </c>
      <c r="E31594" s="6"/>
    </row>
    <row r="31595" spans="4:5" x14ac:dyDescent="0.25">
      <c r="D31595" s="6">
        <v>155.55510000000001</v>
      </c>
      <c r="E31595" s="6"/>
    </row>
    <row r="31596" spans="4:5" x14ac:dyDescent="0.25">
      <c r="D31596" s="6">
        <v>156</v>
      </c>
      <c r="E31596" s="6"/>
    </row>
    <row r="31597" spans="4:5" x14ac:dyDescent="0.25">
      <c r="D31597" s="6">
        <v>566.35090000000002</v>
      </c>
      <c r="E31597" s="6"/>
    </row>
    <row r="31598" spans="4:5" x14ac:dyDescent="0.25">
      <c r="D31598" s="6">
        <v>490.95639999999997</v>
      </c>
      <c r="E31598" s="6"/>
    </row>
    <row r="31599" spans="4:5" x14ac:dyDescent="0.25">
      <c r="D31599" s="6">
        <v>787.54639999999995</v>
      </c>
      <c r="E31599" s="6"/>
    </row>
    <row r="31600" spans="4:5" x14ac:dyDescent="0.25">
      <c r="D31600" s="6">
        <v>203.25</v>
      </c>
      <c r="E31600" s="6"/>
    </row>
    <row r="31601" spans="4:5" x14ac:dyDescent="0.25">
      <c r="D31601" s="6">
        <v>153.02529999999999</v>
      </c>
      <c r="E31601" s="6"/>
    </row>
    <row r="31602" spans="4:5" x14ac:dyDescent="0.25">
      <c r="D31602" s="6">
        <v>305.03899999999999</v>
      </c>
      <c r="E31602" s="6"/>
    </row>
    <row r="31603" spans="4:5" x14ac:dyDescent="0.25">
      <c r="D31603" s="6">
        <v>515.98770000000002</v>
      </c>
      <c r="E31603" s="6"/>
    </row>
    <row r="31604" spans="4:5" x14ac:dyDescent="0.25">
      <c r="D31604" s="6">
        <v>534.68550000000005</v>
      </c>
      <c r="E31604" s="6"/>
    </row>
    <row r="31605" spans="4:5" x14ac:dyDescent="0.25">
      <c r="D31605" s="6">
        <v>1246.42</v>
      </c>
      <c r="E31605" s="6"/>
    </row>
    <row r="31606" spans="4:5" x14ac:dyDescent="0.25">
      <c r="D31606" s="6">
        <v>4398.143</v>
      </c>
      <c r="E31606" s="6"/>
    </row>
    <row r="31607" spans="4:5" x14ac:dyDescent="0.25">
      <c r="D31607" s="6">
        <v>474.17309999999998</v>
      </c>
      <c r="E31607" s="6"/>
    </row>
    <row r="31608" spans="4:5" x14ac:dyDescent="0.25">
      <c r="D31608" s="6">
        <v>1804.886</v>
      </c>
      <c r="E31608" s="6"/>
    </row>
    <row r="31609" spans="4:5" x14ac:dyDescent="0.25">
      <c r="D31609" s="6">
        <v>273.28930000000003</v>
      </c>
      <c r="E31609" s="6"/>
    </row>
    <row r="31610" spans="4:5" x14ac:dyDescent="0.25">
      <c r="D31610" s="6">
        <v>391.22620000000001</v>
      </c>
      <c r="E31610" s="6"/>
    </row>
    <row r="31611" spans="4:5" x14ac:dyDescent="0.25">
      <c r="D31611" s="6">
        <v>323.37920000000003</v>
      </c>
      <c r="E31611" s="6"/>
    </row>
    <row r="31612" spans="4:5" x14ac:dyDescent="0.25">
      <c r="D31612" s="6">
        <v>416.81119999999999</v>
      </c>
      <c r="E31612" s="6"/>
    </row>
    <row r="31613" spans="4:5" x14ac:dyDescent="0.25">
      <c r="D31613" s="6">
        <v>279.71280000000002</v>
      </c>
      <c r="E31613" s="6"/>
    </row>
    <row r="31614" spans="4:5" x14ac:dyDescent="0.25">
      <c r="D31614" s="6">
        <v>2513.5</v>
      </c>
      <c r="E31614" s="6"/>
    </row>
    <row r="31615" spans="4:5" x14ac:dyDescent="0.25">
      <c r="D31615" s="6">
        <v>543.48030000000006</v>
      </c>
      <c r="E31615" s="6"/>
    </row>
    <row r="31616" spans="4:5" x14ac:dyDescent="0.25">
      <c r="D31616" s="6">
        <v>148.48179999999999</v>
      </c>
      <c r="E31616" s="6"/>
    </row>
    <row r="31617" spans="4:5" x14ac:dyDescent="0.25">
      <c r="D31617" s="6">
        <v>186.73679999999999</v>
      </c>
      <c r="E31617" s="6"/>
    </row>
    <row r="31618" spans="4:5" x14ac:dyDescent="0.25">
      <c r="D31618" s="6">
        <v>501.51580000000001</v>
      </c>
      <c r="E31618" s="6"/>
    </row>
    <row r="31619" spans="4:5" x14ac:dyDescent="0.25">
      <c r="D31619" s="6">
        <v>826.54010000000005</v>
      </c>
      <c r="E31619" s="6"/>
    </row>
    <row r="31620" spans="4:5" x14ac:dyDescent="0.25">
      <c r="D31620" s="6">
        <v>250.566</v>
      </c>
      <c r="E31620" s="6"/>
    </row>
    <row r="31621" spans="4:5" x14ac:dyDescent="0.25">
      <c r="D31621" s="6">
        <v>536.73329999999999</v>
      </c>
      <c r="E31621" s="6"/>
    </row>
    <row r="31622" spans="4:5" x14ac:dyDescent="0.25">
      <c r="D31622" s="6">
        <v>702.19929999999999</v>
      </c>
      <c r="E31622" s="6"/>
    </row>
    <row r="31623" spans="4:5" x14ac:dyDescent="0.25">
      <c r="D31623" s="6">
        <v>399.82119999999998</v>
      </c>
      <c r="E31623" s="6"/>
    </row>
    <row r="31624" spans="4:5" x14ac:dyDescent="0.25">
      <c r="D31624" s="6">
        <v>1190.4380000000001</v>
      </c>
      <c r="E31624" s="6"/>
    </row>
    <row r="31625" spans="4:5" x14ac:dyDescent="0.25">
      <c r="D31625" s="6">
        <v>339.88749999999999</v>
      </c>
      <c r="E31625" s="6"/>
    </row>
    <row r="31626" spans="4:5" x14ac:dyDescent="0.25">
      <c r="D31626" s="6">
        <v>816.20510000000002</v>
      </c>
      <c r="E31626" s="6"/>
    </row>
    <row r="31627" spans="4:5" x14ac:dyDescent="0.25">
      <c r="D31627" s="6">
        <v>473.42579999999998</v>
      </c>
      <c r="E31627" s="6"/>
    </row>
    <row r="31628" spans="4:5" x14ac:dyDescent="0.25">
      <c r="D31628" s="6">
        <v>280.19929999999999</v>
      </c>
      <c r="E31628" s="6"/>
    </row>
    <row r="31629" spans="4:5" x14ac:dyDescent="0.25">
      <c r="D31629" s="6">
        <v>2807.7649999999999</v>
      </c>
      <c r="E31629" s="6"/>
    </row>
    <row r="31630" spans="4:5" x14ac:dyDescent="0.25">
      <c r="D31630" s="6">
        <v>150.56049999999999</v>
      </c>
      <c r="E31630" s="6"/>
    </row>
    <row r="31631" spans="4:5" x14ac:dyDescent="0.25">
      <c r="D31631" s="6">
        <v>1894.125</v>
      </c>
      <c r="E31631" s="6"/>
    </row>
    <row r="31632" spans="4:5" x14ac:dyDescent="0.25">
      <c r="D31632" s="6">
        <v>534.00289999999995</v>
      </c>
      <c r="E31632" s="6"/>
    </row>
    <row r="31633" spans="4:5" x14ac:dyDescent="0.25">
      <c r="D31633" s="6">
        <v>429.86720000000003</v>
      </c>
      <c r="E31633" s="6"/>
    </row>
    <row r="31634" spans="4:5" x14ac:dyDescent="0.25">
      <c r="D31634" s="6">
        <v>1962.3869999999999</v>
      </c>
      <c r="E31634" s="6"/>
    </row>
    <row r="31635" spans="4:5" x14ac:dyDescent="0.25">
      <c r="D31635" s="6">
        <v>505.45139999999998</v>
      </c>
      <c r="E31635" s="6"/>
    </row>
    <row r="31636" spans="4:5" x14ac:dyDescent="0.25">
      <c r="D31636" s="6">
        <v>374.37040000000002</v>
      </c>
      <c r="E31636" s="6"/>
    </row>
    <row r="31637" spans="4:5" x14ac:dyDescent="0.25">
      <c r="D31637" s="6">
        <v>452.1173</v>
      </c>
      <c r="E31637" s="6"/>
    </row>
    <row r="31638" spans="4:5" x14ac:dyDescent="0.25">
      <c r="D31638" s="6">
        <v>1002.1849999999999</v>
      </c>
      <c r="E31638" s="6"/>
    </row>
    <row r="31639" spans="4:5" x14ac:dyDescent="0.25">
      <c r="D31639" s="6">
        <v>2106</v>
      </c>
      <c r="E31639" s="6"/>
    </row>
    <row r="31640" spans="4:5" x14ac:dyDescent="0.25">
      <c r="D31640" s="6">
        <v>253.32149999999999</v>
      </c>
      <c r="E31640" s="6"/>
    </row>
    <row r="31641" spans="4:5" x14ac:dyDescent="0.25">
      <c r="D31641" s="6">
        <v>368.1157</v>
      </c>
      <c r="E31641" s="6"/>
    </row>
    <row r="31642" spans="4:5" x14ac:dyDescent="0.25">
      <c r="D31642" s="6">
        <v>588.5444</v>
      </c>
      <c r="E31642" s="6"/>
    </row>
    <row r="31643" spans="4:5" x14ac:dyDescent="0.25">
      <c r="D31643" s="6">
        <v>412.28089999999997</v>
      </c>
      <c r="E31643" s="6"/>
    </row>
    <row r="31644" spans="4:5" x14ac:dyDescent="0.25">
      <c r="D31644" s="6">
        <v>363.57130000000001</v>
      </c>
      <c r="E31644" s="6"/>
    </row>
    <row r="31645" spans="4:5" x14ac:dyDescent="0.25">
      <c r="D31645" s="6">
        <v>449.51519999999999</v>
      </c>
      <c r="E31645" s="6"/>
    </row>
    <row r="31646" spans="4:5" x14ac:dyDescent="0.25">
      <c r="D31646" s="6">
        <v>268.0942</v>
      </c>
      <c r="E31646" s="6"/>
    </row>
    <row r="31647" spans="4:5" x14ac:dyDescent="0.25">
      <c r="D31647" s="6">
        <v>255.9813</v>
      </c>
      <c r="E31647" s="6"/>
    </row>
    <row r="31648" spans="4:5" x14ac:dyDescent="0.25">
      <c r="D31648" s="6">
        <v>2303.1750000000002</v>
      </c>
      <c r="E31648" s="6"/>
    </row>
    <row r="31649" spans="4:5" x14ac:dyDescent="0.25">
      <c r="D31649" s="6">
        <v>335.1216</v>
      </c>
      <c r="E31649" s="6"/>
    </row>
    <row r="31650" spans="4:5" x14ac:dyDescent="0.25">
      <c r="D31650" s="6">
        <v>526.41219999999998</v>
      </c>
      <c r="E31650" s="6"/>
    </row>
    <row r="31651" spans="4:5" x14ac:dyDescent="0.25">
      <c r="D31651" s="6">
        <v>464.20209999999997</v>
      </c>
      <c r="E31651" s="6"/>
    </row>
    <row r="31652" spans="4:5" x14ac:dyDescent="0.25">
      <c r="D31652" s="6">
        <v>1586.231</v>
      </c>
      <c r="E31652" s="6"/>
    </row>
    <row r="31653" spans="4:5" x14ac:dyDescent="0.25">
      <c r="D31653" s="6">
        <v>260.02510000000001</v>
      </c>
      <c r="E31653" s="6"/>
    </row>
    <row r="31654" spans="4:5" x14ac:dyDescent="0.25">
      <c r="D31654" s="6">
        <v>1577.758</v>
      </c>
      <c r="E31654" s="6"/>
    </row>
    <row r="31655" spans="4:5" x14ac:dyDescent="0.25">
      <c r="D31655" s="6">
        <v>234.59989999999999</v>
      </c>
      <c r="E31655" s="6"/>
    </row>
    <row r="31656" spans="4:5" x14ac:dyDescent="0.25">
      <c r="D31656" s="6">
        <v>287.39999999999998</v>
      </c>
      <c r="E31656" s="6"/>
    </row>
    <row r="31657" spans="4:5" x14ac:dyDescent="0.25">
      <c r="D31657" s="6">
        <v>271.7568</v>
      </c>
      <c r="E31657" s="6"/>
    </row>
    <row r="31658" spans="4:5" x14ac:dyDescent="0.25">
      <c r="D31658" s="6">
        <v>1227.943</v>
      </c>
      <c r="E31658" s="6"/>
    </row>
    <row r="31659" spans="4:5" x14ac:dyDescent="0.25">
      <c r="D31659" s="6">
        <v>296.43150000000003</v>
      </c>
      <c r="E31659" s="6"/>
    </row>
    <row r="31660" spans="4:5" x14ac:dyDescent="0.25">
      <c r="D31660" s="6">
        <v>1011.398</v>
      </c>
      <c r="E31660" s="6"/>
    </row>
    <row r="31661" spans="4:5" x14ac:dyDescent="0.25">
      <c r="D31661" s="6">
        <v>167.8</v>
      </c>
      <c r="E31661" s="6"/>
    </row>
    <row r="31662" spans="4:5" x14ac:dyDescent="0.25">
      <c r="D31662" s="6">
        <v>808.77779999999996</v>
      </c>
      <c r="E31662" s="6"/>
    </row>
    <row r="31663" spans="4:5" x14ac:dyDescent="0.25">
      <c r="D31663" s="6">
        <v>323.36360000000002</v>
      </c>
      <c r="E31663" s="6"/>
    </row>
    <row r="31664" spans="4:5" x14ac:dyDescent="0.25">
      <c r="D31664" s="6">
        <v>5777.518</v>
      </c>
      <c r="E31664" s="6"/>
    </row>
    <row r="31665" spans="4:5" x14ac:dyDescent="0.25">
      <c r="D31665" s="6">
        <v>297.11849999999998</v>
      </c>
      <c r="E31665" s="6"/>
    </row>
    <row r="31666" spans="4:5" x14ac:dyDescent="0.25">
      <c r="D31666" s="6">
        <v>381.85520000000002</v>
      </c>
      <c r="E31666" s="6"/>
    </row>
    <row r="31667" spans="4:5" x14ac:dyDescent="0.25">
      <c r="D31667" s="6">
        <v>376.86180000000002</v>
      </c>
      <c r="E31667" s="6"/>
    </row>
    <row r="31668" spans="4:5" x14ac:dyDescent="0.25">
      <c r="D31668" s="6">
        <v>295.4905</v>
      </c>
      <c r="E31668" s="6"/>
    </row>
    <row r="31669" spans="4:5" x14ac:dyDescent="0.25">
      <c r="D31669" s="6">
        <v>333.3571</v>
      </c>
      <c r="E31669" s="6"/>
    </row>
    <row r="31670" spans="4:5" x14ac:dyDescent="0.25">
      <c r="D31670" s="6">
        <v>1190.1010000000001</v>
      </c>
      <c r="E31670" s="6"/>
    </row>
    <row r="31671" spans="4:5" x14ac:dyDescent="0.25">
      <c r="D31671" s="6">
        <v>483.25599999999997</v>
      </c>
      <c r="E31671" s="6"/>
    </row>
    <row r="31672" spans="4:5" x14ac:dyDescent="0.25">
      <c r="D31672" s="6">
        <v>403.36349999999999</v>
      </c>
      <c r="E31672" s="6"/>
    </row>
    <row r="31673" spans="4:5" x14ac:dyDescent="0.25">
      <c r="D31673" s="6">
        <v>311.54750000000001</v>
      </c>
      <c r="E31673" s="6"/>
    </row>
    <row r="31674" spans="4:5" x14ac:dyDescent="0.25">
      <c r="D31674" s="6">
        <v>176.74189999999999</v>
      </c>
      <c r="E31674" s="6"/>
    </row>
    <row r="31675" spans="4:5" x14ac:dyDescent="0.25">
      <c r="D31675" s="6">
        <v>320.46370000000002</v>
      </c>
      <c r="E31675" s="6"/>
    </row>
    <row r="31676" spans="4:5" x14ac:dyDescent="0.25">
      <c r="D31676" s="6">
        <v>618.64</v>
      </c>
      <c r="E31676" s="6"/>
    </row>
    <row r="31677" spans="4:5" x14ac:dyDescent="0.25">
      <c r="D31677" s="6">
        <v>185.1498</v>
      </c>
      <c r="E31677" s="6"/>
    </row>
    <row r="31678" spans="4:5" x14ac:dyDescent="0.25">
      <c r="D31678" s="6">
        <v>8609.6560000000009</v>
      </c>
      <c r="E31678" s="6"/>
    </row>
    <row r="31679" spans="4:5" x14ac:dyDescent="0.25">
      <c r="D31679" s="6">
        <v>10127.799999999999</v>
      </c>
      <c r="E31679" s="6"/>
    </row>
    <row r="31680" spans="4:5" x14ac:dyDescent="0.25">
      <c r="D31680" s="6">
        <v>382.37529999999998</v>
      </c>
      <c r="E31680" s="6"/>
    </row>
    <row r="31681" spans="4:5" x14ac:dyDescent="0.25">
      <c r="D31681" s="6">
        <v>287.03379999999999</v>
      </c>
      <c r="E31681" s="6"/>
    </row>
    <row r="31682" spans="4:5" x14ac:dyDescent="0.25">
      <c r="D31682" s="6">
        <v>291.77530000000002</v>
      </c>
      <c r="E31682" s="6"/>
    </row>
    <row r="31683" spans="4:5" x14ac:dyDescent="0.25">
      <c r="D31683" s="6">
        <v>244.72190000000001</v>
      </c>
      <c r="E31683" s="6"/>
    </row>
    <row r="31684" spans="4:5" x14ac:dyDescent="0.25">
      <c r="D31684" s="6">
        <v>9963.9940000000006</v>
      </c>
      <c r="E31684" s="6"/>
    </row>
    <row r="31685" spans="4:5" x14ac:dyDescent="0.25">
      <c r="D31685" s="6">
        <v>96.044899999999998</v>
      </c>
      <c r="E31685" s="6"/>
    </row>
  </sheetData>
  <mergeCells count="2">
    <mergeCell ref="A2:B2"/>
    <mergeCell ref="D2:E2"/>
  </mergeCells>
  <pageMargins left="0.7" right="0.7" top="0.75" bottom="0.75" header="0.3" footer="0.3"/>
</worksheet>
</file>

<file path=xl/worksheets/sheet1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13EFA2C-8CDB-49FE-B0E2-714C2FEA3FA1}">
  <dimension ref="A1:AC12"/>
  <sheetViews>
    <sheetView topLeftCell="D1" workbookViewId="0">
      <selection activeCell="Z3" sqref="Z3:AC3"/>
    </sheetView>
  </sheetViews>
  <sheetFormatPr defaultRowHeight="15" x14ac:dyDescent="0.25"/>
  <sheetData>
    <row r="1" spans="1:29" x14ac:dyDescent="0.25">
      <c r="A1" s="7" t="s">
        <v>54</v>
      </c>
      <c r="B1" s="6"/>
      <c r="C1" s="6"/>
      <c r="D1" s="6"/>
      <c r="E1" s="6"/>
      <c r="F1" s="7" t="s">
        <v>55</v>
      </c>
      <c r="G1" s="6"/>
      <c r="H1" s="6"/>
      <c r="I1" s="6"/>
      <c r="J1" s="6"/>
      <c r="K1" s="7" t="s">
        <v>56</v>
      </c>
      <c r="L1" s="6"/>
      <c r="M1" s="6"/>
      <c r="N1" s="6"/>
      <c r="P1" s="7" t="s">
        <v>57</v>
      </c>
      <c r="Q1" s="6"/>
      <c r="R1" s="6"/>
      <c r="S1" s="6"/>
      <c r="U1" s="7" t="s">
        <v>58</v>
      </c>
      <c r="V1" s="6"/>
      <c r="W1" s="6"/>
      <c r="X1" s="6"/>
      <c r="Z1" s="7" t="s">
        <v>73</v>
      </c>
      <c r="AA1" s="6"/>
      <c r="AB1" s="6"/>
      <c r="AC1" s="6"/>
    </row>
    <row r="2" spans="1:29" x14ac:dyDescent="0.25">
      <c r="A2" s="6"/>
      <c r="B2" s="6"/>
      <c r="C2" s="6"/>
      <c r="D2" s="6"/>
      <c r="E2" s="6"/>
      <c r="F2" s="6"/>
      <c r="G2" s="6"/>
      <c r="H2" s="6"/>
      <c r="I2" s="6"/>
      <c r="J2" s="6"/>
      <c r="K2" s="6"/>
      <c r="L2" s="6"/>
      <c r="M2" s="6"/>
      <c r="N2" s="6"/>
      <c r="P2" s="6"/>
      <c r="Q2" s="6"/>
      <c r="R2" s="6"/>
      <c r="S2" s="6"/>
      <c r="U2" s="6"/>
      <c r="V2" s="6"/>
      <c r="W2" s="6"/>
      <c r="X2" s="6"/>
      <c r="Z2" s="6" t="s">
        <v>70</v>
      </c>
      <c r="AA2" s="6"/>
      <c r="AB2" s="6"/>
      <c r="AC2" s="6"/>
    </row>
    <row r="3" spans="1:29" x14ac:dyDescent="0.25">
      <c r="A3" s="12" t="s">
        <v>89</v>
      </c>
      <c r="B3" s="11"/>
      <c r="C3" s="12" t="s">
        <v>90</v>
      </c>
      <c r="D3" s="11"/>
      <c r="E3" s="6"/>
      <c r="F3" s="12" t="s">
        <v>89</v>
      </c>
      <c r="G3" s="11"/>
      <c r="H3" s="12" t="s">
        <v>90</v>
      </c>
      <c r="I3" s="11"/>
      <c r="J3" s="6"/>
      <c r="K3" s="12" t="s">
        <v>89</v>
      </c>
      <c r="L3" s="11"/>
      <c r="M3" s="12" t="s">
        <v>90</v>
      </c>
      <c r="N3" s="11"/>
      <c r="P3" s="12" t="s">
        <v>89</v>
      </c>
      <c r="Q3" s="11"/>
      <c r="R3" s="12" t="s">
        <v>90</v>
      </c>
      <c r="S3" s="11"/>
      <c r="U3" s="12" t="s">
        <v>89</v>
      </c>
      <c r="V3" s="11"/>
      <c r="W3" s="12" t="s">
        <v>90</v>
      </c>
      <c r="X3" s="11"/>
      <c r="Z3" s="12" t="s">
        <v>89</v>
      </c>
      <c r="AA3" s="11"/>
      <c r="AB3" s="12" t="s">
        <v>90</v>
      </c>
      <c r="AC3" s="11"/>
    </row>
    <row r="4" spans="1:29" x14ac:dyDescent="0.25">
      <c r="A4" s="8" t="s">
        <v>65</v>
      </c>
      <c r="B4" s="8" t="s">
        <v>66</v>
      </c>
      <c r="C4" s="8" t="s">
        <v>65</v>
      </c>
      <c r="D4" s="8" t="s">
        <v>66</v>
      </c>
      <c r="E4" s="6"/>
      <c r="F4" s="8" t="s">
        <v>65</v>
      </c>
      <c r="G4" s="8" t="s">
        <v>66</v>
      </c>
      <c r="H4" s="8" t="s">
        <v>65</v>
      </c>
      <c r="I4" s="8" t="s">
        <v>66</v>
      </c>
      <c r="K4" s="8" t="s">
        <v>65</v>
      </c>
      <c r="L4" s="8" t="s">
        <v>66</v>
      </c>
      <c r="M4" s="8" t="s">
        <v>65</v>
      </c>
      <c r="N4" s="8" t="s">
        <v>66</v>
      </c>
      <c r="P4" s="8" t="s">
        <v>65</v>
      </c>
      <c r="Q4" s="8" t="s">
        <v>66</v>
      </c>
      <c r="R4" s="8" t="s">
        <v>65</v>
      </c>
      <c r="S4" s="8" t="s">
        <v>66</v>
      </c>
      <c r="U4" s="8" t="s">
        <v>65</v>
      </c>
      <c r="V4" s="8" t="s">
        <v>66</v>
      </c>
      <c r="W4" s="8" t="s">
        <v>65</v>
      </c>
      <c r="X4" s="8" t="s">
        <v>66</v>
      </c>
      <c r="Z4" s="8" t="s">
        <v>65</v>
      </c>
      <c r="AA4" s="8" t="s">
        <v>66</v>
      </c>
      <c r="AB4" s="8" t="s">
        <v>65</v>
      </c>
      <c r="AC4" s="8" t="s">
        <v>66</v>
      </c>
    </row>
    <row r="5" spans="1:29" x14ac:dyDescent="0.25">
      <c r="A5" s="6">
        <v>153.69999999999999</v>
      </c>
      <c r="B5" s="6">
        <v>149.1</v>
      </c>
      <c r="C5" s="6">
        <v>151.6</v>
      </c>
      <c r="D5" s="6">
        <v>153</v>
      </c>
      <c r="E5" s="6"/>
      <c r="F5" s="6">
        <v>4.92</v>
      </c>
      <c r="G5" s="6">
        <v>3.61</v>
      </c>
      <c r="H5" s="6">
        <v>5.3</v>
      </c>
      <c r="I5" s="6">
        <v>4.67</v>
      </c>
      <c r="K5" s="6">
        <v>120.8</v>
      </c>
      <c r="L5" s="6">
        <v>122.1</v>
      </c>
      <c r="M5" s="6">
        <v>127.4</v>
      </c>
      <c r="N5" s="6">
        <v>122.1</v>
      </c>
      <c r="P5" s="6">
        <v>2.31</v>
      </c>
      <c r="Q5" s="6">
        <v>2.2200000000000002</v>
      </c>
      <c r="R5" s="6">
        <v>2.13</v>
      </c>
      <c r="S5" s="6">
        <v>2.35</v>
      </c>
      <c r="U5" s="6">
        <v>2.36</v>
      </c>
      <c r="V5" s="6">
        <v>2.2999999999999998</v>
      </c>
      <c r="W5" s="6">
        <v>2.4300000000000002</v>
      </c>
      <c r="X5" s="6">
        <v>2.86</v>
      </c>
      <c r="Z5" s="6">
        <v>131.1</v>
      </c>
      <c r="AA5" s="6">
        <v>210.3</v>
      </c>
      <c r="AB5" s="6">
        <v>485.8</v>
      </c>
      <c r="AC5" s="6">
        <v>253</v>
      </c>
    </row>
    <row r="6" spans="1:29" x14ac:dyDescent="0.25">
      <c r="A6" s="6">
        <v>143.6</v>
      </c>
      <c r="B6" s="6">
        <v>142.4</v>
      </c>
      <c r="C6" s="6">
        <v>152.80000000000001</v>
      </c>
      <c r="D6" s="6">
        <v>155.19999999999999</v>
      </c>
      <c r="E6" s="6"/>
      <c r="F6" s="6">
        <v>5</v>
      </c>
      <c r="G6" s="6">
        <v>3.36</v>
      </c>
      <c r="H6" s="6">
        <v>5.35</v>
      </c>
      <c r="I6" s="6">
        <v>4.72</v>
      </c>
      <c r="K6" s="6">
        <v>120.2</v>
      </c>
      <c r="L6" s="6">
        <v>122</v>
      </c>
      <c r="M6" s="6">
        <v>129</v>
      </c>
      <c r="N6" s="6">
        <v>122.6</v>
      </c>
      <c r="P6" s="6">
        <v>2.44</v>
      </c>
      <c r="Q6" s="6">
        <v>2.2599999999999998</v>
      </c>
      <c r="R6" s="6">
        <v>2.2200000000000002</v>
      </c>
      <c r="S6" s="6">
        <v>2.2200000000000002</v>
      </c>
      <c r="U6" s="6">
        <v>2.7</v>
      </c>
      <c r="V6" s="6">
        <v>2.2200000000000002</v>
      </c>
      <c r="W6" s="6">
        <v>2.4500000000000002</v>
      </c>
      <c r="X6" s="6">
        <v>2.88</v>
      </c>
      <c r="Z6" s="6">
        <v>114.6</v>
      </c>
      <c r="AA6" s="6">
        <v>242.4</v>
      </c>
      <c r="AB6" s="6">
        <v>397.4</v>
      </c>
      <c r="AC6" s="6">
        <v>273.8</v>
      </c>
    </row>
    <row r="7" spans="1:29" x14ac:dyDescent="0.25">
      <c r="A7" s="6">
        <v>154.4</v>
      </c>
      <c r="B7" s="6">
        <v>154.5</v>
      </c>
      <c r="C7" s="6">
        <v>154.5</v>
      </c>
      <c r="D7" s="6">
        <v>153.4</v>
      </c>
      <c r="F7" s="6">
        <v>4.96</v>
      </c>
      <c r="G7" s="6">
        <v>4.2699999999999996</v>
      </c>
      <c r="H7" s="6">
        <v>4.9400000000000004</v>
      </c>
      <c r="I7" s="6">
        <v>4.59</v>
      </c>
      <c r="K7" s="6">
        <v>120.6</v>
      </c>
      <c r="L7" s="6">
        <v>119.7</v>
      </c>
      <c r="M7" s="6">
        <v>124.2</v>
      </c>
      <c r="N7" s="6">
        <v>121.7</v>
      </c>
      <c r="P7" s="6">
        <v>2.36</v>
      </c>
      <c r="Q7" s="6">
        <v>2.29</v>
      </c>
      <c r="R7" s="6">
        <v>1.95</v>
      </c>
      <c r="S7" s="6">
        <v>2.38</v>
      </c>
      <c r="U7" s="6">
        <v>2.59</v>
      </c>
      <c r="V7" s="6">
        <v>2.2200000000000002</v>
      </c>
      <c r="W7" s="6">
        <v>2.44</v>
      </c>
      <c r="X7" s="6">
        <v>2.89</v>
      </c>
      <c r="Z7" s="6">
        <v>133.6</v>
      </c>
      <c r="AA7" s="6">
        <v>265.60000000000002</v>
      </c>
      <c r="AB7" s="6">
        <v>373</v>
      </c>
      <c r="AC7" s="6">
        <v>258.89999999999998</v>
      </c>
    </row>
    <row r="8" spans="1:29" x14ac:dyDescent="0.25">
      <c r="A8" s="6">
        <v>145.19999999999999</v>
      </c>
      <c r="B8" s="6">
        <v>156.80000000000001</v>
      </c>
      <c r="C8" s="6">
        <v>153.19999999999999</v>
      </c>
      <c r="D8" s="6">
        <v>137.4</v>
      </c>
      <c r="F8" s="6">
        <v>4.1399999999999997</v>
      </c>
      <c r="G8" s="6">
        <v>2.81</v>
      </c>
      <c r="H8" s="6">
        <v>4.8</v>
      </c>
      <c r="I8" s="6">
        <v>4.5599999999999996</v>
      </c>
      <c r="K8" s="6">
        <v>119.3</v>
      </c>
      <c r="L8" s="6">
        <v>120.3</v>
      </c>
      <c r="M8" s="6">
        <v>123.7</v>
      </c>
      <c r="N8" s="6">
        <v>117.3</v>
      </c>
      <c r="P8" s="6">
        <v>2.44</v>
      </c>
      <c r="Q8" s="6">
        <v>1.94</v>
      </c>
      <c r="R8" s="6">
        <v>2.1800000000000002</v>
      </c>
      <c r="S8" s="6">
        <v>2.34</v>
      </c>
      <c r="U8" s="6">
        <v>2.34</v>
      </c>
      <c r="V8" s="6">
        <v>2.4</v>
      </c>
      <c r="W8" s="6">
        <v>2.82</v>
      </c>
      <c r="X8" s="6">
        <v>3.04</v>
      </c>
      <c r="Z8" s="6">
        <v>152.9</v>
      </c>
      <c r="AA8" s="6">
        <v>240.6</v>
      </c>
      <c r="AB8" s="6">
        <v>271</v>
      </c>
      <c r="AC8" s="6">
        <v>251.2</v>
      </c>
    </row>
    <row r="9" spans="1:29" x14ac:dyDescent="0.25">
      <c r="A9" s="6">
        <v>158.6</v>
      </c>
      <c r="B9" s="6">
        <v>151.80000000000001</v>
      </c>
      <c r="C9" s="6">
        <v>150.6</v>
      </c>
      <c r="D9" s="6">
        <v>152.4</v>
      </c>
      <c r="F9" s="6">
        <v>4.12</v>
      </c>
      <c r="G9" s="6">
        <v>3.26</v>
      </c>
      <c r="H9" s="6">
        <v>5.14</v>
      </c>
      <c r="I9" s="6">
        <v>4.34</v>
      </c>
      <c r="K9" s="6">
        <v>121.2</v>
      </c>
      <c r="L9" s="6">
        <v>120.8</v>
      </c>
      <c r="M9" s="6">
        <v>124.4</v>
      </c>
      <c r="N9" s="6">
        <v>125.2</v>
      </c>
      <c r="P9" s="6">
        <v>2.3199999999999998</v>
      </c>
      <c r="Q9" s="6">
        <v>2.2200000000000002</v>
      </c>
      <c r="R9" s="6">
        <v>2.16</v>
      </c>
      <c r="S9" s="6">
        <v>2.29</v>
      </c>
      <c r="U9" s="6">
        <v>2.9</v>
      </c>
      <c r="V9" s="6">
        <v>2.4900000000000002</v>
      </c>
      <c r="W9" s="6">
        <v>2.72</v>
      </c>
      <c r="X9" s="6">
        <v>2.72</v>
      </c>
      <c r="Z9" s="6">
        <v>157.4</v>
      </c>
      <c r="AA9" s="6">
        <v>393.1</v>
      </c>
      <c r="AB9" s="6">
        <v>190.57</v>
      </c>
      <c r="AC9" s="6">
        <v>191.9</v>
      </c>
    </row>
    <row r="10" spans="1:29" x14ac:dyDescent="0.25">
      <c r="A10" s="6">
        <v>153.69999999999999</v>
      </c>
      <c r="B10" s="6"/>
      <c r="C10" s="6">
        <v>153.6</v>
      </c>
      <c r="D10" s="6">
        <v>147.30000000000001</v>
      </c>
      <c r="F10" s="6">
        <v>4.1900000000000004</v>
      </c>
      <c r="G10" s="6"/>
      <c r="H10" s="6">
        <v>5.12</v>
      </c>
      <c r="I10" s="6">
        <v>4.67</v>
      </c>
      <c r="K10" s="6">
        <v>121.4</v>
      </c>
      <c r="L10" s="6"/>
      <c r="M10" s="6">
        <v>120.7</v>
      </c>
      <c r="N10" s="6">
        <v>126.4</v>
      </c>
      <c r="P10" s="6">
        <v>2.4</v>
      </c>
      <c r="Q10" s="6"/>
      <c r="R10" s="6">
        <v>2.12</v>
      </c>
      <c r="S10" s="6">
        <v>2.17</v>
      </c>
      <c r="U10" s="6">
        <v>2.7</v>
      </c>
      <c r="V10" s="6"/>
      <c r="W10" s="6">
        <v>3.4</v>
      </c>
      <c r="X10" s="6">
        <v>3.08</v>
      </c>
      <c r="Z10" s="6">
        <v>158.6</v>
      </c>
      <c r="AA10" s="6"/>
      <c r="AB10" s="6">
        <v>197.05</v>
      </c>
      <c r="AC10" s="6">
        <v>172.4</v>
      </c>
    </row>
    <row r="11" spans="1:29" x14ac:dyDescent="0.25">
      <c r="A11" s="6"/>
      <c r="B11" s="6"/>
      <c r="C11" s="6">
        <v>153.69999999999999</v>
      </c>
      <c r="D11" s="6">
        <v>144.80000000000001</v>
      </c>
      <c r="F11" s="6"/>
      <c r="G11" s="6"/>
      <c r="H11" s="6">
        <v>5.23</v>
      </c>
      <c r="I11" s="6">
        <v>4.0599999999999996</v>
      </c>
      <c r="K11" s="6"/>
      <c r="L11" s="6"/>
      <c r="M11" s="6">
        <v>129.6</v>
      </c>
      <c r="N11" s="6">
        <v>118.6</v>
      </c>
      <c r="P11" s="6"/>
      <c r="Q11" s="6"/>
      <c r="R11" s="6">
        <v>2.16</v>
      </c>
      <c r="S11" s="6">
        <v>2.21</v>
      </c>
      <c r="U11" s="6"/>
      <c r="V11" s="6"/>
      <c r="W11" s="6">
        <v>2.54</v>
      </c>
      <c r="X11" s="6">
        <v>3.04</v>
      </c>
      <c r="Z11" s="6"/>
      <c r="AA11" s="6"/>
      <c r="AB11" s="6">
        <v>207.73</v>
      </c>
      <c r="AC11" s="6">
        <v>260.39999999999998</v>
      </c>
    </row>
    <row r="12" spans="1:29" x14ac:dyDescent="0.25">
      <c r="A12" s="6"/>
      <c r="B12" s="6"/>
      <c r="C12" s="6"/>
      <c r="D12" s="6"/>
      <c r="F12" s="8"/>
      <c r="G12" s="8"/>
      <c r="H12" s="8"/>
      <c r="I12" s="8"/>
      <c r="K12" s="6"/>
      <c r="L12" s="6"/>
      <c r="M12" s="6"/>
      <c r="N12" s="6"/>
      <c r="P12" s="6"/>
      <c r="Q12" s="6"/>
      <c r="R12" s="6"/>
      <c r="S12" s="6"/>
      <c r="U12" s="6"/>
      <c r="V12" s="6"/>
      <c r="W12" s="6"/>
      <c r="X12" s="6"/>
      <c r="Z12" s="8"/>
      <c r="AA12" s="8"/>
      <c r="AB12" s="8"/>
      <c r="AC12" s="8"/>
    </row>
  </sheetData>
  <mergeCells count="12">
    <mergeCell ref="AB3:AC3"/>
    <mergeCell ref="A3:B3"/>
    <mergeCell ref="C3:D3"/>
    <mergeCell ref="F3:G3"/>
    <mergeCell ref="H3:I3"/>
    <mergeCell ref="K3:L3"/>
    <mergeCell ref="M3:N3"/>
    <mergeCell ref="P3:Q3"/>
    <mergeCell ref="R3:S3"/>
    <mergeCell ref="U3:V3"/>
    <mergeCell ref="W3:X3"/>
    <mergeCell ref="Z3:AA3"/>
  </mergeCells>
  <pageMargins left="0.7" right="0.7" top="0.75" bottom="0.75" header="0.3" footer="0.3"/>
  <pageSetup orientation="portrait" horizontalDpi="1200" verticalDpi="1200" r:id="rId1"/>
</worksheet>
</file>

<file path=xl/worksheets/sheet1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438FAC3-772D-4B05-AEC2-40FBC1445C55}">
  <dimension ref="A1:AI12"/>
  <sheetViews>
    <sheetView topLeftCell="I1" workbookViewId="0">
      <selection activeCell="K3" sqref="K3:N3"/>
    </sheetView>
  </sheetViews>
  <sheetFormatPr defaultRowHeight="15" x14ac:dyDescent="0.25"/>
  <sheetData>
    <row r="1" spans="1:35" x14ac:dyDescent="0.25">
      <c r="A1" s="7" t="s">
        <v>54</v>
      </c>
      <c r="B1" s="6"/>
      <c r="C1" s="6"/>
      <c r="D1" s="6"/>
      <c r="E1" s="6"/>
      <c r="F1" s="7" t="s">
        <v>55</v>
      </c>
      <c r="G1" s="6"/>
      <c r="H1" s="6"/>
      <c r="I1" s="6"/>
      <c r="J1" s="6"/>
      <c r="K1" s="7" t="s">
        <v>56</v>
      </c>
      <c r="L1" s="6"/>
      <c r="M1" s="6"/>
      <c r="N1" s="6"/>
      <c r="P1" s="7" t="s">
        <v>57</v>
      </c>
      <c r="Q1" s="6"/>
      <c r="R1" s="6"/>
      <c r="S1" s="6"/>
      <c r="U1" s="7" t="s">
        <v>58</v>
      </c>
      <c r="V1" s="6"/>
      <c r="W1" s="6"/>
      <c r="X1" s="6"/>
      <c r="AA1" s="6"/>
      <c r="AB1" s="6" t="s">
        <v>61</v>
      </c>
      <c r="AC1" s="6"/>
      <c r="AF1" s="7" t="s">
        <v>74</v>
      </c>
      <c r="AG1" s="6"/>
      <c r="AH1" s="6"/>
    </row>
    <row r="2" spans="1:35" x14ac:dyDescent="0.25">
      <c r="A2" s="11" t="s">
        <v>67</v>
      </c>
      <c r="B2" s="11"/>
      <c r="C2" s="11"/>
      <c r="D2" s="11"/>
      <c r="E2" s="11"/>
      <c r="F2" s="11" t="s">
        <v>67</v>
      </c>
      <c r="G2" s="11"/>
      <c r="H2" s="11"/>
      <c r="I2" s="11"/>
      <c r="J2" s="11"/>
      <c r="K2" s="11" t="s">
        <v>67</v>
      </c>
      <c r="L2" s="11"/>
      <c r="M2" s="11"/>
      <c r="N2" s="11"/>
      <c r="O2" s="11"/>
      <c r="P2" s="11" t="s">
        <v>67</v>
      </c>
      <c r="Q2" s="11"/>
      <c r="R2" s="11"/>
      <c r="S2" s="11"/>
      <c r="T2" s="11"/>
      <c r="U2" s="11" t="s">
        <v>67</v>
      </c>
      <c r="V2" s="11"/>
      <c r="W2" s="11"/>
      <c r="X2" s="11"/>
      <c r="Y2" s="11"/>
      <c r="Z2" s="11" t="s">
        <v>63</v>
      </c>
      <c r="AA2" s="11"/>
      <c r="AB2" s="11"/>
      <c r="AC2" s="11"/>
      <c r="AD2" s="11"/>
      <c r="AE2" s="11" t="s">
        <v>75</v>
      </c>
      <c r="AF2" s="11"/>
      <c r="AG2" s="11"/>
      <c r="AH2" s="11"/>
      <c r="AI2" s="11"/>
    </row>
    <row r="3" spans="1:35" x14ac:dyDescent="0.25">
      <c r="A3" s="12" t="s">
        <v>89</v>
      </c>
      <c r="B3" s="11"/>
      <c r="C3" s="12" t="s">
        <v>90</v>
      </c>
      <c r="D3" s="11"/>
      <c r="E3" s="6"/>
      <c r="F3" s="12" t="s">
        <v>89</v>
      </c>
      <c r="G3" s="11"/>
      <c r="H3" s="12" t="s">
        <v>90</v>
      </c>
      <c r="I3" s="11"/>
      <c r="J3" s="6"/>
      <c r="K3" s="12" t="s">
        <v>89</v>
      </c>
      <c r="L3" s="11"/>
      <c r="M3" s="12" t="s">
        <v>90</v>
      </c>
      <c r="N3" s="11"/>
      <c r="P3" s="12" t="s">
        <v>89</v>
      </c>
      <c r="Q3" s="11"/>
      <c r="R3" s="12" t="s">
        <v>90</v>
      </c>
      <c r="S3" s="11"/>
      <c r="U3" s="12" t="s">
        <v>89</v>
      </c>
      <c r="V3" s="11"/>
      <c r="W3" s="12" t="s">
        <v>90</v>
      </c>
      <c r="X3" s="11"/>
      <c r="Z3" s="12" t="s">
        <v>89</v>
      </c>
      <c r="AA3" s="11"/>
      <c r="AB3" s="12" t="s">
        <v>90</v>
      </c>
      <c r="AC3" s="11"/>
      <c r="AE3" s="12" t="s">
        <v>89</v>
      </c>
      <c r="AF3" s="11"/>
      <c r="AG3" s="12" t="s">
        <v>90</v>
      </c>
      <c r="AH3" s="11"/>
    </row>
    <row r="4" spans="1:35" x14ac:dyDescent="0.25">
      <c r="A4" s="8" t="s">
        <v>65</v>
      </c>
      <c r="B4" s="8" t="s">
        <v>66</v>
      </c>
      <c r="C4" s="8" t="s">
        <v>65</v>
      </c>
      <c r="D4" s="8" t="s">
        <v>66</v>
      </c>
      <c r="E4" s="6"/>
      <c r="F4" s="8" t="s">
        <v>65</v>
      </c>
      <c r="G4" s="8" t="s">
        <v>66</v>
      </c>
      <c r="H4" s="8" t="s">
        <v>65</v>
      </c>
      <c r="I4" s="8" t="s">
        <v>66</v>
      </c>
      <c r="K4" s="8" t="s">
        <v>65</v>
      </c>
      <c r="L4" s="8" t="s">
        <v>66</v>
      </c>
      <c r="M4" s="8" t="s">
        <v>65</v>
      </c>
      <c r="N4" s="8" t="s">
        <v>66</v>
      </c>
      <c r="P4" s="8" t="s">
        <v>65</v>
      </c>
      <c r="Q4" s="8" t="s">
        <v>66</v>
      </c>
      <c r="R4" s="8" t="s">
        <v>65</v>
      </c>
      <c r="S4" s="8" t="s">
        <v>66</v>
      </c>
      <c r="U4" s="8" t="s">
        <v>65</v>
      </c>
      <c r="V4" s="8" t="s">
        <v>66</v>
      </c>
      <c r="W4" s="8" t="s">
        <v>65</v>
      </c>
      <c r="X4" s="8" t="s">
        <v>66</v>
      </c>
      <c r="Z4" s="8" t="s">
        <v>65</v>
      </c>
      <c r="AA4" s="8" t="s">
        <v>66</v>
      </c>
      <c r="AB4" s="8" t="s">
        <v>65</v>
      </c>
      <c r="AC4" s="8" t="s">
        <v>66</v>
      </c>
      <c r="AE4" s="8" t="s">
        <v>65</v>
      </c>
      <c r="AF4" s="8" t="s">
        <v>66</v>
      </c>
      <c r="AG4" s="8" t="s">
        <v>65</v>
      </c>
      <c r="AH4" s="8" t="s">
        <v>66</v>
      </c>
    </row>
    <row r="5" spans="1:35" x14ac:dyDescent="0.25">
      <c r="A5" s="6">
        <v>0.32141236899999998</v>
      </c>
      <c r="B5" s="6">
        <v>0.41888686200000003</v>
      </c>
      <c r="C5" s="6">
        <v>0.25458175900000002</v>
      </c>
      <c r="D5" s="6">
        <v>0.325128205</v>
      </c>
      <c r="E5" s="6"/>
      <c r="F5" s="6">
        <v>11.19050758</v>
      </c>
      <c r="G5" s="6">
        <v>2.5609795530000001</v>
      </c>
      <c r="H5" s="6">
        <v>5.2932177459999998</v>
      </c>
      <c r="I5" s="6">
        <v>0.78405534499999996</v>
      </c>
      <c r="K5" s="6">
        <v>0.85570073400000002</v>
      </c>
      <c r="L5" s="6">
        <v>0.78746450700000004</v>
      </c>
      <c r="M5" s="6">
        <v>0.51646230199999998</v>
      </c>
      <c r="N5" s="6">
        <v>0.47552447599999997</v>
      </c>
      <c r="P5" s="6">
        <v>0.413338013</v>
      </c>
      <c r="Q5" s="6">
        <v>0.65089213700000004</v>
      </c>
      <c r="R5" s="6">
        <v>0.40350209399999998</v>
      </c>
      <c r="S5" s="6">
        <v>0.62101472999999996</v>
      </c>
      <c r="U5" s="6">
        <v>4.7076500230000002</v>
      </c>
      <c r="V5" s="6">
        <v>7.5583826759999999</v>
      </c>
      <c r="W5" s="6">
        <v>5.7073740409999996</v>
      </c>
      <c r="X5" s="6">
        <v>7.0066702530000002</v>
      </c>
      <c r="Z5" s="6">
        <v>412.181713</v>
      </c>
      <c r="AA5" s="6">
        <v>292.04545450000001</v>
      </c>
      <c r="AB5" s="6">
        <v>294.62962959999999</v>
      </c>
      <c r="AC5" s="6">
        <v>246.9362745</v>
      </c>
      <c r="AE5" s="6">
        <v>8.9600000000000009</v>
      </c>
      <c r="AF5" s="6">
        <v>10.81</v>
      </c>
      <c r="AG5" s="6">
        <v>10.45</v>
      </c>
      <c r="AH5" s="6">
        <v>11.97</v>
      </c>
    </row>
    <row r="6" spans="1:35" x14ac:dyDescent="0.25">
      <c r="A6" s="6">
        <v>0.34482559200000001</v>
      </c>
      <c r="B6" s="6">
        <v>0.17959971899999999</v>
      </c>
      <c r="C6" s="6">
        <v>0.321508191</v>
      </c>
      <c r="D6" s="6">
        <v>0.204427209</v>
      </c>
      <c r="E6" s="6"/>
      <c r="F6" s="6">
        <v>14.86948097</v>
      </c>
      <c r="G6" s="6">
        <v>5.62797619</v>
      </c>
      <c r="H6" s="6">
        <v>5.6100492409999996</v>
      </c>
      <c r="I6" s="6">
        <v>0.47045778599999999</v>
      </c>
      <c r="K6" s="6">
        <v>0.98917029899999998</v>
      </c>
      <c r="L6" s="6">
        <v>0.35171448100000002</v>
      </c>
      <c r="M6" s="6">
        <v>0.61916479099999999</v>
      </c>
      <c r="N6" s="6">
        <v>0.32519705399999999</v>
      </c>
      <c r="P6" s="6">
        <v>0.31561631400000001</v>
      </c>
      <c r="Q6" s="6">
        <v>0.863016224</v>
      </c>
      <c r="R6" s="6">
        <v>0.57634408599999998</v>
      </c>
      <c r="S6" s="6">
        <v>0.52437484199999995</v>
      </c>
      <c r="U6" s="6">
        <v>5.8937331799999999</v>
      </c>
      <c r="V6" s="6">
        <v>5.4936561560000001</v>
      </c>
      <c r="W6" s="6">
        <v>8.6052402899999993</v>
      </c>
      <c r="X6" s="6">
        <v>7.0373831779999998</v>
      </c>
      <c r="Z6" s="6">
        <v>397.52938030000001</v>
      </c>
      <c r="AA6" s="6">
        <v>252.68817200000001</v>
      </c>
      <c r="AB6" s="6">
        <v>279.27927929999998</v>
      </c>
      <c r="AC6" s="6">
        <v>406.61651230000001</v>
      </c>
      <c r="AE6" s="6">
        <v>7.89</v>
      </c>
      <c r="AF6" s="6">
        <v>9.08</v>
      </c>
      <c r="AG6" s="6">
        <v>11.3</v>
      </c>
      <c r="AH6" s="6">
        <v>11.99</v>
      </c>
    </row>
    <row r="7" spans="1:35" x14ac:dyDescent="0.25">
      <c r="A7" s="6">
        <v>0.24236433099999999</v>
      </c>
      <c r="B7" s="6">
        <v>0.13635383000000001</v>
      </c>
      <c r="C7" s="6">
        <v>0.27520335899999998</v>
      </c>
      <c r="D7" s="6">
        <v>1.6692670999999999E-2</v>
      </c>
      <c r="F7" s="6">
        <v>9.1744482170000001</v>
      </c>
      <c r="G7" s="6">
        <v>2.3356752539999999</v>
      </c>
      <c r="H7" s="6">
        <v>8.2328482330000003</v>
      </c>
      <c r="I7" s="6">
        <v>0.55787706699999995</v>
      </c>
      <c r="K7" s="6">
        <v>0.70594396400000003</v>
      </c>
      <c r="L7" s="6">
        <v>0.35132275099999999</v>
      </c>
      <c r="M7" s="6">
        <v>0.66359838100000001</v>
      </c>
      <c r="N7" s="6">
        <v>0.29575548600000001</v>
      </c>
      <c r="P7" s="6">
        <v>0.34924174800000002</v>
      </c>
      <c r="Q7" s="6">
        <v>0.48675400299999999</v>
      </c>
      <c r="R7" s="6">
        <v>0.610949411</v>
      </c>
      <c r="S7" s="6">
        <v>0.49097671900000001</v>
      </c>
      <c r="U7" s="6">
        <v>6.4547856130000003</v>
      </c>
      <c r="V7" s="6">
        <v>4.9375375379999999</v>
      </c>
      <c r="W7" s="6">
        <v>12.461120960000001</v>
      </c>
      <c r="X7" s="6">
        <v>6.5067786029999999</v>
      </c>
      <c r="Z7" s="6">
        <v>367.24537040000001</v>
      </c>
      <c r="AA7" s="6">
        <v>432.29166670000001</v>
      </c>
      <c r="AB7" s="6">
        <v>279.93421050000001</v>
      </c>
      <c r="AC7" s="6">
        <v>398.57954549999999</v>
      </c>
      <c r="AE7" s="6">
        <v>6.05</v>
      </c>
      <c r="AF7" s="6">
        <v>8.33</v>
      </c>
      <c r="AG7" s="6">
        <v>8.5299999999999994</v>
      </c>
      <c r="AH7" s="6">
        <v>9.6999999999999993</v>
      </c>
    </row>
    <row r="8" spans="1:35" x14ac:dyDescent="0.25">
      <c r="A8" s="6">
        <v>0.24039064099999999</v>
      </c>
      <c r="B8" s="6">
        <v>0.333425262</v>
      </c>
      <c r="C8" s="6">
        <v>0.293407311</v>
      </c>
      <c r="D8" s="6">
        <v>0.237887295</v>
      </c>
      <c r="F8" s="6">
        <v>10.214592270000001</v>
      </c>
      <c r="G8" s="6">
        <v>3.1739924980000001</v>
      </c>
      <c r="H8" s="6">
        <v>5.8229166670000003</v>
      </c>
      <c r="I8" s="6">
        <v>0.52740547000000004</v>
      </c>
      <c r="K8" s="6">
        <v>0.71579204900000004</v>
      </c>
      <c r="L8" s="6">
        <v>0.67318191000000005</v>
      </c>
      <c r="M8" s="6">
        <v>0.49029911100000001</v>
      </c>
      <c r="N8" s="6">
        <v>0.40539467200000001</v>
      </c>
      <c r="P8" s="6">
        <v>0.24759023399999999</v>
      </c>
      <c r="Q8" s="6">
        <v>0.72889384199999996</v>
      </c>
      <c r="R8" s="6">
        <v>0.51146789000000004</v>
      </c>
      <c r="S8" s="6">
        <v>0.41460954500000002</v>
      </c>
      <c r="U8" s="6">
        <v>7.8411650340000003</v>
      </c>
      <c r="V8" s="6">
        <v>8.8256756759999995</v>
      </c>
      <c r="W8" s="6">
        <v>11.16666667</v>
      </c>
      <c r="X8" s="6">
        <v>6.161654135</v>
      </c>
      <c r="Z8" s="6">
        <v>430.68831699999998</v>
      </c>
      <c r="AA8" s="6">
        <v>359.72222219999998</v>
      </c>
      <c r="AB8" s="6">
        <v>294.44444440000001</v>
      </c>
      <c r="AC8" s="6">
        <v>424.35290400000002</v>
      </c>
      <c r="AE8" s="6">
        <v>5.64</v>
      </c>
      <c r="AF8" s="6">
        <v>10.69</v>
      </c>
      <c r="AG8" s="6">
        <v>11.92</v>
      </c>
      <c r="AH8" s="6">
        <v>9.02</v>
      </c>
    </row>
    <row r="9" spans="1:35" x14ac:dyDescent="0.25">
      <c r="A9" s="6">
        <v>0.27273818</v>
      </c>
      <c r="B9" s="6">
        <v>0.22748179499999999</v>
      </c>
      <c r="C9" s="6">
        <v>0.18838195599999999</v>
      </c>
      <c r="D9" s="6">
        <v>0.28560945999999998</v>
      </c>
      <c r="F9" s="6">
        <v>15.766479309999999</v>
      </c>
      <c r="G9" s="6">
        <v>1.165276808</v>
      </c>
      <c r="H9" s="6">
        <v>3.4951675660000001</v>
      </c>
      <c r="I9" s="6">
        <v>0.961300233</v>
      </c>
      <c r="K9" s="6">
        <v>0.95308053100000001</v>
      </c>
      <c r="L9" s="6">
        <v>0.47144783299999998</v>
      </c>
      <c r="M9" s="6">
        <v>0.49858935799999998</v>
      </c>
      <c r="N9" s="6">
        <v>0.45312446299999998</v>
      </c>
      <c r="P9" s="6">
        <v>0.42442063400000002</v>
      </c>
      <c r="Q9" s="6">
        <v>0.57927388499999999</v>
      </c>
      <c r="R9" s="6">
        <v>0.35376344100000001</v>
      </c>
      <c r="S9" s="6">
        <v>0.46579330400000002</v>
      </c>
      <c r="U9" s="6">
        <v>6.2147005440000003</v>
      </c>
      <c r="V9" s="6">
        <v>9.6439410339999991</v>
      </c>
      <c r="W9" s="6">
        <v>3.6969165089999998</v>
      </c>
      <c r="X9" s="6">
        <v>6.2413029729999998</v>
      </c>
      <c r="Z9" s="6">
        <v>379.91276399999998</v>
      </c>
      <c r="AA9" s="6">
        <v>410.36324789999998</v>
      </c>
      <c r="AB9" s="6">
        <v>415.17857140000001</v>
      </c>
      <c r="AC9" s="6">
        <v>272.86458329999999</v>
      </c>
      <c r="AE9" s="6">
        <v>5.99</v>
      </c>
      <c r="AF9" s="6">
        <v>11.22</v>
      </c>
      <c r="AG9" s="6">
        <v>9.4600000000000009</v>
      </c>
      <c r="AH9" s="6">
        <v>10.69</v>
      </c>
    </row>
    <row r="10" spans="1:35" x14ac:dyDescent="0.25">
      <c r="A10" s="6">
        <v>0.30591336400000002</v>
      </c>
      <c r="B10" s="6"/>
      <c r="C10" s="6">
        <v>0.298156896</v>
      </c>
      <c r="D10" s="6">
        <v>0.37031789599999998</v>
      </c>
      <c r="F10" s="6">
        <v>14.965429650000001</v>
      </c>
      <c r="G10" s="6"/>
      <c r="H10" s="6">
        <v>5.2425004040000003</v>
      </c>
      <c r="I10" s="6">
        <v>0.83092821900000002</v>
      </c>
      <c r="K10" s="6">
        <v>0.87061535300000004</v>
      </c>
      <c r="L10" s="6"/>
      <c r="M10" s="6">
        <v>0.82465976900000004</v>
      </c>
      <c r="N10" s="6">
        <v>0.51312259199999999</v>
      </c>
      <c r="P10" s="6">
        <v>0.34259656700000002</v>
      </c>
      <c r="Q10" s="6"/>
      <c r="R10" s="6">
        <v>0.862896738</v>
      </c>
      <c r="S10" s="6">
        <v>0.56967541600000005</v>
      </c>
      <c r="U10" s="6">
        <v>6.2546971859999996</v>
      </c>
      <c r="V10" s="6"/>
      <c r="W10" s="6">
        <v>6.0762653899999997</v>
      </c>
      <c r="X10" s="6">
        <v>10.01965697</v>
      </c>
      <c r="Z10" s="6">
        <v>419.30256869999999</v>
      </c>
      <c r="AA10" s="6"/>
      <c r="AB10" s="6">
        <v>305.73394500000001</v>
      </c>
      <c r="AC10" s="6">
        <v>246.78649239999999</v>
      </c>
      <c r="AE10" s="6">
        <v>9.94</v>
      </c>
      <c r="AF10" s="6"/>
      <c r="AG10" s="6">
        <v>8.23</v>
      </c>
      <c r="AH10" s="6">
        <v>14.69</v>
      </c>
    </row>
    <row r="11" spans="1:35" x14ac:dyDescent="0.25">
      <c r="A11" s="6"/>
      <c r="B11" s="6"/>
      <c r="C11" s="6">
        <v>0.19380940599999999</v>
      </c>
      <c r="D11" s="6">
        <v>0.48429360700000001</v>
      </c>
      <c r="F11" s="6"/>
      <c r="G11" s="6"/>
      <c r="H11" s="6">
        <v>3.9047737659999999</v>
      </c>
      <c r="I11" s="6">
        <v>1.317382125</v>
      </c>
      <c r="K11" s="6"/>
      <c r="L11" s="6"/>
      <c r="M11" s="6">
        <v>0.54822382999999997</v>
      </c>
      <c r="N11" s="6">
        <v>0.67646350300000002</v>
      </c>
      <c r="P11" s="6"/>
      <c r="Q11" s="6"/>
      <c r="R11" s="6">
        <v>0.46913580199999999</v>
      </c>
      <c r="S11" s="6">
        <v>0.69915966399999996</v>
      </c>
      <c r="U11" s="6"/>
      <c r="V11" s="6"/>
      <c r="W11" s="6">
        <v>4.407940387</v>
      </c>
      <c r="X11" s="6">
        <v>9.6454135339999993</v>
      </c>
      <c r="Z11" s="6"/>
      <c r="AA11" s="6"/>
      <c r="AB11" s="6">
        <v>519.90131580000002</v>
      </c>
      <c r="AC11" s="6">
        <v>257.0779915</v>
      </c>
      <c r="AE11" s="6"/>
      <c r="AF11" s="6"/>
      <c r="AG11" s="6">
        <v>8.75</v>
      </c>
      <c r="AH11" s="6">
        <v>8.77</v>
      </c>
    </row>
    <row r="12" spans="1:35" x14ac:dyDescent="0.25">
      <c r="A12" s="6"/>
      <c r="B12" s="6"/>
      <c r="C12" s="6"/>
      <c r="D12" s="6"/>
      <c r="F12" s="6"/>
      <c r="G12" s="6"/>
      <c r="H12" s="6"/>
      <c r="I12" s="6"/>
      <c r="K12" s="6"/>
      <c r="L12" s="6"/>
      <c r="M12" s="6"/>
      <c r="N12" s="6"/>
      <c r="P12" s="6"/>
      <c r="Q12" s="6"/>
      <c r="R12" s="6"/>
      <c r="S12" s="6"/>
      <c r="U12" s="6"/>
      <c r="V12" s="6"/>
      <c r="W12" s="6"/>
      <c r="X12" s="6"/>
      <c r="Z12" s="6"/>
      <c r="AA12" s="6"/>
      <c r="AB12" s="6"/>
      <c r="AC12" s="6"/>
      <c r="AE12" s="6"/>
      <c r="AF12" s="6"/>
      <c r="AG12" s="6"/>
      <c r="AH12" s="6"/>
    </row>
  </sheetData>
  <mergeCells count="21">
    <mergeCell ref="AE2:AI2"/>
    <mergeCell ref="A3:B3"/>
    <mergeCell ref="C3:D3"/>
    <mergeCell ref="F3:G3"/>
    <mergeCell ref="H3:I3"/>
    <mergeCell ref="K3:L3"/>
    <mergeCell ref="M3:N3"/>
    <mergeCell ref="P3:Q3"/>
    <mergeCell ref="R3:S3"/>
    <mergeCell ref="U3:V3"/>
    <mergeCell ref="A2:E2"/>
    <mergeCell ref="F2:J2"/>
    <mergeCell ref="K2:O2"/>
    <mergeCell ref="P2:T2"/>
    <mergeCell ref="U2:Y2"/>
    <mergeCell ref="Z2:AD2"/>
    <mergeCell ref="W3:X3"/>
    <mergeCell ref="Z3:AA3"/>
    <mergeCell ref="AB3:AC3"/>
    <mergeCell ref="AE3:AF3"/>
    <mergeCell ref="AG3:AH3"/>
  </mergeCells>
  <pageMargins left="0.7" right="0.7" top="0.75" bottom="0.75" header="0.3" footer="0.3"/>
  <pageSetup orientation="portrait" horizontalDpi="1200" verticalDpi="1200" r:id="rId1"/>
</worksheet>
</file>

<file path=xl/worksheets/sheet1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A1D4E16-AD64-40FD-B952-C5D85F073732}">
  <dimension ref="A1:AJ49"/>
  <sheetViews>
    <sheetView workbookViewId="0">
      <selection sqref="A1:S11"/>
    </sheetView>
  </sheetViews>
  <sheetFormatPr defaultRowHeight="15" x14ac:dyDescent="0.25"/>
  <sheetData>
    <row r="1" spans="1:36" x14ac:dyDescent="0.25">
      <c r="A1" s="9" t="s">
        <v>76</v>
      </c>
      <c r="B1" s="10"/>
      <c r="C1" s="10"/>
      <c r="D1" s="10"/>
      <c r="E1" s="10"/>
      <c r="F1" s="9" t="s">
        <v>77</v>
      </c>
      <c r="G1" s="10"/>
      <c r="H1" s="10"/>
      <c r="I1" s="10"/>
      <c r="J1" s="10"/>
      <c r="K1" s="9" t="s">
        <v>78</v>
      </c>
      <c r="L1" s="10"/>
      <c r="M1" s="10"/>
      <c r="N1" s="10"/>
      <c r="O1" s="9"/>
      <c r="P1" t="s">
        <v>79</v>
      </c>
      <c r="Q1" s="7"/>
      <c r="R1" s="6"/>
      <c r="S1" s="6"/>
    </row>
    <row r="2" spans="1:36" x14ac:dyDescent="0.25">
      <c r="A2" s="12" t="s">
        <v>89</v>
      </c>
      <c r="B2" s="11"/>
      <c r="C2" s="12" t="s">
        <v>90</v>
      </c>
      <c r="D2" s="11"/>
      <c r="E2" s="10"/>
      <c r="F2" s="12" t="s">
        <v>89</v>
      </c>
      <c r="G2" s="11"/>
      <c r="H2" s="12" t="s">
        <v>90</v>
      </c>
      <c r="I2" s="11"/>
      <c r="J2" s="10"/>
      <c r="K2" s="12" t="s">
        <v>89</v>
      </c>
      <c r="L2" s="11"/>
      <c r="M2" s="12" t="s">
        <v>90</v>
      </c>
      <c r="N2" s="11"/>
      <c r="O2" s="9"/>
      <c r="P2" s="12" t="s">
        <v>89</v>
      </c>
      <c r="Q2" s="11"/>
      <c r="R2" s="12" t="s">
        <v>90</v>
      </c>
      <c r="S2" s="11"/>
    </row>
    <row r="3" spans="1:36" x14ac:dyDescent="0.25">
      <c r="A3" s="10" t="s">
        <v>65</v>
      </c>
      <c r="B3" s="10" t="s">
        <v>66</v>
      </c>
      <c r="C3" s="10" t="s">
        <v>65</v>
      </c>
      <c r="D3" s="10" t="s">
        <v>66</v>
      </c>
      <c r="E3" s="10"/>
      <c r="F3" s="10" t="s">
        <v>65</v>
      </c>
      <c r="G3" s="10" t="s">
        <v>66</v>
      </c>
      <c r="H3" s="10" t="s">
        <v>65</v>
      </c>
      <c r="I3" s="10" t="s">
        <v>66</v>
      </c>
      <c r="J3" s="9"/>
      <c r="K3" s="10" t="s">
        <v>65</v>
      </c>
      <c r="L3" s="10" t="s">
        <v>66</v>
      </c>
      <c r="M3" s="10" t="s">
        <v>65</v>
      </c>
      <c r="N3" s="10" t="s">
        <v>66</v>
      </c>
      <c r="O3" s="9"/>
      <c r="P3" s="8" t="s">
        <v>65</v>
      </c>
      <c r="Q3" s="8" t="s">
        <v>66</v>
      </c>
      <c r="R3" s="8" t="s">
        <v>65</v>
      </c>
      <c r="S3" s="8" t="s">
        <v>66</v>
      </c>
    </row>
    <row r="4" spans="1:36" x14ac:dyDescent="0.25">
      <c r="A4" s="6">
        <v>2.035955</v>
      </c>
      <c r="B4" s="6">
        <v>0.36980200000000002</v>
      </c>
      <c r="C4" s="6">
        <v>0.97123400000000004</v>
      </c>
      <c r="D4" s="6">
        <v>0.726989</v>
      </c>
      <c r="E4" s="10"/>
      <c r="F4" s="6">
        <v>0.80019200000000001</v>
      </c>
      <c r="G4" s="6">
        <v>0.68047999999999997</v>
      </c>
      <c r="H4" s="6">
        <v>0.75601700000000005</v>
      </c>
      <c r="I4" s="6">
        <v>0.58780600000000005</v>
      </c>
      <c r="J4" s="9"/>
      <c r="K4" s="6">
        <v>0.881517</v>
      </c>
      <c r="L4" s="6">
        <v>0.402397</v>
      </c>
      <c r="M4" s="6">
        <v>0.49897399999999997</v>
      </c>
      <c r="N4" s="6">
        <v>0.62665899999999997</v>
      </c>
      <c r="O4" s="9"/>
      <c r="P4" s="6">
        <v>0.95957700000000001</v>
      </c>
      <c r="Q4" s="6">
        <v>0.69535999999999998</v>
      </c>
      <c r="R4" s="6">
        <v>0.951075</v>
      </c>
      <c r="S4" s="6">
        <v>1.3555870000000001</v>
      </c>
    </row>
    <row r="5" spans="1:36" x14ac:dyDescent="0.25">
      <c r="A5" s="6">
        <v>1.1839360000000001</v>
      </c>
      <c r="B5" s="6">
        <v>0.43026199999999998</v>
      </c>
      <c r="C5" s="6">
        <v>1.205973</v>
      </c>
      <c r="D5" s="6">
        <v>0.87096099999999999</v>
      </c>
      <c r="E5" s="10"/>
      <c r="F5" s="6">
        <v>1.0479830000000001</v>
      </c>
      <c r="G5" s="6">
        <v>0.78339899999999996</v>
      </c>
      <c r="H5" s="6">
        <v>0.80013100000000004</v>
      </c>
      <c r="I5" s="6">
        <v>0.54133699999999996</v>
      </c>
      <c r="J5" s="9"/>
      <c r="K5" s="6">
        <v>1.172817</v>
      </c>
      <c r="L5" s="6">
        <v>0.40826400000000002</v>
      </c>
      <c r="M5" s="6">
        <v>0.65979900000000002</v>
      </c>
      <c r="N5" s="6">
        <v>0.56817099999999998</v>
      </c>
      <c r="O5" s="9"/>
      <c r="P5" s="6">
        <v>1.140601</v>
      </c>
      <c r="Q5" s="6">
        <v>0.86795199999999995</v>
      </c>
      <c r="R5" s="6">
        <v>0.82967400000000002</v>
      </c>
      <c r="S5" s="6">
        <v>1.3075019999999999</v>
      </c>
      <c r="W5" s="6"/>
      <c r="X5" s="6"/>
      <c r="Y5" s="6"/>
      <c r="Z5" s="6"/>
      <c r="AA5" s="6"/>
      <c r="AB5" s="6"/>
      <c r="AC5" s="6"/>
      <c r="AD5" s="6"/>
      <c r="AE5" s="6"/>
      <c r="AF5" s="6"/>
      <c r="AG5" s="6"/>
      <c r="AH5" s="6"/>
      <c r="AI5" s="6"/>
      <c r="AJ5" s="6"/>
    </row>
    <row r="6" spans="1:36" x14ac:dyDescent="0.25">
      <c r="A6" s="6">
        <v>1.0686180000000001</v>
      </c>
      <c r="B6" s="6">
        <v>0.69309799999999999</v>
      </c>
      <c r="C6" s="6">
        <v>0.78991299999999998</v>
      </c>
      <c r="D6" s="6">
        <v>0.83915300000000004</v>
      </c>
      <c r="E6" s="9"/>
      <c r="F6" s="6">
        <v>1.062781</v>
      </c>
      <c r="G6" s="6">
        <v>0.73576299999999994</v>
      </c>
      <c r="H6" s="6">
        <v>0.76744400000000002</v>
      </c>
      <c r="I6" s="6">
        <v>0.64695499999999995</v>
      </c>
      <c r="J6" s="9"/>
      <c r="K6" s="6">
        <v>1.055701</v>
      </c>
      <c r="L6" s="6">
        <v>0.45206600000000002</v>
      </c>
      <c r="M6" s="6">
        <v>0.55510199999999998</v>
      </c>
      <c r="N6" s="6">
        <v>0.95521800000000001</v>
      </c>
      <c r="O6" s="9"/>
      <c r="P6" s="6">
        <v>1.011965</v>
      </c>
      <c r="Q6" s="6">
        <v>0.82400499999999999</v>
      </c>
      <c r="R6" s="6">
        <v>0.86164499999999999</v>
      </c>
      <c r="S6" s="6">
        <v>1.3023769999999999</v>
      </c>
      <c r="W6" s="6"/>
      <c r="X6" s="6"/>
      <c r="Y6" s="6"/>
      <c r="Z6" s="6"/>
      <c r="AA6" s="6"/>
      <c r="AB6" s="6"/>
      <c r="AC6" s="6"/>
      <c r="AD6" s="6"/>
      <c r="AE6" s="6"/>
      <c r="AF6" s="6"/>
      <c r="AG6" s="6"/>
      <c r="AH6" s="6"/>
      <c r="AI6" s="6"/>
      <c r="AJ6" s="6"/>
    </row>
    <row r="7" spans="1:36" x14ac:dyDescent="0.25">
      <c r="A7" s="6">
        <v>0.53767900000000002</v>
      </c>
      <c r="B7" s="6">
        <v>0.62953099999999995</v>
      </c>
      <c r="C7" s="6">
        <v>0.69132099999999996</v>
      </c>
      <c r="D7" s="6">
        <v>1.0778369999999999</v>
      </c>
      <c r="E7" s="9"/>
      <c r="F7" s="6">
        <v>1.11958</v>
      </c>
      <c r="G7" s="6">
        <v>0.77795400000000003</v>
      </c>
      <c r="H7" s="6">
        <v>0.53904099999999999</v>
      </c>
      <c r="I7" s="6">
        <v>0.73253599999999996</v>
      </c>
      <c r="J7" s="9"/>
      <c r="K7" s="6">
        <v>1.0647340000000001</v>
      </c>
      <c r="L7" s="6">
        <v>0.632803</v>
      </c>
      <c r="M7" s="6">
        <v>0.35020899999999999</v>
      </c>
      <c r="N7" s="6">
        <v>1.0171479999999999</v>
      </c>
      <c r="O7" s="9"/>
      <c r="P7" s="6">
        <v>1.0045630000000001</v>
      </c>
      <c r="Q7" s="6">
        <v>1.0103470000000001</v>
      </c>
      <c r="R7" s="6">
        <v>0.88272499999999998</v>
      </c>
      <c r="S7" s="6">
        <v>1.25257</v>
      </c>
      <c r="W7" s="6"/>
      <c r="X7" s="6"/>
      <c r="Y7" s="6"/>
      <c r="Z7" s="6"/>
      <c r="AA7" s="6"/>
      <c r="AB7" s="6"/>
      <c r="AC7" s="6"/>
      <c r="AD7" s="6"/>
      <c r="AE7" s="6"/>
      <c r="AF7" s="6"/>
      <c r="AG7" s="6"/>
      <c r="AH7" s="6"/>
      <c r="AI7" s="6"/>
      <c r="AJ7" s="6"/>
    </row>
    <row r="8" spans="1:36" x14ac:dyDescent="0.25">
      <c r="A8" s="6">
        <v>0.17381199999999999</v>
      </c>
      <c r="B8" s="6">
        <v>0.57582299999999997</v>
      </c>
      <c r="C8" s="6">
        <v>1.955322</v>
      </c>
      <c r="D8" s="6">
        <v>1.137246</v>
      </c>
      <c r="E8" s="9"/>
      <c r="F8" s="6">
        <v>0.96946299999999996</v>
      </c>
      <c r="G8" s="6">
        <v>1.5229820000000001</v>
      </c>
      <c r="H8" s="6">
        <v>0.95079199999999997</v>
      </c>
      <c r="I8" s="6">
        <v>0.80030400000000002</v>
      </c>
      <c r="J8" s="9"/>
      <c r="K8" s="6">
        <v>0.82523100000000005</v>
      </c>
      <c r="L8" s="6">
        <v>0.91488000000000003</v>
      </c>
      <c r="M8" s="6">
        <v>1.0023139999999999</v>
      </c>
      <c r="N8" s="6">
        <v>1.0528379999999999</v>
      </c>
      <c r="O8" s="9"/>
      <c r="P8" s="6">
        <v>0.88329500000000005</v>
      </c>
      <c r="Q8" s="6">
        <v>0.735406</v>
      </c>
      <c r="R8" s="6">
        <v>1.043474</v>
      </c>
      <c r="S8" s="6">
        <v>1.25257</v>
      </c>
    </row>
    <row r="9" spans="1:36" x14ac:dyDescent="0.25">
      <c r="A9" s="6"/>
      <c r="B9" s="6"/>
      <c r="C9" s="6">
        <v>1.55362</v>
      </c>
      <c r="D9" s="6">
        <v>0.85515399999999997</v>
      </c>
      <c r="E9" s="9"/>
      <c r="F9" s="6"/>
      <c r="G9" s="6"/>
      <c r="H9" s="6">
        <v>0.98597999999999997</v>
      </c>
      <c r="I9" s="6">
        <v>0.84796800000000006</v>
      </c>
      <c r="J9" s="9"/>
      <c r="M9" s="6">
        <v>1.022659</v>
      </c>
      <c r="N9" s="6">
        <v>1.034179</v>
      </c>
      <c r="O9" s="9"/>
      <c r="P9" s="6"/>
      <c r="Q9" s="6"/>
      <c r="R9" s="6">
        <v>1.179721</v>
      </c>
      <c r="S9" s="6">
        <v>1.319172</v>
      </c>
    </row>
    <row r="10" spans="1:36" x14ac:dyDescent="0.25">
      <c r="A10" s="6"/>
      <c r="B10" s="6"/>
      <c r="C10" s="6">
        <v>0.97718700000000003</v>
      </c>
      <c r="D10" s="6">
        <v>0.88273900000000005</v>
      </c>
      <c r="E10" s="9"/>
      <c r="F10" s="6"/>
      <c r="G10" s="6"/>
      <c r="H10" s="6">
        <v>0.94920099999999996</v>
      </c>
      <c r="I10" s="6">
        <v>0.85620700000000005</v>
      </c>
      <c r="J10" s="9"/>
      <c r="M10" s="6">
        <v>1.2373940000000001</v>
      </c>
      <c r="N10" s="6">
        <v>0.78354599999999996</v>
      </c>
      <c r="O10" s="9"/>
      <c r="P10" s="6"/>
      <c r="Q10" s="6"/>
      <c r="R10" s="6">
        <v>1.1919139999999999</v>
      </c>
      <c r="S10" s="6">
        <v>1.054146</v>
      </c>
    </row>
    <row r="11" spans="1:36" x14ac:dyDescent="0.25">
      <c r="A11" s="6"/>
      <c r="B11" s="6"/>
      <c r="C11" s="6"/>
      <c r="D11" s="6"/>
      <c r="E11" s="9"/>
      <c r="F11" s="6"/>
      <c r="G11" s="6"/>
      <c r="H11" s="6"/>
      <c r="I11" s="6"/>
      <c r="J11" s="9"/>
      <c r="K11" s="6"/>
      <c r="L11" s="6"/>
      <c r="M11" s="6"/>
      <c r="N11" s="6"/>
      <c r="O11" s="9"/>
      <c r="P11" s="6"/>
      <c r="Q11" s="6"/>
      <c r="R11" s="6"/>
      <c r="S11" s="6"/>
    </row>
    <row r="12" spans="1:36" x14ac:dyDescent="0.25">
      <c r="A12" s="6"/>
      <c r="B12" s="6"/>
      <c r="C12" s="6"/>
      <c r="D12" s="6"/>
      <c r="F12" s="6"/>
      <c r="G12" s="6"/>
      <c r="H12" s="6"/>
      <c r="I12" s="6"/>
      <c r="K12" s="6"/>
      <c r="L12" s="6"/>
      <c r="M12" s="6"/>
      <c r="N12" s="6"/>
      <c r="P12" s="6"/>
      <c r="Q12" s="6"/>
      <c r="R12" s="6"/>
      <c r="S12" s="6"/>
    </row>
    <row r="13" spans="1:36" x14ac:dyDescent="0.25">
      <c r="F13" s="6"/>
      <c r="G13" s="6"/>
      <c r="H13" s="6"/>
      <c r="I13" s="6"/>
    </row>
    <row r="14" spans="1:36" x14ac:dyDescent="0.25">
      <c r="A14" s="9" t="s">
        <v>80</v>
      </c>
      <c r="B14" s="10"/>
      <c r="C14" s="10"/>
      <c r="D14" s="10"/>
      <c r="E14" s="10"/>
      <c r="F14" s="9" t="s">
        <v>81</v>
      </c>
      <c r="G14" s="10"/>
      <c r="H14" s="10"/>
      <c r="I14" s="10"/>
      <c r="J14" s="10"/>
      <c r="K14" s="9" t="s">
        <v>82</v>
      </c>
      <c r="L14" s="10"/>
      <c r="M14" s="10"/>
      <c r="N14" s="10"/>
      <c r="O14" s="9"/>
      <c r="P14" t="s">
        <v>83</v>
      </c>
      <c r="Q14" s="7"/>
      <c r="R14" s="6"/>
      <c r="S14" s="6"/>
    </row>
    <row r="15" spans="1:36" x14ac:dyDescent="0.25">
      <c r="A15" s="12" t="s">
        <v>89</v>
      </c>
      <c r="B15" s="11"/>
      <c r="C15" s="12" t="s">
        <v>90</v>
      </c>
      <c r="D15" s="11"/>
      <c r="E15" s="10"/>
      <c r="F15" s="12" t="s">
        <v>89</v>
      </c>
      <c r="G15" s="11"/>
      <c r="H15" s="12" t="s">
        <v>90</v>
      </c>
      <c r="I15" s="11"/>
      <c r="J15" s="10"/>
      <c r="K15" s="12" t="s">
        <v>89</v>
      </c>
      <c r="L15" s="11"/>
      <c r="M15" s="12" t="s">
        <v>90</v>
      </c>
      <c r="N15" s="11"/>
      <c r="O15" s="9"/>
      <c r="P15" s="12" t="s">
        <v>89</v>
      </c>
      <c r="Q15" s="11"/>
      <c r="R15" s="12" t="s">
        <v>90</v>
      </c>
      <c r="S15" s="11"/>
    </row>
    <row r="16" spans="1:36" x14ac:dyDescent="0.25">
      <c r="A16" s="10" t="s">
        <v>65</v>
      </c>
      <c r="B16" s="10" t="s">
        <v>66</v>
      </c>
      <c r="C16" s="10" t="s">
        <v>65</v>
      </c>
      <c r="D16" s="10" t="s">
        <v>66</v>
      </c>
      <c r="E16" s="10"/>
      <c r="F16" s="10" t="s">
        <v>65</v>
      </c>
      <c r="G16" s="10" t="s">
        <v>66</v>
      </c>
      <c r="H16" s="10" t="s">
        <v>65</v>
      </c>
      <c r="I16" s="10" t="s">
        <v>66</v>
      </c>
      <c r="J16" s="9"/>
      <c r="K16" s="10" t="s">
        <v>65</v>
      </c>
      <c r="L16" s="10" t="s">
        <v>66</v>
      </c>
      <c r="M16" s="10" t="s">
        <v>65</v>
      </c>
      <c r="N16" s="10" t="s">
        <v>66</v>
      </c>
      <c r="O16" s="9"/>
      <c r="P16" s="8" t="s">
        <v>65</v>
      </c>
      <c r="Q16" s="8" t="s">
        <v>66</v>
      </c>
      <c r="R16" s="8" t="s">
        <v>65</v>
      </c>
      <c r="S16" s="8" t="s">
        <v>66</v>
      </c>
      <c r="Y16" s="6"/>
    </row>
    <row r="17" spans="1:32" x14ac:dyDescent="0.25">
      <c r="A17" s="6">
        <v>1.4218489999999999</v>
      </c>
      <c r="B17" s="6">
        <v>0.42876300000000001</v>
      </c>
      <c r="C17" s="6">
        <v>0.55341799999999997</v>
      </c>
      <c r="D17" s="6">
        <v>0.83244700000000005</v>
      </c>
      <c r="F17" s="6">
        <v>0.94260340300000001</v>
      </c>
      <c r="G17" s="6">
        <v>0.79058096899999997</v>
      </c>
      <c r="H17" s="6">
        <v>0.84049750899999998</v>
      </c>
      <c r="I17" s="6">
        <v>0.77747670800000002</v>
      </c>
      <c r="K17" s="6">
        <v>1.118832016</v>
      </c>
      <c r="L17" s="6">
        <v>0.48178565600000001</v>
      </c>
      <c r="M17" s="6">
        <v>0.90135790400000004</v>
      </c>
      <c r="N17" s="6">
        <v>1.397944042</v>
      </c>
      <c r="P17" s="6">
        <v>1.1253465709999999</v>
      </c>
      <c r="Q17" s="6">
        <v>0.40371485200000001</v>
      </c>
      <c r="R17">
        <v>0.71610056399999999</v>
      </c>
      <c r="S17">
        <v>0.62282961599999997</v>
      </c>
      <c r="Y17" s="6"/>
    </row>
    <row r="18" spans="1:32" x14ac:dyDescent="0.25">
      <c r="A18" s="6">
        <v>0.84933599999999998</v>
      </c>
      <c r="B18" s="6">
        <v>0.470557</v>
      </c>
      <c r="C18" s="6">
        <v>0.53211299999999995</v>
      </c>
      <c r="D18" s="6">
        <v>0.76859100000000002</v>
      </c>
      <c r="F18" s="6">
        <v>0.96744090100000002</v>
      </c>
      <c r="G18" s="6">
        <v>0.75901136700000005</v>
      </c>
      <c r="H18" s="6">
        <v>0.83453042899999996</v>
      </c>
      <c r="I18" s="6">
        <v>0.72431848700000001</v>
      </c>
      <c r="K18" s="6">
        <v>0.85525891600000004</v>
      </c>
      <c r="L18" s="6">
        <v>0.55077103500000002</v>
      </c>
      <c r="M18" s="6">
        <v>0.84268874500000002</v>
      </c>
      <c r="N18" s="6">
        <v>1.2826299940000001</v>
      </c>
      <c r="P18">
        <v>1.5791006489999999</v>
      </c>
      <c r="Q18">
        <v>0.43973879100000002</v>
      </c>
      <c r="R18">
        <v>0.923291168</v>
      </c>
      <c r="S18">
        <v>0.442316033</v>
      </c>
      <c r="Y18" s="6"/>
    </row>
    <row r="19" spans="1:32" x14ac:dyDescent="0.25">
      <c r="A19" s="6">
        <v>0.75504499999999997</v>
      </c>
      <c r="B19" s="6">
        <v>0.55920800000000004</v>
      </c>
      <c r="C19" s="6">
        <v>0.65731300000000004</v>
      </c>
      <c r="D19" s="6">
        <v>0.42558699999999999</v>
      </c>
      <c r="F19" s="6">
        <v>0.939444732</v>
      </c>
      <c r="G19" s="6">
        <v>0.71734751900000004</v>
      </c>
      <c r="H19" s="6">
        <v>0.903289126</v>
      </c>
      <c r="I19" s="6">
        <v>1.075020329</v>
      </c>
      <c r="K19" s="6">
        <v>0.75443314800000005</v>
      </c>
      <c r="L19" s="6">
        <v>0.73990167500000004</v>
      </c>
      <c r="M19" s="6">
        <v>1.0190816570000001</v>
      </c>
      <c r="N19" s="6">
        <v>0.80283616899999999</v>
      </c>
      <c r="P19">
        <v>1.2232773800000001</v>
      </c>
      <c r="Q19">
        <v>0.55995905800000001</v>
      </c>
      <c r="R19">
        <v>1.5418449460000001</v>
      </c>
      <c r="S19">
        <v>1.614006678</v>
      </c>
      <c r="Y19" s="6"/>
    </row>
    <row r="20" spans="1:32" x14ac:dyDescent="0.25">
      <c r="A20" s="6">
        <v>0.60921199999999998</v>
      </c>
      <c r="B20" s="6">
        <v>0.44183099999999997</v>
      </c>
      <c r="C20" s="6">
        <v>0.73104899999999995</v>
      </c>
      <c r="D20" s="6">
        <v>0.44603500000000001</v>
      </c>
      <c r="F20" s="6">
        <v>1.1295989719999999</v>
      </c>
      <c r="G20" s="6">
        <v>0.85210525299999995</v>
      </c>
      <c r="H20" s="6">
        <v>0.613517533</v>
      </c>
      <c r="I20" s="6">
        <v>1.0788016949999999</v>
      </c>
      <c r="K20" s="6">
        <v>0.55301639800000002</v>
      </c>
      <c r="L20" s="6">
        <v>0.63432137700000002</v>
      </c>
      <c r="M20" s="6">
        <v>1.1856143349999999</v>
      </c>
      <c r="N20" s="6">
        <v>0.90487975200000004</v>
      </c>
      <c r="P20">
        <v>0.65859400499999998</v>
      </c>
      <c r="Q20">
        <v>0.90224314400000005</v>
      </c>
      <c r="R20">
        <v>0.90134186800000005</v>
      </c>
      <c r="S20">
        <v>1.3377575500000001</v>
      </c>
      <c r="Y20" s="6"/>
    </row>
    <row r="21" spans="1:32" x14ac:dyDescent="0.25">
      <c r="A21" s="6">
        <v>1.3645579999999999</v>
      </c>
      <c r="B21" s="6">
        <v>0.57788799999999996</v>
      </c>
      <c r="C21" s="6">
        <v>0.76576900000000003</v>
      </c>
      <c r="D21" s="6">
        <v>0.41607699999999997</v>
      </c>
      <c r="F21" s="6">
        <v>1.0209119929999999</v>
      </c>
      <c r="G21" s="6">
        <v>0.76568399499999995</v>
      </c>
      <c r="H21" s="6">
        <v>0.97631183600000004</v>
      </c>
      <c r="I21" s="6">
        <v>0.97314585899999995</v>
      </c>
      <c r="K21" s="6">
        <v>1.218459521</v>
      </c>
      <c r="L21" s="6">
        <v>0.80309840600000004</v>
      </c>
      <c r="M21" s="6">
        <v>1.1955288390000001</v>
      </c>
      <c r="N21" s="6">
        <v>0.84488772400000001</v>
      </c>
      <c r="P21">
        <v>0.41368139500000001</v>
      </c>
      <c r="Q21">
        <v>0.36364950499999998</v>
      </c>
      <c r="R21">
        <v>1.397729043</v>
      </c>
      <c r="S21">
        <v>3.0302023839999999</v>
      </c>
      <c r="Y21" s="6"/>
    </row>
    <row r="22" spans="1:32" x14ac:dyDescent="0.25">
      <c r="A22" s="6"/>
      <c r="B22" s="6"/>
      <c r="C22" s="6">
        <v>0.69654300000000002</v>
      </c>
      <c r="D22" s="6">
        <v>0.430755</v>
      </c>
      <c r="F22" s="6"/>
      <c r="G22" s="6"/>
      <c r="H22" s="6">
        <v>0.95059121599999996</v>
      </c>
      <c r="I22" s="6">
        <v>0.93935735099999995</v>
      </c>
      <c r="K22" s="6"/>
      <c r="L22" s="6"/>
      <c r="M22" s="6">
        <v>1.090360043</v>
      </c>
      <c r="N22" s="6">
        <v>0.82969106800000003</v>
      </c>
      <c r="P22" s="6"/>
      <c r="Q22" s="6"/>
      <c r="R22">
        <v>0.96031696200000005</v>
      </c>
      <c r="S22">
        <v>2.8002885019999999</v>
      </c>
      <c r="Y22" s="6"/>
    </row>
    <row r="23" spans="1:32" x14ac:dyDescent="0.25">
      <c r="A23" s="6"/>
      <c r="B23" s="6"/>
      <c r="C23" s="6">
        <v>0.83415099999999998</v>
      </c>
      <c r="D23" s="6">
        <v>0.35761799999999999</v>
      </c>
      <c r="F23" s="6"/>
      <c r="G23" s="6"/>
      <c r="H23" s="6">
        <v>1.049194014</v>
      </c>
      <c r="I23" s="6">
        <v>0.69095387600000002</v>
      </c>
      <c r="K23" s="6"/>
      <c r="L23" s="6"/>
      <c r="M23" s="6">
        <v>1.422135339</v>
      </c>
      <c r="N23" s="6">
        <v>0.77998507500000003</v>
      </c>
      <c r="P23" s="6"/>
      <c r="Q23" s="6"/>
      <c r="R23">
        <v>1.5672966070000001</v>
      </c>
      <c r="S23">
        <v>0.63663315099999995</v>
      </c>
    </row>
    <row r="24" spans="1:32" x14ac:dyDescent="0.25">
      <c r="A24" s="6"/>
      <c r="B24" s="6"/>
      <c r="C24" s="6"/>
      <c r="D24" s="6"/>
      <c r="F24" s="6"/>
      <c r="G24" s="6"/>
      <c r="H24" s="6"/>
      <c r="I24" s="6"/>
      <c r="K24" s="6"/>
      <c r="L24" s="6"/>
      <c r="M24" s="6"/>
      <c r="N24" s="6"/>
      <c r="P24" s="6"/>
      <c r="Q24" s="6"/>
      <c r="R24" s="6"/>
    </row>
    <row r="25" spans="1:32" x14ac:dyDescent="0.25">
      <c r="A25" s="6"/>
      <c r="B25" s="6"/>
      <c r="C25" s="6"/>
      <c r="D25" s="6"/>
      <c r="F25" s="6"/>
      <c r="G25" s="6"/>
      <c r="H25" s="6"/>
      <c r="I25" s="6"/>
      <c r="K25" s="6"/>
      <c r="L25" s="6"/>
      <c r="M25" s="6"/>
      <c r="N25" s="6"/>
      <c r="P25" s="6"/>
      <c r="Q25" s="6"/>
      <c r="R25" s="6"/>
      <c r="U25" s="6"/>
      <c r="V25" s="6"/>
      <c r="W25" s="6"/>
      <c r="X25" s="6"/>
      <c r="Y25" s="6"/>
      <c r="Z25" s="6"/>
      <c r="AA25" s="6"/>
      <c r="AB25" s="6"/>
      <c r="AC25" s="6"/>
      <c r="AD25" s="6"/>
      <c r="AE25" s="6"/>
    </row>
    <row r="26" spans="1:32" x14ac:dyDescent="0.25">
      <c r="R26" s="6"/>
      <c r="U26" s="6"/>
      <c r="V26" s="6"/>
      <c r="W26" s="6"/>
      <c r="X26" s="6"/>
      <c r="Y26" s="6"/>
      <c r="Z26" s="6"/>
      <c r="AA26" s="6"/>
      <c r="AB26" s="6"/>
      <c r="AC26" s="6"/>
      <c r="AD26" s="6"/>
      <c r="AE26" s="6"/>
    </row>
    <row r="27" spans="1:32" x14ac:dyDescent="0.25">
      <c r="A27" s="9" t="s">
        <v>84</v>
      </c>
      <c r="B27" s="10"/>
      <c r="C27" s="10"/>
      <c r="D27" s="10"/>
      <c r="E27" s="10"/>
      <c r="F27" s="9" t="s">
        <v>85</v>
      </c>
      <c r="G27" s="10"/>
      <c r="H27" s="10"/>
      <c r="I27" s="10"/>
      <c r="J27" s="10"/>
      <c r="K27" s="9" t="s">
        <v>86</v>
      </c>
      <c r="L27" s="10"/>
      <c r="M27" s="10"/>
      <c r="N27" s="10"/>
      <c r="P27" s="6"/>
      <c r="Q27" s="6"/>
      <c r="R27" s="6"/>
      <c r="S27" s="6"/>
      <c r="T27" s="6"/>
      <c r="U27" s="6"/>
      <c r="V27" s="6"/>
      <c r="W27" s="6"/>
      <c r="X27" s="6"/>
      <c r="Y27" s="6"/>
      <c r="Z27" s="6"/>
      <c r="AA27" s="6"/>
      <c r="AB27" s="6"/>
      <c r="AC27" s="6"/>
      <c r="AD27" s="6"/>
    </row>
    <row r="28" spans="1:32" x14ac:dyDescent="0.25">
      <c r="A28" s="12" t="s">
        <v>89</v>
      </c>
      <c r="B28" s="11"/>
      <c r="C28" s="12" t="s">
        <v>90</v>
      </c>
      <c r="D28" s="11"/>
      <c r="E28" s="10"/>
      <c r="F28" s="12" t="s">
        <v>89</v>
      </c>
      <c r="G28" s="11"/>
      <c r="H28" s="12" t="s">
        <v>90</v>
      </c>
      <c r="I28" s="11"/>
      <c r="J28" s="10"/>
      <c r="K28" s="12" t="s">
        <v>89</v>
      </c>
      <c r="L28" s="11"/>
      <c r="M28" s="12" t="s">
        <v>90</v>
      </c>
      <c r="N28" s="11"/>
      <c r="P28" s="6"/>
      <c r="Q28" s="6"/>
      <c r="R28" s="6"/>
      <c r="S28" s="6"/>
      <c r="T28" s="6"/>
      <c r="U28" s="6"/>
      <c r="V28" s="6"/>
      <c r="W28" s="6"/>
      <c r="X28" s="6"/>
      <c r="Y28" s="6"/>
      <c r="Z28" s="6"/>
      <c r="AA28" s="6"/>
      <c r="AB28" s="6"/>
      <c r="AC28" s="6"/>
      <c r="AD28" s="6"/>
      <c r="AE28" s="6"/>
      <c r="AF28" s="6"/>
    </row>
    <row r="29" spans="1:32" x14ac:dyDescent="0.25">
      <c r="A29" s="10" t="s">
        <v>65</v>
      </c>
      <c r="B29" s="10" t="s">
        <v>66</v>
      </c>
      <c r="C29" s="10" t="s">
        <v>65</v>
      </c>
      <c r="D29" s="10" t="s">
        <v>66</v>
      </c>
      <c r="E29" s="10"/>
      <c r="F29" s="10" t="s">
        <v>65</v>
      </c>
      <c r="G29" s="10" t="s">
        <v>66</v>
      </c>
      <c r="H29" s="10" t="s">
        <v>65</v>
      </c>
      <c r="I29" s="10" t="s">
        <v>66</v>
      </c>
      <c r="J29" s="9"/>
      <c r="K29" s="10" t="s">
        <v>65</v>
      </c>
      <c r="L29" s="10" t="s">
        <v>66</v>
      </c>
      <c r="M29" s="10" t="s">
        <v>65</v>
      </c>
      <c r="N29" s="10" t="s">
        <v>66</v>
      </c>
      <c r="Q29" s="6"/>
      <c r="R29" s="6"/>
      <c r="S29" s="6"/>
      <c r="T29" s="6"/>
      <c r="U29" s="6"/>
      <c r="V29" s="6"/>
      <c r="W29" s="6"/>
      <c r="X29" s="6"/>
      <c r="Y29" s="6"/>
      <c r="Z29" s="6"/>
      <c r="AA29" s="6"/>
      <c r="AB29" s="6"/>
      <c r="AC29" s="6"/>
      <c r="AD29" s="6"/>
      <c r="AE29" s="6"/>
      <c r="AF29" s="6"/>
    </row>
    <row r="30" spans="1:32" x14ac:dyDescent="0.25">
      <c r="A30" s="6">
        <v>1.79276755</v>
      </c>
      <c r="B30" s="6">
        <v>0.38952880899999998</v>
      </c>
      <c r="C30" s="6">
        <v>1.307379922</v>
      </c>
      <c r="D30" s="6">
        <v>1.46555875</v>
      </c>
      <c r="F30" s="6">
        <v>0.71194299999999999</v>
      </c>
      <c r="G30" s="6">
        <v>6.174442</v>
      </c>
      <c r="H30" s="6">
        <v>2.5441370000000001</v>
      </c>
      <c r="I30" s="6">
        <v>8.3049520000000001</v>
      </c>
      <c r="K30" s="6">
        <v>0.75246595900000002</v>
      </c>
      <c r="L30" s="6">
        <v>1.2478591299999999</v>
      </c>
      <c r="M30" s="6">
        <v>0.977195641</v>
      </c>
      <c r="N30" s="6">
        <v>1.813965383</v>
      </c>
      <c r="U30" s="6"/>
      <c r="V30" s="6"/>
      <c r="W30" s="6"/>
      <c r="X30" s="6"/>
      <c r="Y30" s="6"/>
      <c r="Z30" s="6"/>
      <c r="AA30" s="6"/>
      <c r="AB30" s="6"/>
      <c r="AC30" s="6"/>
      <c r="AD30" s="6"/>
    </row>
    <row r="31" spans="1:32" x14ac:dyDescent="0.25">
      <c r="A31" s="6">
        <v>0.78028650499999996</v>
      </c>
      <c r="B31" s="6">
        <v>0.31975384499999998</v>
      </c>
      <c r="C31" s="6">
        <v>2.2871356299999999</v>
      </c>
      <c r="D31" s="6">
        <v>1.6656852740000001</v>
      </c>
      <c r="F31" s="6">
        <v>1.0357810000000001</v>
      </c>
      <c r="G31" s="6">
        <v>6.3454300000000003</v>
      </c>
      <c r="H31" s="6">
        <v>3.7219950000000002</v>
      </c>
      <c r="I31" s="6">
        <v>8.544727</v>
      </c>
      <c r="K31" s="6">
        <v>1.212366735</v>
      </c>
      <c r="L31" s="6">
        <v>1.156921487</v>
      </c>
      <c r="M31" s="6">
        <v>1.181958802</v>
      </c>
      <c r="N31" s="6">
        <v>1.705441341</v>
      </c>
      <c r="U31" s="6"/>
      <c r="W31" s="6"/>
      <c r="X31" s="6"/>
      <c r="Y31" s="6"/>
      <c r="Z31" s="6"/>
      <c r="AA31" s="6"/>
      <c r="AB31" s="6"/>
      <c r="AC31" s="6"/>
      <c r="AD31" s="6"/>
    </row>
    <row r="32" spans="1:32" x14ac:dyDescent="0.25">
      <c r="A32" s="6">
        <v>0.85329027000000002</v>
      </c>
      <c r="B32" s="6">
        <v>0.61007189799999995</v>
      </c>
      <c r="C32" s="6">
        <v>6.4770385370000003</v>
      </c>
      <c r="D32" s="6">
        <v>1.8274765959999999</v>
      </c>
      <c r="F32" s="6">
        <v>0.87865400000000005</v>
      </c>
      <c r="G32" s="6">
        <v>7.6119490000000001</v>
      </c>
      <c r="H32" s="6">
        <v>2.1444730000000001</v>
      </c>
      <c r="I32" s="6">
        <v>4.399915</v>
      </c>
      <c r="K32" s="6">
        <v>1.061989665</v>
      </c>
      <c r="L32" s="6">
        <v>1.2472322840000001</v>
      </c>
      <c r="M32" s="6">
        <v>1.3279504689999999</v>
      </c>
      <c r="N32" s="6">
        <v>1.570983241</v>
      </c>
      <c r="U32" s="6"/>
    </row>
    <row r="33" spans="1:31" x14ac:dyDescent="0.25">
      <c r="A33" s="6">
        <v>1.1693388309999999</v>
      </c>
      <c r="B33" s="6">
        <v>0.88415555199999996</v>
      </c>
      <c r="C33" s="6">
        <v>5.273604508</v>
      </c>
      <c r="D33" s="6">
        <v>0.86465077300000004</v>
      </c>
      <c r="F33" s="6">
        <v>1.429381</v>
      </c>
      <c r="G33" s="6">
        <v>4.7642620000000004</v>
      </c>
      <c r="H33" s="6">
        <v>2.7383760000000001</v>
      </c>
      <c r="I33" s="6">
        <v>7.1256820000000003</v>
      </c>
      <c r="K33" s="6">
        <v>1.014141988</v>
      </c>
      <c r="L33" s="6">
        <v>1.262523947</v>
      </c>
      <c r="M33" s="6">
        <v>1.124356503</v>
      </c>
      <c r="N33" s="6">
        <v>1.532313949</v>
      </c>
      <c r="U33" s="6"/>
    </row>
    <row r="34" spans="1:31" x14ac:dyDescent="0.25">
      <c r="A34" s="6">
        <v>0.40431684499999998</v>
      </c>
      <c r="B34" s="6">
        <v>0.37758429300000002</v>
      </c>
      <c r="C34" s="6">
        <v>2.2007936090000002</v>
      </c>
      <c r="D34" s="6">
        <v>4.4493965490000003</v>
      </c>
      <c r="F34" s="6">
        <v>0.94423999999999997</v>
      </c>
      <c r="G34" s="6">
        <v>8.751951</v>
      </c>
      <c r="H34" s="6">
        <v>2.1324519999999998</v>
      </c>
      <c r="I34" s="6">
        <v>9.2577759999999998</v>
      </c>
      <c r="K34" s="6">
        <v>0.95903565400000002</v>
      </c>
      <c r="L34" s="6">
        <v>1.7528986689999999</v>
      </c>
      <c r="M34" s="6">
        <v>1.467029605</v>
      </c>
      <c r="N34" s="6">
        <v>1.6463466149999999</v>
      </c>
      <c r="U34" s="6"/>
    </row>
    <row r="35" spans="1:31" x14ac:dyDescent="0.25">
      <c r="A35" s="6"/>
      <c r="B35" s="6"/>
      <c r="C35" s="6">
        <v>1.3992510520000001</v>
      </c>
      <c r="D35" s="6">
        <v>5.0297592250000003</v>
      </c>
      <c r="F35" s="6"/>
      <c r="G35" s="6"/>
      <c r="H35" s="6">
        <v>2.7561149999999999</v>
      </c>
      <c r="I35" s="6">
        <v>12.470969999999999</v>
      </c>
      <c r="K35" s="6"/>
      <c r="L35" s="6"/>
      <c r="M35">
        <v>1.6034278989999999</v>
      </c>
      <c r="N35">
        <v>2.11567332</v>
      </c>
      <c r="U35" s="6"/>
    </row>
    <row r="36" spans="1:31" x14ac:dyDescent="0.25">
      <c r="A36" s="6"/>
      <c r="B36" s="6"/>
      <c r="C36" s="6">
        <v>2.0837531939999998</v>
      </c>
      <c r="D36" s="6">
        <v>1.2363252039999999</v>
      </c>
      <c r="F36" s="6"/>
      <c r="G36" s="6"/>
      <c r="H36" s="6">
        <v>5.3926100000000003</v>
      </c>
      <c r="I36" s="6">
        <v>10.291399999999999</v>
      </c>
      <c r="K36" s="6"/>
      <c r="L36" s="6"/>
      <c r="M36">
        <v>2.4376986450000002</v>
      </c>
      <c r="N36">
        <v>1.681234154</v>
      </c>
      <c r="U36" s="6"/>
    </row>
    <row r="37" spans="1:31" x14ac:dyDescent="0.25">
      <c r="C37" s="6"/>
      <c r="D37" s="6"/>
      <c r="H37" s="6"/>
      <c r="I37" s="6"/>
      <c r="K37" s="6"/>
      <c r="L37" s="6"/>
      <c r="M37" s="6"/>
      <c r="N37" s="6"/>
      <c r="S37" s="6"/>
      <c r="T37" s="6"/>
      <c r="U37" s="6"/>
    </row>
    <row r="38" spans="1:31" x14ac:dyDescent="0.25">
      <c r="C38" s="6"/>
      <c r="D38" s="6"/>
      <c r="H38" s="6"/>
      <c r="I38" s="6"/>
      <c r="K38" s="6"/>
      <c r="L38" s="6"/>
      <c r="M38" s="6"/>
      <c r="N38" s="6"/>
    </row>
    <row r="40" spans="1:31" x14ac:dyDescent="0.25">
      <c r="C40" s="6"/>
      <c r="D40" s="6"/>
      <c r="E40" s="6"/>
      <c r="F40" s="6"/>
      <c r="G40" s="6"/>
      <c r="H40" s="6"/>
      <c r="I40" s="6"/>
      <c r="J40" s="6"/>
      <c r="K40" s="6"/>
      <c r="L40" s="6"/>
      <c r="M40" s="6"/>
      <c r="N40" s="6"/>
      <c r="S40" s="6"/>
      <c r="T40" s="6"/>
      <c r="U40" s="6"/>
      <c r="V40" s="6"/>
      <c r="W40" s="6"/>
      <c r="X40" s="6"/>
      <c r="Y40" s="6"/>
      <c r="Z40" s="6"/>
      <c r="AA40" s="6"/>
      <c r="AB40" s="6"/>
      <c r="AC40" s="6"/>
      <c r="AD40" s="6"/>
      <c r="AE40" s="6"/>
    </row>
    <row r="41" spans="1:31" x14ac:dyDescent="0.25">
      <c r="C41" s="6"/>
      <c r="D41" s="6"/>
      <c r="E41" s="6"/>
      <c r="F41" s="6"/>
      <c r="G41" s="6"/>
      <c r="H41" s="6"/>
      <c r="I41" s="6"/>
      <c r="J41" s="6"/>
      <c r="K41" s="6"/>
      <c r="L41" s="6"/>
      <c r="M41" s="6"/>
      <c r="N41" s="6"/>
      <c r="S41" s="6"/>
      <c r="T41" s="6"/>
      <c r="U41" s="6"/>
      <c r="V41" s="6"/>
      <c r="W41" s="6"/>
      <c r="X41" s="6"/>
      <c r="Y41" s="6"/>
      <c r="Z41" s="6"/>
      <c r="AA41" s="6"/>
      <c r="AB41" s="6"/>
      <c r="AC41" s="6"/>
      <c r="AD41" s="6"/>
      <c r="AE41" s="6"/>
    </row>
    <row r="43" spans="1:31" x14ac:dyDescent="0.25">
      <c r="S43" s="6"/>
      <c r="T43" s="6"/>
      <c r="U43" s="6"/>
    </row>
    <row r="44" spans="1:31" x14ac:dyDescent="0.25">
      <c r="R44" s="6"/>
      <c r="S44" s="6"/>
      <c r="T44" s="6"/>
      <c r="U44" s="6"/>
    </row>
    <row r="45" spans="1:31" x14ac:dyDescent="0.25">
      <c r="R45" s="6"/>
      <c r="S45" s="6"/>
      <c r="T45" s="6"/>
      <c r="U45" s="6"/>
    </row>
    <row r="46" spans="1:31" x14ac:dyDescent="0.25">
      <c r="R46" s="6"/>
      <c r="S46" s="6"/>
      <c r="T46" s="6"/>
      <c r="U46" s="6"/>
    </row>
    <row r="47" spans="1:31" x14ac:dyDescent="0.25">
      <c r="R47" s="6"/>
      <c r="S47" s="6"/>
      <c r="T47" s="6"/>
      <c r="U47" s="6"/>
    </row>
    <row r="48" spans="1:31" x14ac:dyDescent="0.25">
      <c r="B48" s="6"/>
      <c r="C48" s="6"/>
      <c r="R48" s="6"/>
      <c r="S48" s="6"/>
      <c r="T48" s="6"/>
      <c r="U48" s="6"/>
    </row>
    <row r="49" spans="2:21" x14ac:dyDescent="0.25">
      <c r="B49" s="6"/>
      <c r="C49" s="6"/>
      <c r="R49" s="6"/>
      <c r="S49" s="6"/>
      <c r="T49" s="6"/>
      <c r="U49" s="6"/>
    </row>
  </sheetData>
  <mergeCells count="22">
    <mergeCell ref="M2:N2"/>
    <mergeCell ref="M28:N28"/>
    <mergeCell ref="P2:Q2"/>
    <mergeCell ref="R2:S2"/>
    <mergeCell ref="A15:B15"/>
    <mergeCell ref="C15:D15"/>
    <mergeCell ref="F15:G15"/>
    <mergeCell ref="H15:I15"/>
    <mergeCell ref="K15:L15"/>
    <mergeCell ref="M15:N15"/>
    <mergeCell ref="P15:Q15"/>
    <mergeCell ref="R15:S15"/>
    <mergeCell ref="A2:B2"/>
    <mergeCell ref="C2:D2"/>
    <mergeCell ref="F2:G2"/>
    <mergeCell ref="H2:I2"/>
    <mergeCell ref="K2:L2"/>
    <mergeCell ref="A28:B28"/>
    <mergeCell ref="C28:D28"/>
    <mergeCell ref="F28:G28"/>
    <mergeCell ref="H28:I28"/>
    <mergeCell ref="K28:L28"/>
  </mergeCells>
  <pageMargins left="0.7" right="0.7" top="0.75" bottom="0.75" header="0.3" footer="0.3"/>
</worksheet>
</file>

<file path=xl/worksheets/sheet1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EF82F24-E473-4D7D-B89C-D206E85F4002}">
  <dimension ref="A1:B11"/>
  <sheetViews>
    <sheetView workbookViewId="0">
      <selection activeCell="Q35" sqref="Q35"/>
    </sheetView>
  </sheetViews>
  <sheetFormatPr defaultRowHeight="15" x14ac:dyDescent="0.25"/>
  <sheetData>
    <row r="1" spans="1:2" x14ac:dyDescent="0.25">
      <c r="A1" t="s">
        <v>92</v>
      </c>
    </row>
    <row r="3" spans="1:2" x14ac:dyDescent="0.25">
      <c r="A3" s="8" t="s">
        <v>65</v>
      </c>
      <c r="B3" s="8" t="s">
        <v>91</v>
      </c>
    </row>
    <row r="4" spans="1:2" x14ac:dyDescent="0.25">
      <c r="A4" s="6">
        <v>9.3117408999999998E-2</v>
      </c>
      <c r="B4" s="6">
        <v>0.11510791400000001</v>
      </c>
    </row>
    <row r="5" spans="1:2" x14ac:dyDescent="0.25">
      <c r="A5" s="6">
        <v>7.1311474999999999E-2</v>
      </c>
      <c r="B5" s="6">
        <v>0.13869258000000001</v>
      </c>
    </row>
    <row r="6" spans="1:2" x14ac:dyDescent="0.25">
      <c r="A6" s="6">
        <v>0.104810997</v>
      </c>
      <c r="B6" s="6">
        <v>0.11864406800000001</v>
      </c>
    </row>
    <row r="7" spans="1:2" x14ac:dyDescent="0.25">
      <c r="A7" s="6">
        <v>7.8333333000000005E-2</v>
      </c>
      <c r="B7" s="6">
        <v>0.10726643600000001</v>
      </c>
    </row>
    <row r="8" spans="1:2" x14ac:dyDescent="0.25">
      <c r="A8" s="6">
        <v>7.1656050999999998E-2</v>
      </c>
      <c r="B8" s="6">
        <v>7.1548821999999998E-2</v>
      </c>
    </row>
    <row r="9" spans="1:2" x14ac:dyDescent="0.25">
      <c r="A9" s="6">
        <v>0.120431894</v>
      </c>
      <c r="B9" s="6"/>
    </row>
    <row r="10" spans="1:2" x14ac:dyDescent="0.25">
      <c r="A10" s="6">
        <v>9.1346153999999999E-2</v>
      </c>
      <c r="B10" s="6"/>
    </row>
    <row r="11" spans="1:2" x14ac:dyDescent="0.25">
      <c r="A11" s="6">
        <v>7.6860840999999999E-2</v>
      </c>
      <c r="B11" s="6"/>
    </row>
  </sheetData>
  <pageMargins left="0.7" right="0.7" top="0.75" bottom="0.75" header="0.3" footer="0.3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8F519D3-DFCB-4D8F-B304-DF9FD7CF0F2C}">
  <dimension ref="A1:K10"/>
  <sheetViews>
    <sheetView workbookViewId="0">
      <selection sqref="A1:K10"/>
    </sheetView>
  </sheetViews>
  <sheetFormatPr defaultRowHeight="15" x14ac:dyDescent="0.25"/>
  <sheetData>
    <row r="1" spans="1:11" x14ac:dyDescent="0.25">
      <c r="A1" s="11" t="s">
        <v>59</v>
      </c>
      <c r="B1" s="11"/>
      <c r="C1" s="11"/>
      <c r="D1" s="11"/>
      <c r="E1" s="11"/>
      <c r="F1" s="7"/>
      <c r="G1" s="11" t="s">
        <v>60</v>
      </c>
      <c r="H1" s="11"/>
      <c r="I1" s="11"/>
      <c r="J1" s="11"/>
      <c r="K1" s="11"/>
    </row>
    <row r="2" spans="1:11" x14ac:dyDescent="0.25">
      <c r="A2" s="7" t="s">
        <v>54</v>
      </c>
      <c r="B2" s="7" t="s">
        <v>55</v>
      </c>
      <c r="C2" s="7" t="s">
        <v>56</v>
      </c>
      <c r="D2" s="7" t="s">
        <v>57</v>
      </c>
      <c r="E2" s="7" t="s">
        <v>58</v>
      </c>
      <c r="F2" s="7"/>
      <c r="G2" s="7" t="s">
        <v>54</v>
      </c>
      <c r="H2" s="7" t="s">
        <v>55</v>
      </c>
      <c r="I2" s="7" t="s">
        <v>56</v>
      </c>
      <c r="J2" s="7" t="s">
        <v>57</v>
      </c>
      <c r="K2" s="7" t="s">
        <v>58</v>
      </c>
    </row>
    <row r="3" spans="1:11" x14ac:dyDescent="0.25">
      <c r="A3" s="6">
        <v>154</v>
      </c>
      <c r="B3" s="6">
        <v>4.3600000000000003</v>
      </c>
      <c r="C3" s="6">
        <v>112</v>
      </c>
      <c r="D3" s="6">
        <v>2.1</v>
      </c>
      <c r="E3" s="6">
        <v>2.3199999999999998</v>
      </c>
      <c r="G3" s="6">
        <v>158</v>
      </c>
      <c r="H3" s="6">
        <v>3.36</v>
      </c>
      <c r="I3" s="6">
        <v>116</v>
      </c>
      <c r="J3" s="6">
        <v>1.81</v>
      </c>
      <c r="K3" s="6">
        <v>2.02</v>
      </c>
    </row>
    <row r="4" spans="1:11" x14ac:dyDescent="0.25">
      <c r="A4" s="6">
        <v>156</v>
      </c>
      <c r="B4" s="6">
        <v>4.18</v>
      </c>
      <c r="C4" s="6">
        <v>118</v>
      </c>
      <c r="D4" s="6">
        <v>1.94</v>
      </c>
      <c r="E4" s="6">
        <v>2.4900000000000002</v>
      </c>
      <c r="G4" s="6">
        <v>160</v>
      </c>
      <c r="H4" s="6">
        <v>4.0199999999999996</v>
      </c>
      <c r="I4" s="6">
        <v>120</v>
      </c>
      <c r="J4" s="6">
        <v>1.72</v>
      </c>
      <c r="K4" s="6">
        <v>2.25</v>
      </c>
    </row>
    <row r="5" spans="1:11" x14ac:dyDescent="0.25">
      <c r="A5" s="6">
        <v>156</v>
      </c>
      <c r="B5" s="6">
        <v>4.6399999999999997</v>
      </c>
      <c r="C5" s="6">
        <v>114</v>
      </c>
      <c r="D5" s="6">
        <v>2.02</v>
      </c>
      <c r="E5" s="6">
        <v>2.44</v>
      </c>
      <c r="G5" s="6">
        <v>154</v>
      </c>
      <c r="H5" s="6">
        <v>3.68</v>
      </c>
      <c r="I5" s="6">
        <v>114</v>
      </c>
      <c r="J5" s="6">
        <v>1.75</v>
      </c>
      <c r="K5" s="6">
        <v>2.2999999999999998</v>
      </c>
    </row>
    <row r="6" spans="1:11" x14ac:dyDescent="0.25">
      <c r="A6" s="6">
        <v>160</v>
      </c>
      <c r="B6" s="6">
        <v>4.28</v>
      </c>
      <c r="C6" s="6">
        <v>118</v>
      </c>
      <c r="D6" s="6">
        <v>1.88</v>
      </c>
      <c r="E6" s="6">
        <v>2.08</v>
      </c>
      <c r="G6" s="6">
        <v>158</v>
      </c>
      <c r="H6" s="6">
        <v>3.52</v>
      </c>
      <c r="I6" s="6">
        <v>110</v>
      </c>
      <c r="J6" s="6">
        <v>1.4</v>
      </c>
      <c r="K6" s="6">
        <v>2.48</v>
      </c>
    </row>
    <row r="7" spans="1:11" x14ac:dyDescent="0.25">
      <c r="A7" s="6">
        <v>156</v>
      </c>
      <c r="B7" s="6">
        <v>4.16</v>
      </c>
      <c r="C7" s="6">
        <v>114</v>
      </c>
      <c r="D7" s="6">
        <v>1.92</v>
      </c>
      <c r="E7" s="6">
        <v>2.2200000000000002</v>
      </c>
      <c r="G7" s="6">
        <v>160</v>
      </c>
      <c r="H7" s="6">
        <v>3.52</v>
      </c>
      <c r="I7" s="6">
        <v>116</v>
      </c>
      <c r="J7" s="6">
        <v>1.38</v>
      </c>
      <c r="K7" s="6">
        <v>2</v>
      </c>
    </row>
    <row r="8" spans="1:11" x14ac:dyDescent="0.25">
      <c r="A8" s="6">
        <v>156</v>
      </c>
      <c r="B8" s="6">
        <v>4.4400000000000004</v>
      </c>
      <c r="C8" s="6">
        <v>114</v>
      </c>
      <c r="D8" s="6">
        <v>1.94</v>
      </c>
      <c r="E8" s="6">
        <v>2.72</v>
      </c>
      <c r="F8" s="6"/>
    </row>
    <row r="9" spans="1:11" x14ac:dyDescent="0.25">
      <c r="A9" s="6">
        <v>164</v>
      </c>
      <c r="B9" s="6">
        <v>4.7</v>
      </c>
      <c r="C9" s="6">
        <v>122</v>
      </c>
      <c r="D9" s="6">
        <v>1.9</v>
      </c>
      <c r="E9" s="6">
        <v>2.35</v>
      </c>
      <c r="F9" s="6"/>
    </row>
    <row r="10" spans="1:11" x14ac:dyDescent="0.25">
      <c r="A10" s="6">
        <v>162</v>
      </c>
      <c r="B10" s="6">
        <v>4.5</v>
      </c>
      <c r="C10" s="6">
        <v>122</v>
      </c>
      <c r="D10" s="6">
        <v>1.86</v>
      </c>
      <c r="E10" s="6">
        <v>2.15</v>
      </c>
      <c r="F10" s="6"/>
    </row>
  </sheetData>
  <mergeCells count="2">
    <mergeCell ref="A1:E1"/>
    <mergeCell ref="G1:K1"/>
  </mergeCells>
  <pageMargins left="0.7" right="0.7" top="0.75" bottom="0.75" header="0.3" footer="0.3"/>
  <pageSetup orientation="portrait" horizontalDpi="1200" verticalDpi="1200" r:id="rId1"/>
</worksheet>
</file>

<file path=xl/worksheets/sheet2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D8C8BDD-BDE5-4A5A-AF17-D9247C7C7655}">
  <dimension ref="A1:AB13"/>
  <sheetViews>
    <sheetView workbookViewId="0">
      <selection activeCell="M10" sqref="M10:M13"/>
    </sheetView>
  </sheetViews>
  <sheetFormatPr defaultRowHeight="15" x14ac:dyDescent="0.25"/>
  <sheetData>
    <row r="1" spans="1:28" x14ac:dyDescent="0.25">
      <c r="A1" s="1" t="s">
        <v>93</v>
      </c>
      <c r="C1" s="1" t="s">
        <v>20</v>
      </c>
      <c r="E1" s="1" t="s">
        <v>19</v>
      </c>
      <c r="G1" s="1" t="s">
        <v>76</v>
      </c>
      <c r="I1" s="1" t="s">
        <v>95</v>
      </c>
      <c r="K1" s="1" t="s">
        <v>96</v>
      </c>
      <c r="M1" s="1" t="s">
        <v>77</v>
      </c>
      <c r="O1" s="1" t="s">
        <v>97</v>
      </c>
      <c r="Q1" s="1" t="s">
        <v>14</v>
      </c>
      <c r="S1" s="1" t="s">
        <v>98</v>
      </c>
      <c r="U1" s="1" t="s">
        <v>80</v>
      </c>
      <c r="W1" s="1" t="s">
        <v>99</v>
      </c>
      <c r="Y1" s="1" t="s">
        <v>81</v>
      </c>
      <c r="AA1" s="1" t="s">
        <v>83</v>
      </c>
    </row>
    <row r="2" spans="1:28" x14ac:dyDescent="0.25">
      <c r="A2" t="s">
        <v>15</v>
      </c>
      <c r="B2" t="s">
        <v>94</v>
      </c>
      <c r="C2" t="s">
        <v>15</v>
      </c>
      <c r="D2" t="s">
        <v>16</v>
      </c>
      <c r="E2" t="s">
        <v>15</v>
      </c>
      <c r="F2" t="s">
        <v>16</v>
      </c>
      <c r="G2" t="s">
        <v>15</v>
      </c>
      <c r="H2" t="s">
        <v>16</v>
      </c>
      <c r="I2" t="s">
        <v>15</v>
      </c>
      <c r="J2" t="s">
        <v>16</v>
      </c>
      <c r="K2" t="s">
        <v>15</v>
      </c>
      <c r="L2" t="s">
        <v>16</v>
      </c>
      <c r="M2" t="s">
        <v>15</v>
      </c>
      <c r="N2" t="s">
        <v>16</v>
      </c>
      <c r="O2" t="s">
        <v>15</v>
      </c>
      <c r="P2" t="s">
        <v>94</v>
      </c>
      <c r="Q2" t="s">
        <v>15</v>
      </c>
      <c r="R2" t="s">
        <v>16</v>
      </c>
      <c r="S2" t="s">
        <v>15</v>
      </c>
      <c r="T2" t="s">
        <v>16</v>
      </c>
      <c r="U2" t="s">
        <v>15</v>
      </c>
      <c r="V2" t="s">
        <v>16</v>
      </c>
      <c r="W2" t="s">
        <v>15</v>
      </c>
      <c r="X2" t="s">
        <v>16</v>
      </c>
      <c r="Y2" t="s">
        <v>15</v>
      </c>
      <c r="Z2" t="s">
        <v>16</v>
      </c>
      <c r="AA2" t="s">
        <v>15</v>
      </c>
      <c r="AB2" t="s">
        <v>16</v>
      </c>
    </row>
    <row r="3" spans="1:28" x14ac:dyDescent="0.25">
      <c r="A3">
        <v>1.0263904383806044</v>
      </c>
      <c r="B3">
        <v>1.5829104451657703</v>
      </c>
      <c r="C3">
        <v>1.0291015706639843</v>
      </c>
      <c r="D3">
        <v>2.0941798985231661</v>
      </c>
      <c r="E3">
        <v>0.43763549137466057</v>
      </c>
      <c r="F3">
        <v>0.6167687811810858</v>
      </c>
      <c r="G3">
        <v>0.92563634349036261</v>
      </c>
      <c r="H3">
        <v>0.81141811456170587</v>
      </c>
      <c r="I3">
        <v>0.7821153160308385</v>
      </c>
      <c r="J3">
        <v>0.6287041716667835</v>
      </c>
      <c r="K3">
        <v>0.97687858332378696</v>
      </c>
      <c r="L3">
        <v>1.6774283744761604</v>
      </c>
      <c r="M3">
        <v>0.80883821922935695</v>
      </c>
      <c r="N3">
        <v>0.87595160729301969</v>
      </c>
      <c r="O3">
        <v>0.88069456928838408</v>
      </c>
      <c r="P3">
        <v>0.8331878317049819</v>
      </c>
      <c r="Q3">
        <v>0.80766366024972014</v>
      </c>
      <c r="R3">
        <v>2.8915168992038125</v>
      </c>
      <c r="S3">
        <v>0.82677978663866925</v>
      </c>
      <c r="T3">
        <v>0.85890770777208203</v>
      </c>
      <c r="U3">
        <v>0.65402639076260571</v>
      </c>
      <c r="V3">
        <v>1.3730848278265739</v>
      </c>
      <c r="W3">
        <v>0.82277160204001776</v>
      </c>
      <c r="X3">
        <v>1.4626290334899292</v>
      </c>
      <c r="Y3">
        <v>0.86659259972879998</v>
      </c>
      <c r="Z3">
        <v>1.8640309596403966</v>
      </c>
      <c r="AA3">
        <v>0.79575544290014755</v>
      </c>
      <c r="AB3">
        <v>0.91092048141570614</v>
      </c>
    </row>
    <row r="4" spans="1:28" x14ac:dyDescent="0.25">
      <c r="A4">
        <v>1.0811596954667337</v>
      </c>
      <c r="B4">
        <v>1.3356848374900745</v>
      </c>
      <c r="C4">
        <v>1.206966288384141</v>
      </c>
      <c r="D4">
        <v>1.6834085862222381</v>
      </c>
      <c r="E4">
        <v>0.73346582289210172</v>
      </c>
      <c r="F4">
        <v>0.49579019581186129</v>
      </c>
      <c r="G4">
        <v>0.95496344572901848</v>
      </c>
      <c r="H4">
        <v>0.80024708159909175</v>
      </c>
      <c r="I4">
        <v>1.1254119916775471</v>
      </c>
      <c r="J4">
        <v>0.39927461068440012</v>
      </c>
      <c r="K4">
        <v>1.0801645941531892</v>
      </c>
      <c r="L4">
        <v>1.0801645941531892</v>
      </c>
      <c r="M4">
        <v>1.0672684288085958</v>
      </c>
      <c r="N4">
        <v>0.77858317519849518</v>
      </c>
      <c r="O4">
        <v>0.98058437250228925</v>
      </c>
      <c r="P4">
        <v>0.82743258295567268</v>
      </c>
      <c r="Q4">
        <v>1.1702579240379121</v>
      </c>
      <c r="R4">
        <v>1.3211795406811173</v>
      </c>
      <c r="S4">
        <v>1.1611666347084295</v>
      </c>
      <c r="T4">
        <v>0.64419752492811522</v>
      </c>
      <c r="U4">
        <v>1.4413500517992583</v>
      </c>
      <c r="V4">
        <v>1.335537751002261</v>
      </c>
      <c r="W4">
        <v>0.89723879424202135</v>
      </c>
      <c r="X4">
        <v>1.0781544801952179</v>
      </c>
      <c r="Y4">
        <v>1.2128707538098229</v>
      </c>
      <c r="Z4">
        <v>0.81418346174571976</v>
      </c>
      <c r="AA4">
        <v>1.1570065444848683</v>
      </c>
      <c r="AB4">
        <v>0.7097569740064108</v>
      </c>
    </row>
    <row r="5" spans="1:28" x14ac:dyDescent="0.25">
      <c r="A5">
        <v>0.93146898366477859</v>
      </c>
      <c r="B5">
        <v>1.04071831496186</v>
      </c>
      <c r="C5">
        <v>0.505711110821918</v>
      </c>
      <c r="D5">
        <v>1.7732370123183214</v>
      </c>
      <c r="E5">
        <v>2.4331101724451809</v>
      </c>
      <c r="F5">
        <v>0.62105874731201294</v>
      </c>
      <c r="G5">
        <v>1.0450104835955216</v>
      </c>
      <c r="H5">
        <v>0.86664761962676817</v>
      </c>
      <c r="I5">
        <v>1.32910330325598</v>
      </c>
      <c r="J5">
        <v>0.85883520808625191</v>
      </c>
      <c r="K5">
        <v>1.1738525217325821</v>
      </c>
      <c r="L5">
        <v>1.1066900049381099</v>
      </c>
      <c r="M5">
        <v>1.1883197410884552</v>
      </c>
      <c r="N5">
        <v>0.76786419054903909</v>
      </c>
      <c r="O5">
        <v>1.0767726527566486</v>
      </c>
      <c r="P5">
        <v>0.76403661042240145</v>
      </c>
      <c r="Q5">
        <v>1.1382571595639035</v>
      </c>
      <c r="R5">
        <v>1.6549946276489984</v>
      </c>
      <c r="S5">
        <v>1.1531458708808211</v>
      </c>
      <c r="T5">
        <v>0.60105754382428722</v>
      </c>
      <c r="U5">
        <v>0.68416715760362634</v>
      </c>
      <c r="V5">
        <v>0.84523285741367471</v>
      </c>
      <c r="W5">
        <v>1.2129868457488842</v>
      </c>
      <c r="X5">
        <v>1.0059536999953571</v>
      </c>
      <c r="Y5">
        <v>1.1395196650606758</v>
      </c>
      <c r="Z5">
        <v>0.85762913472176538</v>
      </c>
      <c r="AA5">
        <v>0.98992904414347105</v>
      </c>
      <c r="AB5">
        <v>0.90149851789800017</v>
      </c>
    </row>
    <row r="6" spans="1:28" x14ac:dyDescent="0.25">
      <c r="A6">
        <v>0.96098088248788316</v>
      </c>
      <c r="B6">
        <v>1.0699768892664907</v>
      </c>
      <c r="C6">
        <v>1.258221030129957</v>
      </c>
      <c r="D6">
        <v>1.6036789854687277</v>
      </c>
      <c r="E6">
        <v>0.39578851328805659</v>
      </c>
      <c r="F6">
        <v>0.10568200498641507</v>
      </c>
      <c r="G6">
        <v>1.0743897271850977</v>
      </c>
      <c r="H6">
        <v>0.52069751099007822</v>
      </c>
      <c r="I6">
        <v>0.76336938903563445</v>
      </c>
      <c r="J6">
        <v>0.27271259584741453</v>
      </c>
      <c r="K6">
        <v>0.76910430079044123</v>
      </c>
      <c r="L6">
        <v>0.60342700402417893</v>
      </c>
      <c r="M6">
        <v>0.93557361087359214</v>
      </c>
      <c r="N6">
        <v>0.65926165388365721</v>
      </c>
      <c r="O6">
        <v>1.0619484054526787</v>
      </c>
      <c r="P6">
        <v>0.86257013713562081</v>
      </c>
      <c r="Q6">
        <v>0.88382125614846418</v>
      </c>
      <c r="R6">
        <v>1.678097491706271</v>
      </c>
      <c r="S6">
        <v>0.85890770777208003</v>
      </c>
      <c r="T6">
        <v>0.53982923807469596</v>
      </c>
      <c r="U6">
        <v>1.220456399834509</v>
      </c>
      <c r="V6">
        <v>1.0478416815771658</v>
      </c>
      <c r="W6">
        <v>1.0670027579690768</v>
      </c>
      <c r="X6">
        <v>0.79199537206564685</v>
      </c>
      <c r="Y6">
        <v>0.78101698140070164</v>
      </c>
      <c r="Z6">
        <v>0.6043372698889381</v>
      </c>
      <c r="AA6">
        <v>1.0573089684715129</v>
      </c>
      <c r="AB6">
        <v>0.37381517070778109</v>
      </c>
    </row>
    <row r="8" spans="1:28" x14ac:dyDescent="0.25">
      <c r="A8" s="1" t="s">
        <v>84</v>
      </c>
      <c r="C8" s="1" t="s">
        <v>86</v>
      </c>
      <c r="E8" s="1" t="s">
        <v>100</v>
      </c>
      <c r="G8" s="1" t="s">
        <v>101</v>
      </c>
      <c r="I8" s="1" t="s">
        <v>102</v>
      </c>
      <c r="K8" s="1" t="s">
        <v>103</v>
      </c>
      <c r="M8" s="1" t="s">
        <v>104</v>
      </c>
      <c r="O8" s="1"/>
      <c r="Q8" s="1"/>
      <c r="S8" s="1"/>
      <c r="U8" s="1"/>
      <c r="W8" s="1"/>
      <c r="Y8" s="1"/>
      <c r="AA8" s="1"/>
    </row>
    <row r="9" spans="1:28" x14ac:dyDescent="0.25">
      <c r="A9" t="s">
        <v>15</v>
      </c>
      <c r="B9" t="s">
        <v>94</v>
      </c>
      <c r="C9" t="s">
        <v>15</v>
      </c>
      <c r="D9" t="s">
        <v>16</v>
      </c>
      <c r="E9" t="s">
        <v>15</v>
      </c>
      <c r="F9" t="s">
        <v>16</v>
      </c>
      <c r="G9" t="s">
        <v>15</v>
      </c>
      <c r="H9" t="s">
        <v>16</v>
      </c>
      <c r="I9" t="s">
        <v>15</v>
      </c>
      <c r="J9" t="s">
        <v>16</v>
      </c>
      <c r="K9" t="s">
        <v>15</v>
      </c>
      <c r="L9" t="s">
        <v>16</v>
      </c>
      <c r="M9" t="s">
        <v>15</v>
      </c>
      <c r="N9" t="s">
        <v>16</v>
      </c>
    </row>
    <row r="10" spans="1:28" x14ac:dyDescent="0.25">
      <c r="A10">
        <v>0.83969045031105627</v>
      </c>
      <c r="B10">
        <v>2.9957754404685271</v>
      </c>
      <c r="C10">
        <v>0.84525597540266795</v>
      </c>
      <c r="D10">
        <v>1.166721490910497</v>
      </c>
      <c r="E10">
        <v>0.91958984527174636</v>
      </c>
      <c r="F10">
        <v>1.4035324698126215</v>
      </c>
      <c r="G10">
        <v>0.90718588090527108</v>
      </c>
      <c r="H10">
        <v>1.1482765107125865</v>
      </c>
      <c r="I10">
        <v>0.83431554490275162</v>
      </c>
      <c r="J10">
        <v>1.5143146771562506</v>
      </c>
      <c r="K10">
        <v>0.89430355056864519</v>
      </c>
      <c r="L10">
        <v>1.6175793768278814</v>
      </c>
      <c r="M10">
        <v>0.91869007859204632</v>
      </c>
      <c r="N10">
        <v>1.4872530670713178</v>
      </c>
    </row>
    <row r="11" spans="1:28" x14ac:dyDescent="0.25">
      <c r="A11">
        <v>1.6448197414491095</v>
      </c>
      <c r="B11">
        <v>1.0020326274385849</v>
      </c>
      <c r="C11">
        <v>1.1230796237978322</v>
      </c>
      <c r="D11">
        <v>0.73329225920827035</v>
      </c>
      <c r="E11">
        <v>1.393837562873121</v>
      </c>
      <c r="F11">
        <v>0.75736593613628911</v>
      </c>
      <c r="G11">
        <v>1.0277362654454547</v>
      </c>
      <c r="H11">
        <v>0.7654977763339923</v>
      </c>
      <c r="I11">
        <v>1.0633857442934642</v>
      </c>
      <c r="J11">
        <v>0.82568593256369027</v>
      </c>
      <c r="K11">
        <v>1.0821020101558867</v>
      </c>
      <c r="L11">
        <v>0.7839516090217179</v>
      </c>
      <c r="M11">
        <v>1.4566458415380585</v>
      </c>
      <c r="N11">
        <v>0.9060422008010508</v>
      </c>
    </row>
    <row r="12" spans="1:28" x14ac:dyDescent="0.25">
      <c r="A12">
        <v>1.092724328604662</v>
      </c>
      <c r="B12">
        <v>1.0055114327193697</v>
      </c>
      <c r="C12">
        <v>1.2375271829996142</v>
      </c>
      <c r="D12">
        <v>0.93787022638972883</v>
      </c>
      <c r="E12">
        <v>1.1165612858705907</v>
      </c>
      <c r="F12">
        <v>0.7950196587700632</v>
      </c>
      <c r="G12">
        <v>1.468629100520952</v>
      </c>
      <c r="H12">
        <v>0.90091949029346241</v>
      </c>
      <c r="I12">
        <v>1.2385610917503567</v>
      </c>
      <c r="J12">
        <v>1.0343074051947341</v>
      </c>
      <c r="K12">
        <v>1.2006673561322225</v>
      </c>
      <c r="L12">
        <v>1.2258959295517944</v>
      </c>
      <c r="M12">
        <v>1.0371683977789681</v>
      </c>
      <c r="N12">
        <v>1.0371683977789654</v>
      </c>
    </row>
    <row r="13" spans="1:28" x14ac:dyDescent="0.25">
      <c r="A13">
        <v>0.42276547963517225</v>
      </c>
      <c r="B13">
        <v>0.15208286127910731</v>
      </c>
      <c r="C13">
        <v>0.79413721779988578</v>
      </c>
      <c r="D13">
        <v>0.56544563016942018</v>
      </c>
      <c r="E13">
        <v>0.57001130598454208</v>
      </c>
      <c r="F13">
        <v>0.3239992637898278</v>
      </c>
      <c r="G13">
        <v>0.5964487531283228</v>
      </c>
      <c r="H13">
        <v>0.4473481924016981</v>
      </c>
      <c r="I13">
        <v>0.86373761905342694</v>
      </c>
      <c r="J13">
        <v>0.68713478834860797</v>
      </c>
      <c r="K13">
        <v>0.82292708314324536</v>
      </c>
      <c r="L13">
        <v>0.73654037095883274</v>
      </c>
      <c r="M13">
        <v>0.58749568209092773</v>
      </c>
      <c r="N13">
        <v>0.42268363253599817</v>
      </c>
    </row>
  </sheetData>
  <pageMargins left="0.7" right="0.7" top="0.75" bottom="0.75" header="0.3" footer="0.3"/>
</worksheet>
</file>

<file path=xl/worksheets/sheet2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5299FBA-AE43-4937-8363-E76833BEA11B}">
  <dimension ref="A1:N11"/>
  <sheetViews>
    <sheetView workbookViewId="0">
      <selection activeCell="T38" sqref="T38"/>
    </sheetView>
  </sheetViews>
  <sheetFormatPr defaultRowHeight="15" x14ac:dyDescent="0.25"/>
  <sheetData>
    <row r="1" spans="1:14" x14ac:dyDescent="0.25">
      <c r="A1" t="s">
        <v>105</v>
      </c>
      <c r="D1" t="s">
        <v>107</v>
      </c>
      <c r="G1" t="s">
        <v>108</v>
      </c>
      <c r="J1" t="s">
        <v>109</v>
      </c>
      <c r="M1" t="s">
        <v>110</v>
      </c>
    </row>
    <row r="2" spans="1:14" x14ac:dyDescent="0.25">
      <c r="A2" t="s">
        <v>106</v>
      </c>
      <c r="D2" t="s">
        <v>106</v>
      </c>
      <c r="G2" t="s">
        <v>106</v>
      </c>
      <c r="J2" t="s">
        <v>106</v>
      </c>
      <c r="M2" t="s">
        <v>106</v>
      </c>
    </row>
    <row r="3" spans="1:14" x14ac:dyDescent="0.25">
      <c r="A3" s="8" t="s">
        <v>65</v>
      </c>
      <c r="B3" s="8" t="s">
        <v>91</v>
      </c>
      <c r="D3" s="8" t="s">
        <v>65</v>
      </c>
      <c r="E3" s="8" t="s">
        <v>91</v>
      </c>
      <c r="G3" s="8" t="s">
        <v>65</v>
      </c>
      <c r="H3" s="8" t="s">
        <v>91</v>
      </c>
      <c r="J3" s="8" t="s">
        <v>65</v>
      </c>
      <c r="K3" s="8" t="s">
        <v>91</v>
      </c>
      <c r="M3" s="8" t="s">
        <v>65</v>
      </c>
      <c r="N3" s="8" t="s">
        <v>91</v>
      </c>
    </row>
    <row r="4" spans="1:14" x14ac:dyDescent="0.25">
      <c r="A4" s="6">
        <v>24.28015564</v>
      </c>
      <c r="B4" s="6">
        <v>7.3812949640000003</v>
      </c>
      <c r="D4" s="6">
        <v>37.821011669999997</v>
      </c>
      <c r="E4" s="6">
        <v>0.54676259000000005</v>
      </c>
      <c r="G4" s="6">
        <v>59.766536960000003</v>
      </c>
      <c r="H4" s="6">
        <v>7.3812949640000003</v>
      </c>
      <c r="J4" s="6">
        <v>7.0000000000000007E-2</v>
      </c>
      <c r="K4" s="6">
        <v>0.28000000000000003</v>
      </c>
      <c r="M4" s="6">
        <v>4.25</v>
      </c>
      <c r="N4" s="6">
        <v>6.75</v>
      </c>
    </row>
    <row r="5" spans="1:14" x14ac:dyDescent="0.25">
      <c r="A5" s="6">
        <v>6.0307692309999998</v>
      </c>
      <c r="B5" s="6">
        <v>11.02473498</v>
      </c>
      <c r="D5" s="6">
        <v>14.129230769999999</v>
      </c>
      <c r="E5" s="6">
        <v>0.73498233199999996</v>
      </c>
      <c r="G5" s="6">
        <v>19.98769231</v>
      </c>
      <c r="H5" s="6">
        <v>11.02473498</v>
      </c>
      <c r="J5" s="6">
        <v>0.12</v>
      </c>
      <c r="K5" s="6">
        <v>0.32</v>
      </c>
      <c r="M5" s="6">
        <v>5.13</v>
      </c>
      <c r="N5" s="6">
        <v>5.84</v>
      </c>
    </row>
    <row r="6" spans="1:14" x14ac:dyDescent="0.25">
      <c r="A6" s="6">
        <v>8.5360824740000005</v>
      </c>
      <c r="B6" s="6">
        <v>7.2452830190000004</v>
      </c>
      <c r="D6" s="6">
        <v>10.116838489999999</v>
      </c>
      <c r="E6" s="6">
        <v>0.57358490600000001</v>
      </c>
      <c r="G6" s="6">
        <v>17.072164950000001</v>
      </c>
      <c r="H6" s="6">
        <v>6.9433962259999999</v>
      </c>
      <c r="J6" s="6">
        <v>0.09</v>
      </c>
      <c r="K6" s="6">
        <v>0.24</v>
      </c>
      <c r="M6" s="6">
        <v>4.4400000000000004</v>
      </c>
      <c r="N6" s="6">
        <v>7.54</v>
      </c>
    </row>
    <row r="7" spans="1:14" x14ac:dyDescent="0.25">
      <c r="A7" s="6">
        <v>15.84</v>
      </c>
      <c r="B7" s="6">
        <v>16.442906570000002</v>
      </c>
      <c r="D7" s="6">
        <v>18.48</v>
      </c>
      <c r="E7" s="6">
        <v>1.2179930800000001</v>
      </c>
      <c r="G7" s="6">
        <v>32.119999999999997</v>
      </c>
      <c r="H7" s="6">
        <v>14.61591696</v>
      </c>
      <c r="J7" s="6">
        <v>0.09</v>
      </c>
      <c r="K7" s="6">
        <v>0.31</v>
      </c>
      <c r="M7" s="6">
        <v>6.07</v>
      </c>
      <c r="N7" s="6">
        <v>6.31</v>
      </c>
    </row>
    <row r="8" spans="1:14" x14ac:dyDescent="0.25">
      <c r="A8" s="6">
        <v>6.4458598729999999</v>
      </c>
      <c r="B8" s="6">
        <v>5.9528619530000002</v>
      </c>
      <c r="D8" s="6">
        <v>13.18471338</v>
      </c>
      <c r="E8" s="6">
        <v>0.45791245800000002</v>
      </c>
      <c r="G8" s="6">
        <v>18.75159236</v>
      </c>
      <c r="H8" s="6">
        <v>5.7239057239999998</v>
      </c>
      <c r="J8" s="6">
        <v>0.12</v>
      </c>
      <c r="K8" s="6">
        <v>0.28000000000000003</v>
      </c>
      <c r="M8" s="6">
        <v>7.82</v>
      </c>
      <c r="N8" s="6">
        <v>7.75</v>
      </c>
    </row>
    <row r="9" spans="1:14" x14ac:dyDescent="0.25">
      <c r="A9" s="6">
        <v>14.51162791</v>
      </c>
      <c r="B9" s="6"/>
      <c r="D9" s="6">
        <v>26.046511630000001</v>
      </c>
      <c r="E9" s="6"/>
      <c r="G9" s="6">
        <v>39.813953490000003</v>
      </c>
      <c r="H9" s="6"/>
      <c r="J9" s="6">
        <v>0.08</v>
      </c>
      <c r="K9" s="6"/>
      <c r="M9" s="6">
        <v>6.45</v>
      </c>
      <c r="N9" s="6"/>
    </row>
    <row r="10" spans="1:14" x14ac:dyDescent="0.25">
      <c r="A10" s="6">
        <v>16.666666670000001</v>
      </c>
      <c r="B10" s="6"/>
      <c r="D10" s="6">
        <v>33.333333330000002</v>
      </c>
      <c r="E10" s="6"/>
      <c r="G10" s="6">
        <v>49.333333330000002</v>
      </c>
      <c r="H10" s="6"/>
      <c r="J10" s="6">
        <v>0.14000000000000001</v>
      </c>
      <c r="K10" s="6"/>
      <c r="M10" s="6">
        <v>5.78</v>
      </c>
      <c r="N10" s="6"/>
    </row>
    <row r="11" spans="1:14" x14ac:dyDescent="0.25">
      <c r="A11" s="6">
        <v>11.32743363</v>
      </c>
      <c r="B11" s="6"/>
      <c r="D11" s="6">
        <v>19.256637170000001</v>
      </c>
      <c r="E11" s="6"/>
      <c r="G11" s="6">
        <v>29.734513270000001</v>
      </c>
      <c r="H11" s="6"/>
      <c r="J11" s="6">
        <v>0.17</v>
      </c>
      <c r="K11" s="6"/>
      <c r="M11" s="6">
        <v>6.12</v>
      </c>
      <c r="N11" s="6"/>
    </row>
  </sheetData>
  <pageMargins left="0.7" right="0.7" top="0.75" bottom="0.75" header="0.3" footer="0.3"/>
</worksheet>
</file>

<file path=xl/worksheets/sheet2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910A52D-19DF-44B3-A32E-47580ABF1E58}">
  <dimension ref="A1:X28"/>
  <sheetViews>
    <sheetView workbookViewId="0">
      <selection activeCell="A3" sqref="A3:D12"/>
    </sheetView>
  </sheetViews>
  <sheetFormatPr defaultRowHeight="15" x14ac:dyDescent="0.25"/>
  <sheetData>
    <row r="1" spans="1:24" x14ac:dyDescent="0.25">
      <c r="A1" t="s">
        <v>105</v>
      </c>
      <c r="F1" t="s">
        <v>107</v>
      </c>
      <c r="K1" t="s">
        <v>108</v>
      </c>
      <c r="P1" t="s">
        <v>109</v>
      </c>
      <c r="U1" t="s">
        <v>110</v>
      </c>
    </row>
    <row r="2" spans="1:24" x14ac:dyDescent="0.25">
      <c r="A2" t="s">
        <v>111</v>
      </c>
      <c r="F2" t="s">
        <v>111</v>
      </c>
      <c r="K2" t="s">
        <v>111</v>
      </c>
      <c r="P2" t="s">
        <v>111</v>
      </c>
      <c r="U2" t="s">
        <v>111</v>
      </c>
    </row>
    <row r="3" spans="1:24" x14ac:dyDescent="0.25">
      <c r="A3" t="s">
        <v>112</v>
      </c>
      <c r="C3" t="s">
        <v>113</v>
      </c>
      <c r="F3" t="s">
        <v>112</v>
      </c>
      <c r="H3" t="s">
        <v>113</v>
      </c>
      <c r="K3" t="s">
        <v>112</v>
      </c>
      <c r="M3" t="s">
        <v>113</v>
      </c>
      <c r="P3" t="s">
        <v>112</v>
      </c>
      <c r="R3" t="s">
        <v>113</v>
      </c>
      <c r="U3" t="s">
        <v>112</v>
      </c>
      <c r="W3" t="s">
        <v>113</v>
      </c>
    </row>
    <row r="4" spans="1:24" x14ac:dyDescent="0.25">
      <c r="A4" s="8" t="s">
        <v>65</v>
      </c>
      <c r="B4" s="8" t="s">
        <v>91</v>
      </c>
      <c r="C4" s="8" t="s">
        <v>65</v>
      </c>
      <c r="D4" s="8" t="s">
        <v>91</v>
      </c>
      <c r="F4" s="8" t="s">
        <v>65</v>
      </c>
      <c r="G4" s="8" t="s">
        <v>91</v>
      </c>
      <c r="H4" s="8" t="s">
        <v>65</v>
      </c>
      <c r="I4" s="8" t="s">
        <v>91</v>
      </c>
      <c r="K4" s="8" t="s">
        <v>65</v>
      </c>
      <c r="L4" s="8" t="s">
        <v>91</v>
      </c>
      <c r="M4" s="8" t="s">
        <v>65</v>
      </c>
      <c r="N4" s="8" t="s">
        <v>91</v>
      </c>
      <c r="P4" s="8" t="s">
        <v>65</v>
      </c>
      <c r="Q4" s="8" t="s">
        <v>91</v>
      </c>
      <c r="R4" s="8" t="s">
        <v>65</v>
      </c>
      <c r="S4" s="8" t="s">
        <v>91</v>
      </c>
      <c r="U4" s="8" t="s">
        <v>65</v>
      </c>
      <c r="V4" s="8" t="s">
        <v>91</v>
      </c>
      <c r="W4" s="8" t="s">
        <v>65</v>
      </c>
      <c r="X4" s="8" t="s">
        <v>91</v>
      </c>
    </row>
    <row r="5" spans="1:24" x14ac:dyDescent="0.25">
      <c r="A5" s="6">
        <v>1.22</v>
      </c>
      <c r="B5" s="6">
        <v>3.22</v>
      </c>
      <c r="C5" s="6">
        <v>2.62</v>
      </c>
      <c r="D5" s="6">
        <v>4.8099999999999996</v>
      </c>
      <c r="F5" s="6">
        <v>0.93</v>
      </c>
      <c r="G5" s="6">
        <v>2.9</v>
      </c>
      <c r="H5" s="6">
        <v>8.52</v>
      </c>
      <c r="I5" s="6">
        <v>2.81</v>
      </c>
      <c r="K5" s="6">
        <v>1.6</v>
      </c>
      <c r="L5" s="6">
        <v>4.26</v>
      </c>
      <c r="M5" s="6">
        <v>9.9499999999999993</v>
      </c>
      <c r="N5" s="6">
        <v>5.08</v>
      </c>
      <c r="P5" s="6">
        <v>0.02</v>
      </c>
      <c r="Q5" s="6">
        <v>0.21</v>
      </c>
      <c r="R5" s="6">
        <v>0.1</v>
      </c>
      <c r="S5" s="6">
        <v>0.17</v>
      </c>
      <c r="U5" s="6">
        <v>0.67</v>
      </c>
      <c r="V5" s="6">
        <v>2.4700000000000002</v>
      </c>
      <c r="W5" s="6">
        <v>1.1000000000000001</v>
      </c>
      <c r="X5" s="6">
        <v>1.38</v>
      </c>
    </row>
    <row r="6" spans="1:24" x14ac:dyDescent="0.25">
      <c r="A6" s="6">
        <v>1.22</v>
      </c>
      <c r="B6" s="6">
        <v>3.14</v>
      </c>
      <c r="C6" s="6">
        <v>4.33</v>
      </c>
      <c r="D6" s="6">
        <v>3.66</v>
      </c>
      <c r="F6" s="6">
        <v>2.37</v>
      </c>
      <c r="G6" s="6">
        <v>1.45</v>
      </c>
      <c r="H6" s="6">
        <v>11.57</v>
      </c>
      <c r="I6" s="6">
        <v>0.81</v>
      </c>
      <c r="K6" s="6">
        <v>3.82</v>
      </c>
      <c r="L6" s="6">
        <v>4.01</v>
      </c>
      <c r="M6" s="6">
        <v>14.17</v>
      </c>
      <c r="N6" s="6">
        <v>5.1100000000000003</v>
      </c>
      <c r="P6" s="6">
        <v>0.21</v>
      </c>
      <c r="Q6" s="6">
        <v>0.12</v>
      </c>
      <c r="R6" s="6">
        <v>0.08</v>
      </c>
      <c r="S6" s="6">
        <v>0.22</v>
      </c>
      <c r="U6" s="6">
        <v>1.1399999999999999</v>
      </c>
      <c r="V6" s="6">
        <v>1.83</v>
      </c>
      <c r="W6" s="6">
        <v>2</v>
      </c>
      <c r="X6" s="6">
        <v>1.3</v>
      </c>
    </row>
    <row r="7" spans="1:24" x14ac:dyDescent="0.25">
      <c r="A7" s="6">
        <v>0.39</v>
      </c>
      <c r="B7" s="6">
        <v>2.42</v>
      </c>
      <c r="C7" s="6">
        <v>1.5</v>
      </c>
      <c r="D7" s="6">
        <v>1.32</v>
      </c>
      <c r="F7" s="6">
        <v>1.17</v>
      </c>
      <c r="G7" s="6">
        <v>1.35</v>
      </c>
      <c r="H7" s="6">
        <v>5.08</v>
      </c>
      <c r="I7" s="6">
        <v>0.44</v>
      </c>
      <c r="K7" s="6">
        <v>1.29</v>
      </c>
      <c r="L7" s="6">
        <v>3.1</v>
      </c>
      <c r="M7" s="6">
        <v>4.9800000000000004</v>
      </c>
      <c r="N7" s="6">
        <v>1.51</v>
      </c>
      <c r="P7" s="6">
        <v>0.05</v>
      </c>
      <c r="Q7" s="6">
        <v>0.21</v>
      </c>
      <c r="R7" s="6">
        <v>0.05</v>
      </c>
      <c r="S7" s="6">
        <v>0.11</v>
      </c>
      <c r="U7" s="6">
        <v>0.36</v>
      </c>
      <c r="V7" s="6">
        <v>1.25</v>
      </c>
      <c r="W7" s="6">
        <v>1.21</v>
      </c>
      <c r="X7" s="6">
        <v>0.92</v>
      </c>
    </row>
    <row r="8" spans="1:24" x14ac:dyDescent="0.25">
      <c r="A8" s="6">
        <v>1.19</v>
      </c>
      <c r="B8" s="6">
        <v>6.37</v>
      </c>
      <c r="C8" s="6">
        <v>3.25</v>
      </c>
      <c r="D8" s="6">
        <v>3.48</v>
      </c>
      <c r="F8" s="6">
        <v>2.04</v>
      </c>
      <c r="G8" s="6">
        <v>1.31</v>
      </c>
      <c r="H8" s="6">
        <v>9.7200000000000006</v>
      </c>
      <c r="I8" s="6">
        <v>1.82</v>
      </c>
      <c r="K8" s="6">
        <v>2.4900000000000002</v>
      </c>
      <c r="L8" s="6">
        <v>7.51</v>
      </c>
      <c r="M8" s="6">
        <v>11.48</v>
      </c>
      <c r="N8" s="6">
        <v>4.6900000000000004</v>
      </c>
      <c r="P8" s="6">
        <v>0.03</v>
      </c>
      <c r="Q8" s="6">
        <v>0.21</v>
      </c>
      <c r="R8" s="6">
        <v>0.11</v>
      </c>
      <c r="S8" s="6">
        <v>0.34</v>
      </c>
      <c r="U8" s="6">
        <v>1.02</v>
      </c>
      <c r="V8" s="6">
        <v>1.47</v>
      </c>
      <c r="W8" s="6">
        <v>2.15</v>
      </c>
      <c r="X8" s="6">
        <v>1.76</v>
      </c>
    </row>
    <row r="9" spans="1:24" x14ac:dyDescent="0.25">
      <c r="A9" s="6">
        <v>5.03</v>
      </c>
      <c r="B9" s="6">
        <v>8.5</v>
      </c>
      <c r="C9" s="6">
        <v>2.83</v>
      </c>
      <c r="D9" s="6">
        <v>2.8</v>
      </c>
      <c r="F9" s="6">
        <v>6.75</v>
      </c>
      <c r="G9" s="6">
        <v>1.58</v>
      </c>
      <c r="H9" s="6">
        <v>3.74</v>
      </c>
      <c r="I9" s="6">
        <v>0.59</v>
      </c>
      <c r="K9" s="6">
        <v>13.54</v>
      </c>
      <c r="L9" s="6">
        <v>9.36</v>
      </c>
      <c r="M9" s="6">
        <v>5.35</v>
      </c>
      <c r="N9" s="6">
        <v>3.63</v>
      </c>
      <c r="P9" s="6">
        <v>0.2</v>
      </c>
      <c r="Q9" s="6">
        <v>0.57999999999999996</v>
      </c>
      <c r="R9" s="6">
        <v>0.06</v>
      </c>
      <c r="S9" s="6">
        <v>0.23</v>
      </c>
      <c r="U9" s="6">
        <v>1.65</v>
      </c>
      <c r="V9" s="6">
        <v>2.2000000000000002</v>
      </c>
      <c r="W9" s="6">
        <v>1.4</v>
      </c>
      <c r="X9" s="6">
        <v>0.28999999999999998</v>
      </c>
    </row>
    <row r="10" spans="1:24" x14ac:dyDescent="0.25">
      <c r="A10" s="6">
        <v>5.21</v>
      </c>
      <c r="B10" s="6">
        <v>2.99</v>
      </c>
      <c r="C10" s="6">
        <v>1.24</v>
      </c>
      <c r="D10" s="6">
        <v>5.86</v>
      </c>
      <c r="F10" s="6">
        <v>6.93</v>
      </c>
      <c r="G10" s="6">
        <v>1.03</v>
      </c>
      <c r="H10" s="6">
        <v>4.4000000000000004</v>
      </c>
      <c r="I10" s="6">
        <v>1.04</v>
      </c>
      <c r="K10" s="6">
        <v>14.25</v>
      </c>
      <c r="L10" s="6">
        <v>3.72</v>
      </c>
      <c r="M10" s="6">
        <v>4.57</v>
      </c>
      <c r="N10" s="6">
        <v>7.92</v>
      </c>
      <c r="P10" s="6">
        <v>0.22</v>
      </c>
      <c r="Q10" s="6">
        <v>0.27</v>
      </c>
      <c r="R10" s="6">
        <v>7.0000000000000007E-2</v>
      </c>
      <c r="S10" s="6">
        <v>0.36</v>
      </c>
      <c r="U10" s="6">
        <v>1.18</v>
      </c>
      <c r="V10" s="6">
        <v>1.2</v>
      </c>
      <c r="W10" s="6">
        <v>1.59</v>
      </c>
      <c r="X10" s="6">
        <v>1.07</v>
      </c>
    </row>
    <row r="11" spans="1:24" x14ac:dyDescent="0.25">
      <c r="A11" s="6">
        <v>6.1</v>
      </c>
      <c r="B11" s="6">
        <v>5.98</v>
      </c>
      <c r="C11" s="6">
        <v>1.75</v>
      </c>
      <c r="D11" s="6">
        <v>1.73</v>
      </c>
      <c r="F11" s="6">
        <v>8.5</v>
      </c>
      <c r="G11" s="6">
        <v>1.37</v>
      </c>
      <c r="H11" s="6">
        <v>5.21</v>
      </c>
      <c r="I11" s="6">
        <v>0.44</v>
      </c>
      <c r="K11" s="6">
        <v>14.9</v>
      </c>
      <c r="L11" s="6">
        <v>6.4</v>
      </c>
      <c r="M11" s="6">
        <v>5.26</v>
      </c>
      <c r="N11" s="6">
        <v>2.2200000000000002</v>
      </c>
      <c r="P11" s="6">
        <v>0.15</v>
      </c>
      <c r="Q11" s="6">
        <v>0.5</v>
      </c>
      <c r="R11" s="6">
        <v>0.04</v>
      </c>
      <c r="S11" s="6">
        <v>0.09</v>
      </c>
      <c r="U11" s="6">
        <v>1.43</v>
      </c>
      <c r="V11" s="6">
        <v>1.94</v>
      </c>
      <c r="W11" s="6">
        <v>2.16</v>
      </c>
      <c r="X11" s="6">
        <v>0.51</v>
      </c>
    </row>
    <row r="12" spans="1:24" x14ac:dyDescent="0.25">
      <c r="A12" s="6">
        <v>4.59</v>
      </c>
      <c r="B12" s="6">
        <v>4.29</v>
      </c>
      <c r="C12" s="6">
        <v>5.29</v>
      </c>
      <c r="D12" s="6">
        <v>2.25</v>
      </c>
      <c r="F12" s="6">
        <v>7.56</v>
      </c>
      <c r="G12" s="6">
        <v>1</v>
      </c>
      <c r="H12" s="6">
        <v>11.42</v>
      </c>
      <c r="I12" s="6">
        <v>0.43</v>
      </c>
      <c r="K12" s="6">
        <v>15.37</v>
      </c>
      <c r="L12" s="6">
        <v>5.31</v>
      </c>
      <c r="M12" s="6">
        <v>13.93</v>
      </c>
      <c r="N12" s="6">
        <v>3</v>
      </c>
      <c r="P12" s="6">
        <v>0.12</v>
      </c>
      <c r="Q12" s="6">
        <v>0.18</v>
      </c>
      <c r="R12" s="6">
        <v>0.08</v>
      </c>
      <c r="S12" s="6">
        <v>0.17</v>
      </c>
      <c r="U12" s="6">
        <v>1.72</v>
      </c>
      <c r="V12" s="6">
        <v>1.26</v>
      </c>
      <c r="W12" s="6">
        <v>2.96</v>
      </c>
      <c r="X12" s="6">
        <v>0.45</v>
      </c>
    </row>
    <row r="20" spans="1:11" x14ac:dyDescent="0.25">
      <c r="J20" s="8"/>
      <c r="K20" s="8"/>
    </row>
    <row r="21" spans="1:11" x14ac:dyDescent="0.25">
      <c r="A21" s="6"/>
      <c r="B21" s="6"/>
      <c r="D21" s="6"/>
      <c r="E21" s="6"/>
      <c r="G21" s="6"/>
      <c r="H21" s="6"/>
      <c r="J21" s="6"/>
      <c r="K21" s="6"/>
    </row>
    <row r="22" spans="1:11" x14ac:dyDescent="0.25">
      <c r="A22" s="6"/>
      <c r="B22" s="6"/>
      <c r="D22" s="6"/>
      <c r="E22" s="6"/>
      <c r="G22" s="6"/>
      <c r="H22" s="6"/>
      <c r="J22" s="6"/>
      <c r="K22" s="6"/>
    </row>
    <row r="23" spans="1:11" x14ac:dyDescent="0.25">
      <c r="A23" s="6"/>
      <c r="B23" s="6"/>
      <c r="D23" s="6"/>
      <c r="E23" s="6"/>
      <c r="G23" s="6"/>
      <c r="H23" s="6"/>
      <c r="J23" s="6"/>
      <c r="K23" s="6"/>
    </row>
    <row r="24" spans="1:11" x14ac:dyDescent="0.25">
      <c r="A24" s="6"/>
      <c r="B24" s="6"/>
      <c r="D24" s="6"/>
      <c r="E24" s="6"/>
      <c r="G24" s="6"/>
      <c r="H24" s="6"/>
      <c r="J24" s="6"/>
      <c r="K24" s="6"/>
    </row>
    <row r="25" spans="1:11" x14ac:dyDescent="0.25">
      <c r="A25" s="6"/>
      <c r="B25" s="6"/>
      <c r="D25" s="6"/>
      <c r="E25" s="6"/>
      <c r="G25" s="6"/>
      <c r="H25" s="6"/>
      <c r="J25" s="6"/>
      <c r="K25" s="6"/>
    </row>
    <row r="26" spans="1:11" x14ac:dyDescent="0.25">
      <c r="A26" s="6"/>
      <c r="B26" s="6"/>
      <c r="D26" s="6"/>
      <c r="E26" s="6"/>
      <c r="G26" s="6"/>
      <c r="H26" s="6"/>
      <c r="J26" s="6"/>
      <c r="K26" s="6"/>
    </row>
    <row r="27" spans="1:11" x14ac:dyDescent="0.25">
      <c r="A27" s="6"/>
      <c r="B27" s="6"/>
      <c r="D27" s="6"/>
      <c r="E27" s="6"/>
      <c r="G27" s="6"/>
      <c r="H27" s="6"/>
      <c r="J27" s="6"/>
      <c r="K27" s="6"/>
    </row>
    <row r="28" spans="1:11" x14ac:dyDescent="0.25">
      <c r="A28" s="6"/>
      <c r="B28" s="6"/>
      <c r="D28" s="6"/>
      <c r="E28" s="6"/>
      <c r="G28" s="6"/>
      <c r="H28" s="6"/>
      <c r="J28" s="6"/>
      <c r="K28" s="6"/>
    </row>
  </sheetData>
  <pageMargins left="0.7" right="0.7" top="0.75" bottom="0.75" header="0.3" footer="0.3"/>
</worksheet>
</file>

<file path=xl/worksheets/sheet2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F06BE21-62EE-41A1-BCC5-BBACF0544118}">
  <dimension ref="A1:D10"/>
  <sheetViews>
    <sheetView workbookViewId="0">
      <selection activeCell="A3" sqref="A3:D10"/>
    </sheetView>
  </sheetViews>
  <sheetFormatPr defaultRowHeight="15" x14ac:dyDescent="0.25"/>
  <sheetData>
    <row r="1" spans="1:4" x14ac:dyDescent="0.25">
      <c r="A1" t="s">
        <v>112</v>
      </c>
      <c r="C1" t="s">
        <v>113</v>
      </c>
    </row>
    <row r="2" spans="1:4" x14ac:dyDescent="0.25">
      <c r="A2" s="8" t="s">
        <v>65</v>
      </c>
      <c r="B2" s="8" t="s">
        <v>91</v>
      </c>
      <c r="C2" s="8" t="s">
        <v>65</v>
      </c>
      <c r="D2" s="8" t="s">
        <v>91</v>
      </c>
    </row>
    <row r="3" spans="1:4" x14ac:dyDescent="0.25">
      <c r="A3" s="6">
        <v>1.1000000000000001</v>
      </c>
      <c r="B3" s="6">
        <v>-3.2</v>
      </c>
      <c r="C3" s="6">
        <v>0.6</v>
      </c>
      <c r="D3" s="6">
        <v>-2</v>
      </c>
    </row>
    <row r="4" spans="1:4" x14ac:dyDescent="0.25">
      <c r="A4" s="6">
        <v>0.7</v>
      </c>
      <c r="B4" s="6">
        <v>1.6</v>
      </c>
      <c r="C4" s="6">
        <v>1.2</v>
      </c>
      <c r="D4" s="6">
        <v>-0.4</v>
      </c>
    </row>
    <row r="5" spans="1:4" x14ac:dyDescent="0.25">
      <c r="A5" s="6">
        <v>-2</v>
      </c>
      <c r="B5" s="6">
        <v>0.7</v>
      </c>
      <c r="C5" s="6">
        <v>-2.4</v>
      </c>
      <c r="D5" s="6">
        <v>-1.2</v>
      </c>
    </row>
    <row r="6" spans="1:4" x14ac:dyDescent="0.25">
      <c r="A6" s="6">
        <v>0.1</v>
      </c>
      <c r="B6" s="6">
        <v>4.5</v>
      </c>
      <c r="C6" s="6">
        <v>-0.9</v>
      </c>
      <c r="D6" s="6">
        <v>-0.5</v>
      </c>
    </row>
    <row r="7" spans="1:4" x14ac:dyDescent="0.25">
      <c r="A7" s="6">
        <v>1.7</v>
      </c>
      <c r="B7" s="6">
        <v>1.2</v>
      </c>
      <c r="C7" s="6">
        <v>2.9</v>
      </c>
      <c r="D7" s="6">
        <v>1.2</v>
      </c>
    </row>
    <row r="8" spans="1:4" x14ac:dyDescent="0.25">
      <c r="A8" s="6">
        <v>-0.8</v>
      </c>
      <c r="B8" s="6">
        <v>2.2000000000000002</v>
      </c>
      <c r="C8" s="6">
        <v>3.1</v>
      </c>
      <c r="D8" s="6">
        <v>1.4</v>
      </c>
    </row>
    <row r="9" spans="1:4" x14ac:dyDescent="0.25">
      <c r="A9" s="6">
        <v>2.5</v>
      </c>
      <c r="B9" s="6">
        <v>-0.6</v>
      </c>
      <c r="C9" s="6">
        <v>2.1</v>
      </c>
      <c r="D9" s="6">
        <v>-1.3</v>
      </c>
    </row>
    <row r="10" spans="1:4" x14ac:dyDescent="0.25">
      <c r="A10" s="6">
        <v>1</v>
      </c>
      <c r="B10" s="6">
        <v>-0.6</v>
      </c>
      <c r="C10" s="6">
        <v>2.7</v>
      </c>
      <c r="D10" s="6">
        <v>0</v>
      </c>
    </row>
  </sheetData>
  <pageMargins left="0.7" right="0.7" top="0.75" bottom="0.75" header="0.3" footer="0.3"/>
</worksheet>
</file>

<file path=xl/worksheets/sheet2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AB21369-0A87-4AEF-90B9-DCE348FCF08B}">
  <dimension ref="A1:O22"/>
  <sheetViews>
    <sheetView workbookViewId="0">
      <selection activeCell="X20" sqref="X20"/>
    </sheetView>
  </sheetViews>
  <sheetFormatPr defaultRowHeight="15" x14ac:dyDescent="0.25"/>
  <sheetData>
    <row r="1" spans="1:15" x14ac:dyDescent="0.25">
      <c r="B1" s="1" t="s">
        <v>19</v>
      </c>
      <c r="D1" s="1" t="s">
        <v>20</v>
      </c>
      <c r="F1" s="1" t="s">
        <v>21</v>
      </c>
      <c r="H1" s="1" t="s">
        <v>22</v>
      </c>
      <c r="J1" s="1" t="s">
        <v>23</v>
      </c>
      <c r="L1" s="1" t="s">
        <v>24</v>
      </c>
      <c r="N1" s="1" t="s">
        <v>25</v>
      </c>
    </row>
    <row r="2" spans="1:15" x14ac:dyDescent="0.25">
      <c r="A2" t="s">
        <v>17</v>
      </c>
      <c r="B2" t="s">
        <v>15</v>
      </c>
      <c r="C2" t="s">
        <v>16</v>
      </c>
      <c r="D2" t="s">
        <v>15</v>
      </c>
      <c r="E2" t="s">
        <v>16</v>
      </c>
      <c r="F2" t="s">
        <v>15</v>
      </c>
      <c r="G2" t="s">
        <v>16</v>
      </c>
      <c r="H2" t="s">
        <v>15</v>
      </c>
      <c r="I2" t="s">
        <v>16</v>
      </c>
      <c r="J2" t="s">
        <v>15</v>
      </c>
      <c r="K2" t="s">
        <v>16</v>
      </c>
      <c r="L2" t="s">
        <v>15</v>
      </c>
      <c r="M2" t="s">
        <v>16</v>
      </c>
      <c r="N2" t="s">
        <v>15</v>
      </c>
      <c r="O2" t="s">
        <v>16</v>
      </c>
    </row>
    <row r="3" spans="1:15" x14ac:dyDescent="0.25">
      <c r="B3">
        <v>0.91855437418695873</v>
      </c>
      <c r="C3">
        <v>0.78863903716563355</v>
      </c>
      <c r="D3">
        <v>0.81528712171923456</v>
      </c>
      <c r="E3">
        <v>0.6463466968816669</v>
      </c>
      <c r="F3">
        <v>1.1184938880831985</v>
      </c>
      <c r="G3">
        <v>0.94053750097234889</v>
      </c>
      <c r="H3">
        <v>0.99140017489397103</v>
      </c>
      <c r="I3">
        <v>1.7321206435888865</v>
      </c>
      <c r="J3">
        <v>1.479460483969016</v>
      </c>
      <c r="K3">
        <v>0.96264192563062956</v>
      </c>
      <c r="L3">
        <v>1.0348054601121439</v>
      </c>
      <c r="M3">
        <v>1.0675913870469007</v>
      </c>
      <c r="N3">
        <v>1.009453656952898</v>
      </c>
      <c r="O3">
        <v>0.74152882477163995</v>
      </c>
    </row>
    <row r="4" spans="1:15" x14ac:dyDescent="0.25">
      <c r="B4">
        <v>0.59767662681438005</v>
      </c>
      <c r="C4">
        <v>1.1586437363825566</v>
      </c>
      <c r="D4">
        <v>3.1609980198430088</v>
      </c>
      <c r="E4">
        <v>0.42055900488937648</v>
      </c>
      <c r="F4">
        <v>0.98729790634382153</v>
      </c>
      <c r="G4">
        <v>1.1822682179615811</v>
      </c>
      <c r="H4">
        <v>0.95762944543253181</v>
      </c>
      <c r="I4">
        <v>1.2290464305369129</v>
      </c>
      <c r="J4">
        <v>0.94938894977339117</v>
      </c>
      <c r="K4">
        <v>1.1688349016049084</v>
      </c>
      <c r="L4">
        <v>0.91342588021891924</v>
      </c>
      <c r="M4">
        <v>1.4838647202032411</v>
      </c>
      <c r="N4">
        <v>1.2601318376747508</v>
      </c>
      <c r="O4">
        <v>1.0306644240883764</v>
      </c>
    </row>
    <row r="5" spans="1:15" x14ac:dyDescent="0.25">
      <c r="B5">
        <v>0.79412445546532351</v>
      </c>
      <c r="C5">
        <v>1.1230615751312067</v>
      </c>
      <c r="D5">
        <v>0.78207568281323003</v>
      </c>
      <c r="E5">
        <v>0.55879078378706148</v>
      </c>
      <c r="F5">
        <v>1.1700396115738227</v>
      </c>
      <c r="G5">
        <v>0.9838821150772763</v>
      </c>
      <c r="H5">
        <v>0.99484206697347688</v>
      </c>
      <c r="I5">
        <v>1.1427734458142853</v>
      </c>
      <c r="J5">
        <v>0.96933762973105064</v>
      </c>
      <c r="K5">
        <v>1.0905615248570566</v>
      </c>
      <c r="L5">
        <v>1.2564554960122256</v>
      </c>
      <c r="M5">
        <v>1.2391575019076828</v>
      </c>
      <c r="N5">
        <v>1.12784958739344</v>
      </c>
      <c r="O5">
        <v>1.0450519632867423</v>
      </c>
    </row>
    <row r="6" spans="1:15" x14ac:dyDescent="0.25">
      <c r="B6">
        <v>1.1829893042212798</v>
      </c>
      <c r="C6">
        <v>1.1114453633927452</v>
      </c>
      <c r="D6">
        <v>0.53975631832830961</v>
      </c>
      <c r="E6">
        <v>0.83241803720825569</v>
      </c>
      <c r="F6">
        <v>0.93728348841845111</v>
      </c>
      <c r="G6">
        <v>0.86847569097549671</v>
      </c>
      <c r="H6">
        <v>1.0263618265579333</v>
      </c>
      <c r="I6">
        <v>0.90597265958103723</v>
      </c>
      <c r="J6">
        <v>0.92663376830881339</v>
      </c>
      <c r="K6">
        <v>1.0070052208150799</v>
      </c>
      <c r="L6">
        <v>1.0276575366746379</v>
      </c>
      <c r="M6">
        <v>1.0135094716876143</v>
      </c>
      <c r="N6">
        <v>0.84884596149644265</v>
      </c>
      <c r="O6">
        <v>0.84590917757003981</v>
      </c>
    </row>
    <row r="7" spans="1:15" x14ac:dyDescent="0.25">
      <c r="B7">
        <v>0.7968814558599443</v>
      </c>
      <c r="C7">
        <v>0.76707366122161436</v>
      </c>
      <c r="D7">
        <v>1.297181300126375</v>
      </c>
      <c r="E7">
        <v>0.56073076485779771</v>
      </c>
      <c r="F7">
        <v>0.81595266881083717</v>
      </c>
      <c r="G7">
        <v>0.72777145580932556</v>
      </c>
      <c r="H7">
        <v>0.99140017489397103</v>
      </c>
      <c r="I7">
        <v>1.1115242458426506</v>
      </c>
      <c r="J7">
        <v>0.96598397630112198</v>
      </c>
      <c r="K7">
        <v>0.72702211918923654</v>
      </c>
      <c r="L7">
        <v>0.77343908226598601</v>
      </c>
      <c r="M7">
        <v>1.2178695177167509</v>
      </c>
      <c r="N7">
        <v>0.96833267323659022</v>
      </c>
      <c r="O7">
        <v>0.85771762963853082</v>
      </c>
    </row>
    <row r="8" spans="1:15" x14ac:dyDescent="0.25">
      <c r="B8">
        <v>1.1953532536287585</v>
      </c>
      <c r="C8">
        <v>1.8434867279328777</v>
      </c>
      <c r="D8">
        <v>0.30362871279982973</v>
      </c>
      <c r="E8">
        <v>0.84111800977875195</v>
      </c>
      <c r="F8">
        <v>0.65818149621156341</v>
      </c>
      <c r="G8">
        <v>1.1904915437320773</v>
      </c>
      <c r="H8">
        <v>0.84530238081945408</v>
      </c>
      <c r="I8">
        <v>1.2205567867098845</v>
      </c>
      <c r="J8">
        <v>0.71950227961671931</v>
      </c>
      <c r="K8">
        <v>1.2527262296263584</v>
      </c>
      <c r="L8">
        <v>0.62822774800611447</v>
      </c>
      <c r="M8">
        <v>1.3607099479951421</v>
      </c>
      <c r="N8">
        <v>0.66599104295398748</v>
      </c>
      <c r="O8">
        <v>1.1046387785181735</v>
      </c>
    </row>
    <row r="9" spans="1:15" x14ac:dyDescent="0.25">
      <c r="B9">
        <v>0.84231807503277756</v>
      </c>
      <c r="C9">
        <v>0.43150136546934381</v>
      </c>
      <c r="D9">
        <v>0.37641085318051254</v>
      </c>
      <c r="E9">
        <v>0.59270253435247267</v>
      </c>
      <c r="F9">
        <v>1.4010975184202556</v>
      </c>
      <c r="G9">
        <v>1.4809853535559914</v>
      </c>
      <c r="H9">
        <v>1.1913021896598193</v>
      </c>
      <c r="I9">
        <v>1.2375951245065451</v>
      </c>
      <c r="J9">
        <v>1.1487550175959138</v>
      </c>
      <c r="K9">
        <v>1.2227005876727786</v>
      </c>
      <c r="L9">
        <v>1.4038215652546131</v>
      </c>
      <c r="M9">
        <v>1.6927390320651097</v>
      </c>
      <c r="N9">
        <v>1.0707151194092555</v>
      </c>
      <c r="O9">
        <v>1.1798264677234938</v>
      </c>
    </row>
    <row r="10" spans="1:15" x14ac:dyDescent="0.25">
      <c r="B10">
        <v>2.6711056314643877</v>
      </c>
      <c r="C10">
        <v>0.53493556530653297</v>
      </c>
      <c r="D10">
        <v>0.72466199118949948</v>
      </c>
      <c r="E10">
        <v>1.879540667853409</v>
      </c>
      <c r="F10">
        <v>0.91165342213805034</v>
      </c>
      <c r="G10">
        <v>1.2982402341124319</v>
      </c>
      <c r="H10">
        <v>1.0017617407688415</v>
      </c>
      <c r="I10">
        <v>1.1954380912611386</v>
      </c>
      <c r="J10">
        <v>0.84093789470397184</v>
      </c>
      <c r="K10">
        <v>1.0905615248570566</v>
      </c>
      <c r="L10">
        <v>0.9621672314553581</v>
      </c>
      <c r="M10">
        <v>1.2136560092754975</v>
      </c>
      <c r="N10">
        <v>1.0486801208826355</v>
      </c>
      <c r="O10">
        <v>1.2821585542060965</v>
      </c>
    </row>
    <row r="11" spans="1:15" x14ac:dyDescent="0.25">
      <c r="C11">
        <v>1.0298520051631233</v>
      </c>
      <c r="E11">
        <v>0.55493093389830872</v>
      </c>
      <c r="G11">
        <v>1.2671237016112933</v>
      </c>
      <c r="I11">
        <v>1.0479278702786325</v>
      </c>
      <c r="K11">
        <v>0.91387652739407432</v>
      </c>
      <c r="M11">
        <v>1.2608175935077635</v>
      </c>
      <c r="O11">
        <v>0.87271026971565846</v>
      </c>
    </row>
    <row r="13" spans="1:15" x14ac:dyDescent="0.25">
      <c r="B13" s="1" t="s">
        <v>19</v>
      </c>
      <c r="D13" s="1" t="s">
        <v>20</v>
      </c>
      <c r="F13" s="1" t="s">
        <v>21</v>
      </c>
      <c r="H13" s="1" t="s">
        <v>22</v>
      </c>
      <c r="J13" s="1" t="s">
        <v>23</v>
      </c>
      <c r="L13" s="1" t="s">
        <v>24</v>
      </c>
      <c r="N13" s="1" t="s">
        <v>25</v>
      </c>
    </row>
    <row r="14" spans="1:15" x14ac:dyDescent="0.25">
      <c r="A14" t="s">
        <v>18</v>
      </c>
      <c r="B14" t="s">
        <v>15</v>
      </c>
      <c r="C14" t="s">
        <v>16</v>
      </c>
      <c r="D14" t="s">
        <v>15</v>
      </c>
      <c r="E14" t="s">
        <v>16</v>
      </c>
      <c r="F14" t="s">
        <v>15</v>
      </c>
      <c r="G14" t="s">
        <v>16</v>
      </c>
      <c r="H14" t="s">
        <v>15</v>
      </c>
      <c r="I14" t="s">
        <v>16</v>
      </c>
      <c r="J14" t="s">
        <v>15</v>
      </c>
      <c r="K14" t="s">
        <v>16</v>
      </c>
      <c r="L14" t="s">
        <v>15</v>
      </c>
      <c r="M14" t="s">
        <v>16</v>
      </c>
      <c r="N14" t="s">
        <v>15</v>
      </c>
      <c r="O14" t="s">
        <v>16</v>
      </c>
    </row>
    <row r="15" spans="1:15" x14ac:dyDescent="0.25">
      <c r="B15">
        <v>0.90168241278992611</v>
      </c>
      <c r="C15">
        <v>0.64424944189220701</v>
      </c>
      <c r="D15">
        <v>0.90168241278992611</v>
      </c>
      <c r="E15">
        <v>0.64424944189220701</v>
      </c>
      <c r="F15">
        <v>0.54472978050712417</v>
      </c>
      <c r="G15">
        <v>0.30536627579825126</v>
      </c>
      <c r="H15">
        <v>0.96441965428383003</v>
      </c>
      <c r="I15">
        <v>0.8998353551333369</v>
      </c>
      <c r="J15">
        <v>0.81636280366115754</v>
      </c>
      <c r="K15">
        <v>0.92484426482262316</v>
      </c>
      <c r="L15">
        <v>0.57386860394956729</v>
      </c>
      <c r="M15">
        <v>0.3161743752664985</v>
      </c>
      <c r="N15">
        <v>0.90818988508888843</v>
      </c>
      <c r="O15">
        <v>0.67880348367148879</v>
      </c>
    </row>
    <row r="16" spans="1:15" x14ac:dyDescent="0.25">
      <c r="B16">
        <v>0.58264590925255344</v>
      </c>
      <c r="C16">
        <v>0.70012832866721786</v>
      </c>
      <c r="D16">
        <v>0.58264590925255344</v>
      </c>
      <c r="E16">
        <v>0.70012832866721786</v>
      </c>
      <c r="F16">
        <v>1.0450794663368217</v>
      </c>
      <c r="G16">
        <v>0.39601106511164158</v>
      </c>
      <c r="H16">
        <v>1.1588814234596745</v>
      </c>
      <c r="I16">
        <v>0.92193245270800439</v>
      </c>
      <c r="J16">
        <v>1.2590035532666206</v>
      </c>
      <c r="K16">
        <v>0.8539848343167451</v>
      </c>
      <c r="L16">
        <v>1.0561336048714591</v>
      </c>
      <c r="M16">
        <v>0.47263302730474577</v>
      </c>
      <c r="N16">
        <v>1.1575430696639046</v>
      </c>
      <c r="O16">
        <v>0.8503129848094475</v>
      </c>
    </row>
    <row r="17" spans="2:15" x14ac:dyDescent="0.25">
      <c r="B17">
        <v>0.55505063255884135</v>
      </c>
      <c r="C17">
        <v>0.67393963863317896</v>
      </c>
      <c r="D17">
        <v>0.55505063255884135</v>
      </c>
      <c r="E17">
        <v>0.67393963863317896</v>
      </c>
      <c r="F17">
        <v>0.95502648432754533</v>
      </c>
      <c r="G17">
        <v>0.79477183187337841</v>
      </c>
      <c r="H17">
        <v>0.85129611851793452</v>
      </c>
      <c r="I17">
        <v>0.99842983994327994</v>
      </c>
      <c r="J17">
        <v>0.79956230010071017</v>
      </c>
      <c r="K17">
        <v>1.0261789626642162</v>
      </c>
      <c r="L17">
        <v>0.91306682264676453</v>
      </c>
      <c r="M17">
        <v>0.98882858382409256</v>
      </c>
      <c r="N17">
        <v>0.90504778678409259</v>
      </c>
      <c r="O17">
        <v>0.97675312688323301</v>
      </c>
    </row>
    <row r="18" spans="2:15" x14ac:dyDescent="0.25">
      <c r="B18">
        <v>0.64202050814996603</v>
      </c>
      <c r="C18">
        <v>0.83259758986601895</v>
      </c>
      <c r="D18">
        <v>0.64202050814996603</v>
      </c>
      <c r="E18">
        <v>0.83259758986601895</v>
      </c>
      <c r="F18">
        <v>0.99558241060793484</v>
      </c>
      <c r="G18">
        <v>0.77036424342169429</v>
      </c>
      <c r="H18">
        <v>1.2725593631323755</v>
      </c>
      <c r="I18">
        <v>0.9251331703265574</v>
      </c>
      <c r="J18">
        <v>1.2119098242198061</v>
      </c>
      <c r="K18">
        <v>1.1952251035423713</v>
      </c>
      <c r="L18">
        <v>1.0308199419776303</v>
      </c>
      <c r="M18">
        <v>0.82005487202533434</v>
      </c>
      <c r="N18">
        <v>1.0288736856058471</v>
      </c>
      <c r="O18">
        <v>0.81567473652407219</v>
      </c>
    </row>
    <row r="19" spans="2:15" x14ac:dyDescent="0.25">
      <c r="B19">
        <v>0.43699579041335768</v>
      </c>
      <c r="C19">
        <v>1.2105740136523198</v>
      </c>
      <c r="D19">
        <v>0.43699579041335768</v>
      </c>
      <c r="E19">
        <v>1.2105740136523198</v>
      </c>
      <c r="F19">
        <v>1.2955930614658837</v>
      </c>
      <c r="G19">
        <v>1.2385161206152548</v>
      </c>
      <c r="H19">
        <v>0.88437672232432329</v>
      </c>
      <c r="I19">
        <v>1.4925020960539102</v>
      </c>
      <c r="J19">
        <v>0.87495598876575564</v>
      </c>
      <c r="K19">
        <v>1.2721619615302329</v>
      </c>
      <c r="L19">
        <v>1.2472860368423071</v>
      </c>
      <c r="M19">
        <v>1.3887552375350076</v>
      </c>
      <c r="N19">
        <v>1.0468580808427912</v>
      </c>
      <c r="O19">
        <v>1.4702544672645741</v>
      </c>
    </row>
    <row r="20" spans="2:15" x14ac:dyDescent="0.25">
      <c r="B20">
        <v>2.4295536443597125</v>
      </c>
      <c r="C20">
        <v>0.53244015622248853</v>
      </c>
      <c r="D20">
        <v>2.4295536443597125</v>
      </c>
      <c r="E20">
        <v>0.53244015622248853</v>
      </c>
      <c r="F20">
        <v>1.0271256266325051</v>
      </c>
      <c r="G20">
        <v>0.98187593335988443</v>
      </c>
      <c r="H20">
        <v>1.1832319856091382</v>
      </c>
      <c r="I20">
        <v>1.1629047683142619</v>
      </c>
      <c r="J20">
        <v>1.2373746257920932</v>
      </c>
      <c r="K20">
        <v>1.4562745335582685</v>
      </c>
      <c r="L20">
        <v>0.9991632728525115</v>
      </c>
      <c r="M20">
        <v>1.1841011716478453</v>
      </c>
      <c r="N20">
        <v>1.1181129032835484</v>
      </c>
      <c r="O20">
        <v>1.0951024724697562</v>
      </c>
    </row>
    <row r="21" spans="2:15" x14ac:dyDescent="0.25">
      <c r="B21">
        <v>1.6365881232389081</v>
      </c>
      <c r="C21">
        <v>0.1850120685273344</v>
      </c>
      <c r="D21">
        <v>1.6365881232389081</v>
      </c>
      <c r="E21">
        <v>0.1850120685273344</v>
      </c>
      <c r="F21">
        <v>1.1515784104541424</v>
      </c>
      <c r="G21">
        <v>0.92249477629734999</v>
      </c>
      <c r="H21">
        <v>0.85721735128337939</v>
      </c>
      <c r="I21">
        <v>1.1311050762702051</v>
      </c>
      <c r="J21">
        <v>1.1625416102318495</v>
      </c>
      <c r="K21">
        <v>0.96411848018786483</v>
      </c>
      <c r="L21">
        <v>1.0671717287256464</v>
      </c>
      <c r="M21">
        <v>1.1048054584648268</v>
      </c>
      <c r="N21">
        <v>0.91450684529563186</v>
      </c>
      <c r="O21">
        <v>0.83281379662409638</v>
      </c>
    </row>
    <row r="22" spans="2:15" x14ac:dyDescent="0.25">
      <c r="B22">
        <v>0.81546297923673361</v>
      </c>
      <c r="C22">
        <v>1.1652918185051027</v>
      </c>
      <c r="D22">
        <v>0.81546297923673361</v>
      </c>
      <c r="E22">
        <v>1.1652918185051027</v>
      </c>
      <c r="F22">
        <v>0.98528475966804252</v>
      </c>
      <c r="G22">
        <v>1.1436238773293197</v>
      </c>
      <c r="H22">
        <v>0.82801738138934489</v>
      </c>
      <c r="I22">
        <v>1.170993410641467</v>
      </c>
      <c r="J22">
        <v>0.63828929396200706</v>
      </c>
      <c r="K22">
        <v>1.5825843050266415</v>
      </c>
      <c r="L22">
        <v>1.1124899881341135</v>
      </c>
      <c r="M22">
        <v>1.2868040239876632</v>
      </c>
      <c r="N22">
        <v>0.92086774343529543</v>
      </c>
      <c r="O22">
        <v>1.2363317110335386</v>
      </c>
    </row>
  </sheetData>
  <pageMargins left="0.7" right="0.7" top="0.75" bottom="0.75" header="0.3" footer="0.3"/>
</worksheet>
</file>

<file path=xl/worksheets/sheet2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5A62802-D01E-44AD-AF49-799E79272434}">
  <dimension ref="A1:AF24"/>
  <sheetViews>
    <sheetView workbookViewId="0">
      <selection activeCell="S31" sqref="S31"/>
    </sheetView>
  </sheetViews>
  <sheetFormatPr defaultRowHeight="15" x14ac:dyDescent="0.25"/>
  <cols>
    <col min="12" max="12" width="9.140625" style="5"/>
  </cols>
  <sheetData>
    <row r="1" spans="1:32" x14ac:dyDescent="0.25">
      <c r="B1" s="1" t="s">
        <v>26</v>
      </c>
      <c r="D1" s="1" t="s">
        <v>27</v>
      </c>
      <c r="F1" s="1" t="s">
        <v>28</v>
      </c>
      <c r="H1" s="1" t="s">
        <v>29</v>
      </c>
      <c r="J1" s="1" t="s">
        <v>30</v>
      </c>
      <c r="L1" s="4" t="s">
        <v>31</v>
      </c>
      <c r="N1" s="1" t="s">
        <v>32</v>
      </c>
      <c r="P1" s="1" t="s">
        <v>33</v>
      </c>
    </row>
    <row r="2" spans="1:32" x14ac:dyDescent="0.25">
      <c r="A2" t="s">
        <v>17</v>
      </c>
      <c r="B2" t="s">
        <v>15</v>
      </c>
      <c r="C2" t="s">
        <v>16</v>
      </c>
      <c r="D2" t="s">
        <v>15</v>
      </c>
      <c r="E2" t="s">
        <v>16</v>
      </c>
      <c r="F2" t="s">
        <v>15</v>
      </c>
      <c r="G2" t="s">
        <v>16</v>
      </c>
      <c r="H2" t="s">
        <v>15</v>
      </c>
      <c r="I2" t="s">
        <v>16</v>
      </c>
      <c r="J2" t="s">
        <v>15</v>
      </c>
      <c r="K2" t="s">
        <v>16</v>
      </c>
      <c r="L2" s="5" t="s">
        <v>15</v>
      </c>
      <c r="M2" t="s">
        <v>16</v>
      </c>
      <c r="N2" t="s">
        <v>15</v>
      </c>
      <c r="O2" t="s">
        <v>16</v>
      </c>
      <c r="P2" t="s">
        <v>15</v>
      </c>
      <c r="Q2" t="s">
        <v>16</v>
      </c>
    </row>
    <row r="3" spans="1:32" x14ac:dyDescent="0.25">
      <c r="B3">
        <v>1.0823577820061241</v>
      </c>
      <c r="C3">
        <v>1.148043631148385</v>
      </c>
      <c r="D3">
        <v>1.1191256402164369</v>
      </c>
      <c r="E3">
        <v>0.6562748317136694</v>
      </c>
      <c r="F3">
        <v>1.0118315979535408</v>
      </c>
      <c r="G3">
        <v>0.81901921142021961</v>
      </c>
      <c r="H3">
        <v>0.95623139045448435</v>
      </c>
      <c r="I3">
        <v>0.745061629401644</v>
      </c>
      <c r="J3">
        <v>1.0485764783004372</v>
      </c>
      <c r="K3">
        <v>1.1122122164203319</v>
      </c>
      <c r="L3">
        <v>0.95312299306088866</v>
      </c>
      <c r="M3">
        <v>0.97991892766971089</v>
      </c>
      <c r="N3">
        <v>0.83890266010705694</v>
      </c>
      <c r="O3">
        <v>1.2113160431300658</v>
      </c>
      <c r="P3">
        <v>1.0894960045102786</v>
      </c>
      <c r="Q3">
        <v>1.1357622812751669</v>
      </c>
    </row>
    <row r="4" spans="1:32" x14ac:dyDescent="0.25">
      <c r="B4">
        <v>0.92605993429329303</v>
      </c>
      <c r="C4">
        <v>1.0028997995010105</v>
      </c>
      <c r="D4">
        <v>0.89030527669775528</v>
      </c>
      <c r="E4">
        <v>1.3682880835265341</v>
      </c>
      <c r="F4">
        <v>0.79386698150380586</v>
      </c>
      <c r="G4">
        <v>0.92144451293145346</v>
      </c>
      <c r="H4">
        <v>0.70000235038930203</v>
      </c>
      <c r="I4">
        <v>1.4195480381050718</v>
      </c>
      <c r="J4">
        <v>1.1160735375249378</v>
      </c>
      <c r="K4">
        <v>0.96823697150954746</v>
      </c>
      <c r="L4">
        <v>0.48154225350908336</v>
      </c>
      <c r="M4">
        <v>1.1572770623738249</v>
      </c>
      <c r="N4">
        <v>0.65138180472870522</v>
      </c>
      <c r="O4">
        <v>1.1301978314181726</v>
      </c>
      <c r="P4">
        <v>0.65686140523814918</v>
      </c>
      <c r="Q4">
        <v>1.3982873874797983</v>
      </c>
    </row>
    <row r="5" spans="1:32" x14ac:dyDescent="0.25">
      <c r="B5">
        <v>1.1089370505170213</v>
      </c>
      <c r="C5">
        <v>0.92285601031499465</v>
      </c>
      <c r="D5">
        <v>0.82494624082614376</v>
      </c>
      <c r="E5">
        <v>1.0369684579799665</v>
      </c>
      <c r="F5">
        <v>0.8747660882445667</v>
      </c>
      <c r="G5">
        <v>1.0259562406960858</v>
      </c>
      <c r="H5">
        <v>0.54164956642993989</v>
      </c>
      <c r="I5">
        <v>2.250790331531904</v>
      </c>
      <c r="J5">
        <v>1.0128581140464692</v>
      </c>
      <c r="K5">
        <v>0.91918814011558403</v>
      </c>
      <c r="L5">
        <v>0.79594149723455687</v>
      </c>
      <c r="M5">
        <v>0.8862184698662644</v>
      </c>
      <c r="N5">
        <v>0.92119298253040016</v>
      </c>
      <c r="O5">
        <v>1.1781925422303325</v>
      </c>
      <c r="P5">
        <v>0.99217114512649962</v>
      </c>
      <c r="Q5">
        <v>1.4375985967067721</v>
      </c>
    </row>
    <row r="6" spans="1:32" x14ac:dyDescent="0.25">
      <c r="B6">
        <v>1.1803195307880927</v>
      </c>
      <c r="C6">
        <v>0.97210056306255033</v>
      </c>
      <c r="D6">
        <v>0.76703909211029586</v>
      </c>
      <c r="E6">
        <v>1.0086125009647038</v>
      </c>
      <c r="F6">
        <v>1.1949656917856455</v>
      </c>
      <c r="G6">
        <v>0.99100840477551089</v>
      </c>
      <c r="H6">
        <v>1.2145582401201984</v>
      </c>
      <c r="I6">
        <v>0.87081108122061279</v>
      </c>
      <c r="J6">
        <v>1.2128760223711383</v>
      </c>
      <c r="K6">
        <v>0.94831094277054873</v>
      </c>
      <c r="L6">
        <v>1.2533021793104033</v>
      </c>
      <c r="M6">
        <v>0.78498353543613275</v>
      </c>
      <c r="N6">
        <v>0.79090445508960983</v>
      </c>
      <c r="O6">
        <v>0.90223510508491489</v>
      </c>
      <c r="P6">
        <v>1.3228604752452209</v>
      </c>
      <c r="Q6">
        <v>0.91933393842631139</v>
      </c>
    </row>
    <row r="7" spans="1:32" x14ac:dyDescent="0.25">
      <c r="B7">
        <v>0.85807607971114497</v>
      </c>
      <c r="C7">
        <v>0.86404447083605174</v>
      </c>
      <c r="D7">
        <v>1.123010962989804</v>
      </c>
      <c r="E7">
        <v>0.75647903826407004</v>
      </c>
      <c r="F7">
        <v>1.0658239802321783</v>
      </c>
      <c r="G7">
        <v>0.80494895158808144</v>
      </c>
      <c r="H7">
        <v>0.93331220773478796</v>
      </c>
      <c r="I7">
        <v>0.73991511279686373</v>
      </c>
      <c r="J7">
        <v>0.98858168846926131</v>
      </c>
      <c r="K7">
        <v>0.7623006908786778</v>
      </c>
      <c r="L7">
        <v>1.2446449887880424</v>
      </c>
      <c r="M7">
        <v>1.1980883498418144</v>
      </c>
      <c r="N7">
        <v>1.3440393024831399</v>
      </c>
      <c r="O7">
        <v>0.85652978825732595</v>
      </c>
      <c r="P7">
        <v>0.84303293859220385</v>
      </c>
      <c r="Q7">
        <v>1.4729014510383043</v>
      </c>
    </row>
    <row r="8" spans="1:32" x14ac:dyDescent="0.25">
      <c r="B8">
        <v>0.7600559203268209</v>
      </c>
      <c r="C8">
        <v>1.0382669845509493</v>
      </c>
      <c r="D8">
        <v>1.0923021691502683</v>
      </c>
      <c r="E8">
        <v>0.69129433660499606</v>
      </c>
      <c r="F8">
        <v>0.99100840477551322</v>
      </c>
      <c r="G8">
        <v>1.3167388090756365</v>
      </c>
      <c r="H8">
        <v>0.68086074930638329</v>
      </c>
      <c r="I8">
        <v>1.0177841795256695</v>
      </c>
      <c r="J8">
        <v>0.74402968555924731</v>
      </c>
      <c r="K8">
        <v>0.9160079907390436</v>
      </c>
      <c r="L8">
        <v>1.0575561762262962</v>
      </c>
      <c r="M8">
        <v>0.93027831315352449</v>
      </c>
      <c r="N8">
        <v>0.94381455558145788</v>
      </c>
      <c r="O8">
        <v>0.87150166523284234</v>
      </c>
      <c r="P8">
        <v>0.61713623330192657</v>
      </c>
      <c r="Q8">
        <v>1.0025407687555008</v>
      </c>
    </row>
    <row r="9" spans="1:32" x14ac:dyDescent="0.25">
      <c r="B9">
        <v>1.0637635231513649</v>
      </c>
      <c r="C9">
        <v>1.3418072764418738</v>
      </c>
      <c r="D9">
        <v>0.8570029120134266</v>
      </c>
      <c r="E9">
        <v>0.81641353841829511</v>
      </c>
      <c r="F9">
        <v>1.2543754230245694</v>
      </c>
      <c r="G9">
        <v>1.0769633825258849</v>
      </c>
      <c r="H9">
        <v>2.049726856666596</v>
      </c>
      <c r="I9">
        <v>1.4696082915580249</v>
      </c>
      <c r="J9">
        <v>0.9385022368642546</v>
      </c>
      <c r="K9">
        <v>1.2600072970117155</v>
      </c>
      <c r="L9">
        <v>1.2064217133315092</v>
      </c>
      <c r="M9">
        <v>0.97991892766971322</v>
      </c>
      <c r="N9">
        <v>1.4256060120609526</v>
      </c>
      <c r="O9">
        <v>1.245370772392336</v>
      </c>
      <c r="P9">
        <v>1.5622885133597852</v>
      </c>
      <c r="Q9">
        <v>1.5195676518047805</v>
      </c>
    </row>
    <row r="10" spans="1:32" x14ac:dyDescent="0.25">
      <c r="B10">
        <v>1.0204301792061381</v>
      </c>
      <c r="C10">
        <v>1.5043888015984501</v>
      </c>
      <c r="D10">
        <v>1.3262677059958701</v>
      </c>
      <c r="E10">
        <v>0.73579307918123404</v>
      </c>
      <c r="F10">
        <v>0.81336183248017924</v>
      </c>
      <c r="G10">
        <v>1.2032773354709234</v>
      </c>
      <c r="H10">
        <v>0.92365863889830713</v>
      </c>
      <c r="I10">
        <v>1.0072568880616684</v>
      </c>
      <c r="J10">
        <v>0.9385022368642546</v>
      </c>
      <c r="K10">
        <v>1.2820318366106171</v>
      </c>
      <c r="L10">
        <v>1.00746819853922</v>
      </c>
      <c r="M10">
        <v>0.86798035748344704</v>
      </c>
      <c r="N10">
        <v>1.0841582274186776</v>
      </c>
      <c r="O10">
        <v>1.4656852523638797</v>
      </c>
      <c r="P10">
        <v>0.91615328462593582</v>
      </c>
      <c r="Q10">
        <v>1.3366862807116986</v>
      </c>
    </row>
    <row r="11" spans="1:32" x14ac:dyDescent="0.25">
      <c r="C11">
        <v>1.2826943830278168</v>
      </c>
      <c r="E11">
        <v>0.99472663461223099</v>
      </c>
      <c r="G11">
        <v>0.93755107930720649</v>
      </c>
      <c r="I11">
        <v>1.5161701545622195</v>
      </c>
      <c r="K11">
        <v>0.99201379547272317</v>
      </c>
      <c r="M11">
        <v>0.94982543801218033</v>
      </c>
      <c r="O11">
        <v>1.4256060120609493</v>
      </c>
      <c r="Q11">
        <v>1.3647729008730978</v>
      </c>
    </row>
    <row r="12" spans="1:32" x14ac:dyDescent="0.25">
      <c r="R12" s="1"/>
      <c r="T12" s="1"/>
      <c r="V12" s="1"/>
      <c r="X12" s="1"/>
      <c r="Z12" s="1"/>
      <c r="AB12" s="3"/>
      <c r="AD12" s="1"/>
      <c r="AF12" s="1"/>
    </row>
    <row r="13" spans="1:32" x14ac:dyDescent="0.25">
      <c r="B13" s="1" t="s">
        <v>26</v>
      </c>
      <c r="D13" s="1" t="s">
        <v>27</v>
      </c>
      <c r="F13" s="1" t="s">
        <v>28</v>
      </c>
      <c r="H13" s="1" t="s">
        <v>29</v>
      </c>
      <c r="J13" s="1" t="s">
        <v>30</v>
      </c>
      <c r="L13" s="4" t="s">
        <v>31</v>
      </c>
      <c r="N13" s="1" t="s">
        <v>32</v>
      </c>
      <c r="P13" s="1" t="s">
        <v>33</v>
      </c>
    </row>
    <row r="14" spans="1:32" x14ac:dyDescent="0.25">
      <c r="A14" t="s">
        <v>18</v>
      </c>
      <c r="B14" t="s">
        <v>15</v>
      </c>
      <c r="C14" t="s">
        <v>16</v>
      </c>
      <c r="D14" t="s">
        <v>15</v>
      </c>
      <c r="E14" t="s">
        <v>16</v>
      </c>
      <c r="F14" t="s">
        <v>15</v>
      </c>
      <c r="G14" t="s">
        <v>16</v>
      </c>
      <c r="H14" t="s">
        <v>15</v>
      </c>
      <c r="I14" t="s">
        <v>16</v>
      </c>
      <c r="J14" t="s">
        <v>15</v>
      </c>
      <c r="K14" t="s">
        <v>16</v>
      </c>
      <c r="L14" s="5" t="s">
        <v>15</v>
      </c>
      <c r="M14" t="s">
        <v>16</v>
      </c>
      <c r="N14" t="s">
        <v>15</v>
      </c>
      <c r="O14" t="s">
        <v>16</v>
      </c>
      <c r="P14" t="s">
        <v>15</v>
      </c>
      <c r="Q14" t="s">
        <v>16</v>
      </c>
    </row>
    <row r="15" spans="1:32" x14ac:dyDescent="0.25">
      <c r="B15">
        <v>0.64344864406428537</v>
      </c>
      <c r="C15">
        <v>0.63900401961937914</v>
      </c>
      <c r="D15">
        <v>1.2289533862004967</v>
      </c>
      <c r="E15">
        <v>1.2332200032872858</v>
      </c>
      <c r="F15">
        <v>0.45033633730275036</v>
      </c>
      <c r="G15">
        <v>0.69211074003274442</v>
      </c>
      <c r="H15">
        <v>0.56873247571490804</v>
      </c>
      <c r="I15">
        <v>0.12814260170996569</v>
      </c>
      <c r="J15">
        <v>0.74399207720341898</v>
      </c>
      <c r="K15">
        <v>0.50640345863038905</v>
      </c>
      <c r="L15">
        <v>0.73527224741708663</v>
      </c>
      <c r="M15">
        <v>1.1261120905732005</v>
      </c>
      <c r="N15">
        <v>0.49972382248925112</v>
      </c>
      <c r="O15">
        <v>0.80062740262016452</v>
      </c>
      <c r="P15">
        <v>0.4621221485248535</v>
      </c>
      <c r="Q15">
        <v>0.47183231720173635</v>
      </c>
    </row>
    <row r="16" spans="1:32" x14ac:dyDescent="0.25">
      <c r="B16">
        <v>0.85494108546785264</v>
      </c>
      <c r="C16">
        <v>0.56015457954229253</v>
      </c>
      <c r="D16">
        <v>1.1546296640589626</v>
      </c>
      <c r="E16">
        <v>1.1230562551759331</v>
      </c>
      <c r="F16">
        <v>0.94545113301680317</v>
      </c>
      <c r="G16">
        <v>0.54679607701020227</v>
      </c>
      <c r="H16">
        <v>1.4298086569970987</v>
      </c>
      <c r="I16">
        <v>0.16850018639236131</v>
      </c>
      <c r="J16">
        <v>0.88169963233158277</v>
      </c>
      <c r="K16">
        <v>0.53158015916874446</v>
      </c>
      <c r="L16">
        <v>1.3070827115631445</v>
      </c>
      <c r="M16">
        <v>1.3161741907916951</v>
      </c>
      <c r="N16">
        <v>0.97887930986739924</v>
      </c>
      <c r="O16">
        <v>0.5564033071034058</v>
      </c>
      <c r="P16">
        <v>1.2408649790704127</v>
      </c>
      <c r="Q16">
        <v>0.31783417019226184</v>
      </c>
    </row>
    <row r="17" spans="2:17" x14ac:dyDescent="0.25">
      <c r="B17">
        <v>0.84317085890344767</v>
      </c>
      <c r="C17">
        <v>1.0784033710908179</v>
      </c>
      <c r="D17">
        <v>0.94437397910570309</v>
      </c>
      <c r="E17">
        <v>1.2332200032872889</v>
      </c>
      <c r="F17">
        <v>0.92599403005321268</v>
      </c>
      <c r="G17">
        <v>0.91641615564290702</v>
      </c>
      <c r="H17">
        <v>0.69294948569644366</v>
      </c>
      <c r="I17">
        <v>1.0005699934193941</v>
      </c>
      <c r="J17">
        <v>0.91279270271672586</v>
      </c>
      <c r="K17">
        <v>1.3457021833832152</v>
      </c>
      <c r="L17">
        <v>0.81583563939271597</v>
      </c>
      <c r="M17">
        <v>1.1378815908259241</v>
      </c>
      <c r="N17">
        <v>0.99254395581036825</v>
      </c>
      <c r="O17">
        <v>1.3558550002352214</v>
      </c>
      <c r="P17">
        <v>0.75594131316724522</v>
      </c>
      <c r="Q17">
        <v>1.0653637823159126</v>
      </c>
    </row>
    <row r="18" spans="2:17" x14ac:dyDescent="0.25">
      <c r="B18">
        <v>1.0896742462149172</v>
      </c>
      <c r="C18">
        <v>0.97528576950689316</v>
      </c>
      <c r="D18">
        <v>1.0086531793433051</v>
      </c>
      <c r="E18">
        <v>1.1546296640589599</v>
      </c>
      <c r="F18">
        <v>0.68971621877822009</v>
      </c>
      <c r="G18">
        <v>1.1282406303187908</v>
      </c>
      <c r="H18">
        <v>1.8350534589497067</v>
      </c>
      <c r="I18">
        <v>2.3066867408623271</v>
      </c>
      <c r="J18">
        <v>1.2599436076137038</v>
      </c>
      <c r="K18">
        <v>1.1315961420060452</v>
      </c>
      <c r="L18">
        <v>1.2237852679379966</v>
      </c>
      <c r="M18">
        <v>1.5436550902374875</v>
      </c>
      <c r="N18">
        <v>1.1440918664603481</v>
      </c>
      <c r="O18">
        <v>1.3652857175590083</v>
      </c>
      <c r="P18">
        <v>1.0398288883210185</v>
      </c>
      <c r="Q18">
        <v>1.3299261551583175</v>
      </c>
    </row>
    <row r="19" spans="2:17" x14ac:dyDescent="0.25">
      <c r="B19">
        <v>1.0972535299799859</v>
      </c>
      <c r="C19">
        <v>1.2344743937587288</v>
      </c>
      <c r="D19">
        <v>0.58740611753966876</v>
      </c>
      <c r="E19">
        <v>0.6540306699484485</v>
      </c>
      <c r="F19">
        <v>1.2346266152643015</v>
      </c>
      <c r="G19">
        <v>1.2870559738361975</v>
      </c>
      <c r="H19">
        <v>0.53992169474863061</v>
      </c>
      <c r="I19">
        <v>1.1898849552325692</v>
      </c>
      <c r="J19">
        <v>1.0058109488583988</v>
      </c>
      <c r="K19">
        <v>1.196117536730043</v>
      </c>
      <c r="L19">
        <v>0.77719603024397244</v>
      </c>
      <c r="M19">
        <v>1.0149090425807445</v>
      </c>
      <c r="N19">
        <v>1.1681316685789913</v>
      </c>
      <c r="O19">
        <v>1.5148793528537161</v>
      </c>
      <c r="P19">
        <v>0.96683803983283445</v>
      </c>
      <c r="Q19">
        <v>1.4352938591126272</v>
      </c>
    </row>
    <row r="20" spans="2:17" x14ac:dyDescent="0.25">
      <c r="B20">
        <v>1.2604133249026961</v>
      </c>
      <c r="C20">
        <v>1.1760072151068168</v>
      </c>
      <c r="D20">
        <v>1.2767094127828758</v>
      </c>
      <c r="E20">
        <v>0.72821188690519223</v>
      </c>
      <c r="F20">
        <v>1.0822807546297344</v>
      </c>
      <c r="G20">
        <v>0.91324559660408633</v>
      </c>
      <c r="H20">
        <v>1.1063609125162834</v>
      </c>
      <c r="I20">
        <v>0.82692138939701654</v>
      </c>
      <c r="J20">
        <v>1.2254903834059563</v>
      </c>
      <c r="K20">
        <v>1.2864177010808602</v>
      </c>
      <c r="L20">
        <v>1.3531768838408009</v>
      </c>
      <c r="M20">
        <v>0.6789373868351839</v>
      </c>
      <c r="N20">
        <v>1.3747820307092147</v>
      </c>
      <c r="O20">
        <v>1.3096696014816032</v>
      </c>
      <c r="P20">
        <v>1.4452771173957877</v>
      </c>
      <c r="Q20">
        <v>0.9403998027898024</v>
      </c>
    </row>
    <row r="21" spans="2:17" x14ac:dyDescent="0.25">
      <c r="B21">
        <v>1.1438492359661887</v>
      </c>
      <c r="C21">
        <v>1.4328592610422259</v>
      </c>
      <c r="D21">
        <v>0.82497951175574069</v>
      </c>
      <c r="E21">
        <v>0.75650954784102975</v>
      </c>
      <c r="F21">
        <v>1.1088581315929835</v>
      </c>
      <c r="G21">
        <v>1.3510441284925905</v>
      </c>
      <c r="H21">
        <v>0.54745872073467217</v>
      </c>
      <c r="I21">
        <v>2.0080874416054058</v>
      </c>
      <c r="J21">
        <v>0.97830699556856515</v>
      </c>
      <c r="K21">
        <v>1.2170253029907128</v>
      </c>
      <c r="L21">
        <v>0.63787712022357068</v>
      </c>
      <c r="M21">
        <v>1.2451766576213583</v>
      </c>
      <c r="N21">
        <v>0.7367274486429447</v>
      </c>
      <c r="O21">
        <v>1.0098933185563173</v>
      </c>
      <c r="P21">
        <v>0.54011785325209016</v>
      </c>
      <c r="Q21">
        <v>1.3673154685498099</v>
      </c>
    </row>
    <row r="22" spans="2:17" x14ac:dyDescent="0.25">
      <c r="B22">
        <v>1.067249074500626</v>
      </c>
      <c r="C22">
        <v>1.3697351013641426</v>
      </c>
      <c r="D22">
        <v>0.9742947492132481</v>
      </c>
      <c r="E22">
        <v>0.48044067274513053</v>
      </c>
      <c r="F22">
        <v>1.5627367793619935</v>
      </c>
      <c r="G22">
        <v>0.97203138228221886</v>
      </c>
      <c r="H22">
        <v>1.2797145946422572</v>
      </c>
      <c r="I22">
        <v>0.85608270921690688</v>
      </c>
      <c r="J22">
        <v>0.9919636523016484</v>
      </c>
      <c r="K22">
        <v>1.1837456820798518</v>
      </c>
      <c r="L22">
        <v>1.1497740993807126</v>
      </c>
      <c r="M22">
        <v>0.60138068476284168</v>
      </c>
      <c r="N22">
        <v>1.1051198974414829</v>
      </c>
      <c r="O22">
        <v>0.87006971032101998</v>
      </c>
      <c r="P22">
        <v>1.5490096604357577</v>
      </c>
      <c r="Q22">
        <v>0.87742404123759221</v>
      </c>
    </row>
    <row r="24" spans="2:17" x14ac:dyDescent="0.25">
      <c r="M24" s="5"/>
    </row>
  </sheetData>
  <pageMargins left="0.7" right="0.7" top="0.75" bottom="0.75" header="0.3" footer="0.3"/>
</worksheet>
</file>

<file path=xl/worksheets/sheet2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9242502-E09C-441C-B2F4-B47D2B297533}">
  <dimension ref="A1:X38"/>
  <sheetViews>
    <sheetView workbookViewId="0">
      <selection activeCell="U4" sqref="U4:X12"/>
    </sheetView>
  </sheetViews>
  <sheetFormatPr defaultRowHeight="15" x14ac:dyDescent="0.25"/>
  <sheetData>
    <row r="1" spans="1:24" x14ac:dyDescent="0.25">
      <c r="A1" s="9" t="s">
        <v>114</v>
      </c>
      <c r="B1" s="10"/>
      <c r="C1" s="10"/>
      <c r="D1" s="10"/>
      <c r="E1" s="10"/>
      <c r="F1" s="9" t="s">
        <v>115</v>
      </c>
      <c r="G1" s="10"/>
      <c r="H1" s="10"/>
      <c r="I1" s="10"/>
      <c r="J1" s="10"/>
      <c r="K1" s="9" t="s">
        <v>116</v>
      </c>
      <c r="L1" s="10"/>
      <c r="M1" s="10"/>
      <c r="N1" s="10"/>
      <c r="O1" s="9"/>
      <c r="P1" t="s">
        <v>117</v>
      </c>
      <c r="Q1" s="7"/>
      <c r="R1" s="6"/>
      <c r="S1" s="6"/>
      <c r="U1" t="s">
        <v>118</v>
      </c>
      <c r="V1" s="7"/>
      <c r="W1" s="6"/>
      <c r="X1" s="6"/>
    </row>
    <row r="2" spans="1:24" x14ac:dyDescent="0.25">
      <c r="A2" s="13" t="s">
        <v>17</v>
      </c>
      <c r="B2" s="14"/>
      <c r="C2" s="13" t="s">
        <v>18</v>
      </c>
      <c r="D2" s="14"/>
      <c r="E2" s="10"/>
      <c r="F2" s="13" t="s">
        <v>17</v>
      </c>
      <c r="G2" s="14"/>
      <c r="H2" s="13" t="s">
        <v>18</v>
      </c>
      <c r="I2" s="14"/>
      <c r="J2" s="10"/>
      <c r="K2" s="13" t="s">
        <v>17</v>
      </c>
      <c r="L2" s="14"/>
      <c r="M2" s="13" t="s">
        <v>18</v>
      </c>
      <c r="N2" s="14"/>
      <c r="O2" s="9"/>
      <c r="P2" s="12" t="s">
        <v>17</v>
      </c>
      <c r="Q2" s="11"/>
      <c r="R2" s="12" t="s">
        <v>18</v>
      </c>
      <c r="S2" s="11"/>
      <c r="U2" s="12" t="s">
        <v>17</v>
      </c>
      <c r="V2" s="11"/>
      <c r="W2" s="12" t="s">
        <v>18</v>
      </c>
      <c r="X2" s="11"/>
    </row>
    <row r="3" spans="1:24" x14ac:dyDescent="0.25">
      <c r="A3" s="10" t="s">
        <v>65</v>
      </c>
      <c r="B3" s="10" t="s">
        <v>66</v>
      </c>
      <c r="C3" s="10" t="s">
        <v>65</v>
      </c>
      <c r="D3" s="10" t="s">
        <v>66</v>
      </c>
      <c r="E3" s="10"/>
      <c r="F3" s="10" t="s">
        <v>65</v>
      </c>
      <c r="G3" s="10" t="s">
        <v>66</v>
      </c>
      <c r="H3" s="10" t="s">
        <v>65</v>
      </c>
      <c r="I3" s="10" t="s">
        <v>66</v>
      </c>
      <c r="J3" s="9"/>
      <c r="K3" s="10" t="s">
        <v>65</v>
      </c>
      <c r="L3" s="10" t="s">
        <v>66</v>
      </c>
      <c r="M3" s="10" t="s">
        <v>65</v>
      </c>
      <c r="N3" s="10" t="s">
        <v>66</v>
      </c>
      <c r="O3" s="9"/>
      <c r="P3" s="8" t="s">
        <v>65</v>
      </c>
      <c r="Q3" s="8" t="s">
        <v>66</v>
      </c>
      <c r="R3" s="8" t="s">
        <v>65</v>
      </c>
      <c r="S3" s="8" t="s">
        <v>66</v>
      </c>
      <c r="U3" s="8" t="s">
        <v>65</v>
      </c>
      <c r="V3" s="8" t="s">
        <v>66</v>
      </c>
      <c r="W3" s="8" t="s">
        <v>65</v>
      </c>
      <c r="X3" s="8" t="s">
        <v>66</v>
      </c>
    </row>
    <row r="4" spans="1:24" x14ac:dyDescent="0.25">
      <c r="A4" s="6">
        <v>1.2716613000000001</v>
      </c>
      <c r="B4" s="6">
        <v>0.46109990000000001</v>
      </c>
      <c r="C4" s="6">
        <v>0.95599100000000004</v>
      </c>
      <c r="D4" s="6">
        <v>0.63350200000000001</v>
      </c>
      <c r="E4" s="10"/>
      <c r="F4" s="6">
        <v>1.3205750999999999</v>
      </c>
      <c r="G4" s="6">
        <v>1.7531772999999999</v>
      </c>
      <c r="H4" s="6">
        <v>1.008232</v>
      </c>
      <c r="I4" s="6">
        <v>0.82758399999999999</v>
      </c>
      <c r="J4" s="9"/>
      <c r="K4" s="6">
        <v>1.1083529999999999</v>
      </c>
      <c r="L4" s="6">
        <v>0.96674400000000005</v>
      </c>
      <c r="M4" s="6">
        <v>1.0542290000000001</v>
      </c>
      <c r="N4" s="6">
        <v>1.164507</v>
      </c>
      <c r="O4" s="9"/>
      <c r="P4" s="6">
        <v>1.1122430000000001</v>
      </c>
      <c r="Q4" s="6">
        <v>0.76717500000000005</v>
      </c>
      <c r="R4" s="6">
        <v>0.95828899999999995</v>
      </c>
      <c r="S4" s="6">
        <v>0.95583799999999997</v>
      </c>
      <c r="U4" s="6">
        <v>0.89490999999999998</v>
      </c>
      <c r="V4" s="6">
        <v>0.78835299999999997</v>
      </c>
      <c r="W4" s="6">
        <v>0.73508300000000004</v>
      </c>
      <c r="X4" s="6">
        <v>0.82563600000000004</v>
      </c>
    </row>
    <row r="5" spans="1:24" x14ac:dyDescent="0.25">
      <c r="A5" s="6">
        <v>0.85585840000000002</v>
      </c>
      <c r="B5" s="6">
        <v>0.53613730000000004</v>
      </c>
      <c r="C5" s="6">
        <v>0.84029100000000001</v>
      </c>
      <c r="D5" s="6">
        <v>0.61218399999999995</v>
      </c>
      <c r="E5" s="10"/>
      <c r="F5" s="6">
        <v>0.7870566</v>
      </c>
      <c r="G5" s="6">
        <v>1.4396627</v>
      </c>
      <c r="H5" s="6">
        <v>0.74701899999999999</v>
      </c>
      <c r="I5" s="6">
        <v>0.77259500000000003</v>
      </c>
      <c r="J5" s="9"/>
      <c r="K5" s="6">
        <v>0.58698899999999998</v>
      </c>
      <c r="L5" s="6">
        <v>0.79186299999999998</v>
      </c>
      <c r="M5" s="6">
        <v>1.0897429999999999</v>
      </c>
      <c r="N5" s="6">
        <v>0.93806</v>
      </c>
      <c r="O5" s="9"/>
      <c r="P5" s="6">
        <v>1.2425710000000001</v>
      </c>
      <c r="Q5" s="6">
        <v>0.63671199999999994</v>
      </c>
      <c r="R5" s="6">
        <v>0.89209300000000002</v>
      </c>
      <c r="S5" s="6">
        <v>0.538439</v>
      </c>
      <c r="U5" s="6">
        <v>0.80997399999999997</v>
      </c>
      <c r="V5" s="6">
        <v>0.597916</v>
      </c>
      <c r="W5" s="6">
        <v>0.70257499999999995</v>
      </c>
      <c r="X5" s="6">
        <v>0.81266499999999997</v>
      </c>
    </row>
    <row r="6" spans="1:24" x14ac:dyDescent="0.25">
      <c r="A6" s="6">
        <v>1.1993018</v>
      </c>
      <c r="B6" s="6">
        <v>0.77310250000000003</v>
      </c>
      <c r="C6" s="6">
        <v>1.2208540000000001</v>
      </c>
      <c r="D6" s="6">
        <v>0.65922199999999997</v>
      </c>
      <c r="E6" s="9"/>
      <c r="F6" s="6">
        <v>1.2855156000000001</v>
      </c>
      <c r="G6" s="6">
        <v>1.1150176999999999</v>
      </c>
      <c r="H6" s="6">
        <v>1.0958349999999999</v>
      </c>
      <c r="I6" s="6">
        <v>0.95044200000000001</v>
      </c>
      <c r="J6" s="9"/>
      <c r="K6" s="6">
        <v>0.81404500000000002</v>
      </c>
      <c r="L6" s="6">
        <v>1.0077370000000001</v>
      </c>
      <c r="M6" s="6">
        <v>1.079366</v>
      </c>
      <c r="N6" s="6">
        <v>0.78665700000000005</v>
      </c>
      <c r="O6" s="9"/>
      <c r="P6" s="6">
        <v>0.90153899999999998</v>
      </c>
      <c r="Q6" s="6">
        <v>1.519342</v>
      </c>
      <c r="R6" s="6">
        <v>0.81966499999999998</v>
      </c>
      <c r="S6" s="6">
        <v>0.74508799999999997</v>
      </c>
      <c r="U6" s="6">
        <v>1.0923959999999999</v>
      </c>
      <c r="V6" s="6">
        <v>0.638154</v>
      </c>
      <c r="W6" s="6">
        <v>0.95811500000000005</v>
      </c>
      <c r="X6" s="6">
        <v>0.62431999999999999</v>
      </c>
    </row>
    <row r="7" spans="1:24" x14ac:dyDescent="0.25">
      <c r="A7" s="6">
        <v>0.931288</v>
      </c>
      <c r="B7" s="6">
        <v>0.87930269999999999</v>
      </c>
      <c r="C7" s="6">
        <v>1.251765</v>
      </c>
      <c r="D7" s="6">
        <v>0.72257099999999996</v>
      </c>
      <c r="E7" s="9"/>
      <c r="F7" s="6">
        <v>0.83524920000000002</v>
      </c>
      <c r="G7" s="6">
        <v>1.0403343</v>
      </c>
      <c r="H7" s="6">
        <v>1.4298519999999999</v>
      </c>
      <c r="I7" s="6">
        <v>0.70150599999999996</v>
      </c>
      <c r="J7" s="9"/>
      <c r="K7" s="6">
        <v>0.93990899999999999</v>
      </c>
      <c r="L7" s="6">
        <v>0.86254600000000003</v>
      </c>
      <c r="M7" s="6">
        <v>1.084101</v>
      </c>
      <c r="N7" s="6">
        <v>0.66872399999999999</v>
      </c>
      <c r="O7" s="9"/>
      <c r="P7" s="6">
        <v>0.94552499999999995</v>
      </c>
      <c r="Q7" s="6">
        <v>1.645521</v>
      </c>
      <c r="R7" s="6">
        <v>1.1587149999999999</v>
      </c>
      <c r="S7" s="6">
        <v>0.76224400000000003</v>
      </c>
      <c r="U7" s="6">
        <v>0.96414800000000001</v>
      </c>
      <c r="V7" s="6">
        <v>0.78423500000000002</v>
      </c>
      <c r="W7" s="6">
        <v>1.2488379999999999</v>
      </c>
      <c r="X7" s="6">
        <v>0.60426999999999997</v>
      </c>
    </row>
    <row r="8" spans="1:24" x14ac:dyDescent="0.25">
      <c r="A8" s="6">
        <v>0.9637734</v>
      </c>
      <c r="B8" s="6">
        <v>1.1104649</v>
      </c>
      <c r="C8" s="6">
        <v>1.006583</v>
      </c>
      <c r="D8" s="6">
        <v>0.64054599999999995</v>
      </c>
      <c r="E8" s="9"/>
      <c r="F8" s="6">
        <v>0.80701809999999996</v>
      </c>
      <c r="G8" s="6">
        <v>0.99934060000000002</v>
      </c>
      <c r="H8" s="6">
        <v>0.95018899999999995</v>
      </c>
      <c r="I8" s="6">
        <v>0.56286400000000003</v>
      </c>
      <c r="J8" s="9"/>
      <c r="K8" s="6">
        <v>0.80309299999999995</v>
      </c>
      <c r="L8" s="6">
        <v>0.74038800000000005</v>
      </c>
      <c r="M8" s="6">
        <v>0.81017499999999998</v>
      </c>
      <c r="N8" s="6">
        <v>0.573936</v>
      </c>
      <c r="O8" s="9"/>
      <c r="P8" s="6">
        <v>0.97508600000000001</v>
      </c>
      <c r="Q8" s="6">
        <v>1.001296</v>
      </c>
      <c r="R8" s="6">
        <v>0.67092499999999999</v>
      </c>
      <c r="S8" s="6">
        <v>0.91802399999999995</v>
      </c>
      <c r="U8" s="6">
        <v>0.98111800000000005</v>
      </c>
      <c r="V8" s="6">
        <v>0.74223899999999998</v>
      </c>
      <c r="W8" s="6">
        <v>1.1235980000000001</v>
      </c>
      <c r="X8" s="6">
        <v>0.55951600000000001</v>
      </c>
    </row>
    <row r="9" spans="1:24" x14ac:dyDescent="0.25">
      <c r="A9" s="6">
        <v>0.99783200000000005</v>
      </c>
      <c r="B9" s="6">
        <v>0.86819139999999995</v>
      </c>
      <c r="C9" s="6">
        <v>0.97835300000000003</v>
      </c>
      <c r="D9" s="6">
        <v>0.42758000000000002</v>
      </c>
      <c r="E9" s="9"/>
      <c r="F9" s="6">
        <v>0.67268340000000004</v>
      </c>
      <c r="G9" s="6">
        <v>0.88902460000000005</v>
      </c>
      <c r="H9" s="6">
        <v>0.87071100000000001</v>
      </c>
      <c r="I9" s="6">
        <v>0.61863299999999999</v>
      </c>
      <c r="J9" s="9"/>
      <c r="K9" s="6">
        <v>0.92779400000000001</v>
      </c>
      <c r="L9" s="6">
        <v>0.64357200000000003</v>
      </c>
      <c r="M9" s="6">
        <v>0.71781700000000004</v>
      </c>
      <c r="N9" s="6">
        <v>0.33635300000000001</v>
      </c>
      <c r="O9" s="9"/>
      <c r="P9" s="6">
        <v>1.2613190000000001</v>
      </c>
      <c r="Q9" s="6">
        <v>1.1365130000000001</v>
      </c>
      <c r="R9" s="6">
        <v>1.312826</v>
      </c>
      <c r="S9" s="6">
        <v>0.81408700000000001</v>
      </c>
      <c r="U9" s="6">
        <v>1.063434</v>
      </c>
      <c r="V9" s="6">
        <v>0.65438300000000005</v>
      </c>
      <c r="W9" s="6">
        <v>1.151589</v>
      </c>
      <c r="X9" s="6">
        <v>0.461563</v>
      </c>
    </row>
    <row r="10" spans="1:24" x14ac:dyDescent="0.25">
      <c r="A10" s="6">
        <v>0.8836311</v>
      </c>
      <c r="B10" s="6">
        <v>0.75424400000000003</v>
      </c>
      <c r="C10" s="6">
        <v>0.88808799999999999</v>
      </c>
      <c r="D10" s="6">
        <v>0.37552999999999997</v>
      </c>
      <c r="E10" s="9"/>
      <c r="F10" s="6">
        <v>0.90929000000000004</v>
      </c>
      <c r="G10" s="6">
        <v>1.2487543999999999</v>
      </c>
      <c r="H10" s="6">
        <v>0.89122400000000002</v>
      </c>
      <c r="I10" s="6">
        <v>0.36772100000000002</v>
      </c>
      <c r="J10" s="9"/>
      <c r="K10" s="6">
        <v>1.327815</v>
      </c>
      <c r="L10" s="6">
        <v>0.62084099999999998</v>
      </c>
      <c r="M10" s="6">
        <v>0.64278599999999997</v>
      </c>
      <c r="N10" s="6">
        <v>0.11527</v>
      </c>
      <c r="O10" s="9"/>
      <c r="P10" s="6">
        <v>0.76724599999999998</v>
      </c>
      <c r="Q10" s="6">
        <v>1.4144479999999999</v>
      </c>
      <c r="R10" s="6">
        <v>1.065931</v>
      </c>
      <c r="S10" s="6">
        <v>0.73202599999999995</v>
      </c>
      <c r="U10" s="6">
        <v>1.0203770000000001</v>
      </c>
      <c r="V10" s="6">
        <v>0.49571199999999999</v>
      </c>
      <c r="W10" s="6">
        <v>1.0447070000000001</v>
      </c>
      <c r="X10" s="6">
        <v>0.48814099999999999</v>
      </c>
    </row>
    <row r="11" spans="1:24" x14ac:dyDescent="0.25">
      <c r="A11" s="6">
        <v>0.89665410000000001</v>
      </c>
      <c r="B11" s="6">
        <v>0.86327790000000004</v>
      </c>
      <c r="C11" s="6">
        <v>0.85807500000000003</v>
      </c>
      <c r="D11" s="6">
        <v>0.355431</v>
      </c>
      <c r="E11" s="9"/>
      <c r="F11" s="6">
        <v>1.3826118999999999</v>
      </c>
      <c r="G11" s="6">
        <v>0.94063039999999998</v>
      </c>
      <c r="H11" s="6">
        <v>1.006939</v>
      </c>
      <c r="I11" s="6">
        <v>0.61009899999999995</v>
      </c>
      <c r="J11" s="9"/>
      <c r="K11" s="6">
        <v>1.4920040000000001</v>
      </c>
      <c r="L11" s="6">
        <v>0.49451499999999998</v>
      </c>
      <c r="M11" s="6">
        <v>1.5217830000000001</v>
      </c>
      <c r="N11" s="6">
        <v>0.18017900000000001</v>
      </c>
      <c r="O11" s="9"/>
      <c r="P11" s="6">
        <v>0.79447100000000004</v>
      </c>
      <c r="Q11" s="6">
        <v>1.4701310000000001</v>
      </c>
      <c r="R11" s="6">
        <v>1.1215569999999999</v>
      </c>
      <c r="S11" s="6">
        <v>0.80585200000000001</v>
      </c>
      <c r="U11" s="6">
        <v>1.173645</v>
      </c>
      <c r="V11" s="6">
        <v>0.60164899999999999</v>
      </c>
      <c r="W11" s="6">
        <v>1.0354950000000001</v>
      </c>
      <c r="X11" s="6">
        <v>0.51685499999999995</v>
      </c>
    </row>
    <row r="12" spans="1:24" x14ac:dyDescent="0.25">
      <c r="A12" s="6"/>
      <c r="B12" s="6">
        <v>0.82477160000000005</v>
      </c>
      <c r="C12" s="6"/>
      <c r="D12" s="6"/>
      <c r="F12" s="6"/>
      <c r="G12" s="6">
        <v>0.98381099999999999</v>
      </c>
      <c r="H12" s="6"/>
      <c r="I12" s="6"/>
      <c r="K12" s="6"/>
      <c r="L12" s="6">
        <v>0.522675</v>
      </c>
      <c r="M12" s="6"/>
      <c r="N12" s="6"/>
      <c r="P12" s="6"/>
      <c r="Q12" s="6">
        <v>1.2977810000000001</v>
      </c>
      <c r="R12" s="6"/>
      <c r="S12" s="6"/>
      <c r="U12" s="6"/>
      <c r="V12" s="6">
        <v>0.70045500000000005</v>
      </c>
      <c r="W12" s="6"/>
      <c r="X12" s="6"/>
    </row>
    <row r="13" spans="1:24" x14ac:dyDescent="0.25">
      <c r="F13" s="6"/>
      <c r="G13" s="6"/>
      <c r="H13" s="6"/>
      <c r="I13" s="6"/>
    </row>
    <row r="14" spans="1:24" x14ac:dyDescent="0.25">
      <c r="A14" s="9"/>
      <c r="B14" s="10"/>
      <c r="C14" s="10"/>
      <c r="D14" s="10"/>
      <c r="E14" s="10"/>
      <c r="F14" s="9"/>
      <c r="G14" s="10"/>
      <c r="H14" s="10"/>
      <c r="I14" s="10"/>
      <c r="J14" s="10"/>
      <c r="K14" s="9"/>
      <c r="L14" s="10"/>
      <c r="M14" s="10"/>
      <c r="N14" s="10"/>
      <c r="O14" s="9"/>
      <c r="Q14" s="7"/>
      <c r="R14" s="6"/>
      <c r="S14" s="6"/>
    </row>
    <row r="15" spans="1:24" x14ac:dyDescent="0.25">
      <c r="A15" s="13"/>
      <c r="B15" s="14"/>
      <c r="C15" s="13"/>
      <c r="D15" s="14"/>
      <c r="E15" s="10"/>
      <c r="F15" s="13"/>
      <c r="G15" s="14"/>
      <c r="H15" s="13"/>
      <c r="I15" s="14"/>
      <c r="J15" s="10"/>
      <c r="K15" s="13"/>
      <c r="L15" s="14"/>
      <c r="M15" s="13"/>
      <c r="N15" s="14"/>
      <c r="O15" s="9"/>
      <c r="P15" s="12"/>
      <c r="Q15" s="11"/>
      <c r="R15" s="12"/>
      <c r="S15" s="11"/>
    </row>
    <row r="16" spans="1:24" x14ac:dyDescent="0.25">
      <c r="A16" s="10"/>
      <c r="B16" s="10"/>
      <c r="C16" s="10"/>
      <c r="D16" s="10"/>
      <c r="E16" s="10"/>
      <c r="F16" s="10"/>
      <c r="G16" s="10"/>
      <c r="H16" s="10"/>
      <c r="I16" s="10"/>
      <c r="J16" s="9"/>
      <c r="K16" s="10"/>
      <c r="L16" s="10"/>
      <c r="M16" s="10"/>
      <c r="N16" s="10"/>
      <c r="O16" s="9"/>
      <c r="P16" s="8"/>
      <c r="Q16" s="8"/>
      <c r="R16" s="8"/>
      <c r="S16" s="8"/>
    </row>
    <row r="17" spans="1:19" x14ac:dyDescent="0.25">
      <c r="A17" s="6"/>
      <c r="B17" s="6"/>
      <c r="C17" s="6"/>
      <c r="D17" s="6"/>
      <c r="F17" s="6"/>
      <c r="G17" s="6"/>
      <c r="H17" s="6"/>
      <c r="I17" s="6"/>
      <c r="K17" s="6"/>
      <c r="L17" s="6"/>
      <c r="M17" s="6"/>
      <c r="N17" s="6"/>
      <c r="P17" s="6"/>
      <c r="Q17" s="6"/>
      <c r="R17" s="6"/>
      <c r="S17" s="6"/>
    </row>
    <row r="18" spans="1:19" x14ac:dyDescent="0.25">
      <c r="A18" s="6"/>
      <c r="B18" s="6"/>
      <c r="C18" s="6"/>
      <c r="D18" s="6"/>
      <c r="F18" s="6"/>
      <c r="G18" s="6"/>
      <c r="H18" s="6"/>
      <c r="I18" s="6"/>
      <c r="K18" s="6"/>
      <c r="L18" s="6"/>
      <c r="M18" s="6"/>
      <c r="N18" s="6"/>
      <c r="P18" s="6"/>
      <c r="Q18" s="6"/>
      <c r="R18" s="6"/>
      <c r="S18" s="6"/>
    </row>
    <row r="19" spans="1:19" x14ac:dyDescent="0.25">
      <c r="A19" s="6"/>
      <c r="B19" s="6"/>
      <c r="C19" s="6"/>
      <c r="D19" s="6"/>
      <c r="F19" s="6"/>
      <c r="G19" s="6"/>
      <c r="H19" s="6"/>
      <c r="I19" s="6"/>
      <c r="K19" s="6"/>
      <c r="L19" s="6"/>
      <c r="M19" s="6"/>
      <c r="N19" s="6"/>
      <c r="P19" s="6"/>
      <c r="Q19" s="6"/>
      <c r="R19" s="6"/>
      <c r="S19" s="6"/>
    </row>
    <row r="20" spans="1:19" x14ac:dyDescent="0.25">
      <c r="A20" s="6"/>
      <c r="B20" s="6"/>
      <c r="C20" s="6"/>
      <c r="D20" s="6"/>
      <c r="F20" s="6"/>
      <c r="G20" s="6"/>
      <c r="H20" s="6"/>
      <c r="I20" s="6"/>
      <c r="K20" s="6"/>
      <c r="L20" s="6"/>
      <c r="M20" s="6"/>
      <c r="N20" s="6"/>
      <c r="P20" s="6"/>
      <c r="Q20" s="6"/>
      <c r="R20" s="6"/>
      <c r="S20" s="6"/>
    </row>
    <row r="21" spans="1:19" x14ac:dyDescent="0.25">
      <c r="A21" s="6"/>
      <c r="B21" s="6"/>
      <c r="C21" s="6"/>
      <c r="D21" s="6"/>
      <c r="F21" s="6"/>
      <c r="G21" s="6"/>
      <c r="H21" s="6"/>
      <c r="I21" s="6"/>
      <c r="K21" s="6"/>
      <c r="L21" s="6"/>
      <c r="M21" s="6"/>
      <c r="N21" s="6"/>
      <c r="P21" s="6"/>
      <c r="Q21" s="6"/>
      <c r="R21" s="6"/>
      <c r="S21" s="6"/>
    </row>
    <row r="22" spans="1:19" x14ac:dyDescent="0.25">
      <c r="A22" s="6"/>
      <c r="B22" s="6"/>
      <c r="C22" s="6"/>
      <c r="D22" s="6"/>
      <c r="F22" s="6"/>
      <c r="G22" s="6"/>
      <c r="H22" s="6"/>
      <c r="I22" s="6"/>
      <c r="K22" s="6"/>
      <c r="L22" s="6"/>
      <c r="M22" s="6"/>
      <c r="N22" s="6"/>
      <c r="P22" s="6"/>
      <c r="Q22" s="6"/>
      <c r="R22" s="6"/>
      <c r="S22" s="6"/>
    </row>
    <row r="23" spans="1:19" x14ac:dyDescent="0.25">
      <c r="A23" s="6"/>
      <c r="B23" s="6"/>
      <c r="C23" s="6"/>
      <c r="D23" s="6"/>
      <c r="F23" s="6"/>
      <c r="G23" s="6"/>
      <c r="H23" s="6"/>
      <c r="I23" s="6"/>
      <c r="K23" s="6"/>
      <c r="L23" s="6"/>
      <c r="M23" s="6"/>
      <c r="N23" s="6"/>
      <c r="P23" s="6"/>
      <c r="Q23" s="6"/>
      <c r="R23" s="6"/>
      <c r="S23" s="6"/>
    </row>
    <row r="24" spans="1:19" x14ac:dyDescent="0.25">
      <c r="A24" s="6"/>
      <c r="B24" s="6"/>
      <c r="C24" s="6"/>
      <c r="D24" s="6"/>
      <c r="F24" s="6"/>
      <c r="G24" s="6"/>
      <c r="H24" s="6"/>
      <c r="I24" s="6"/>
      <c r="K24" s="6"/>
      <c r="L24" s="6"/>
      <c r="M24" s="6"/>
      <c r="N24" s="6"/>
      <c r="P24" s="6"/>
      <c r="Q24" s="6"/>
      <c r="R24" s="6"/>
      <c r="S24" s="6"/>
    </row>
    <row r="25" spans="1:19" x14ac:dyDescent="0.25">
      <c r="A25" s="6"/>
      <c r="B25" s="6"/>
      <c r="C25" s="6"/>
      <c r="D25" s="6"/>
      <c r="F25" s="6"/>
      <c r="G25" s="6"/>
      <c r="H25" s="6"/>
      <c r="I25" s="6"/>
      <c r="K25" s="6"/>
      <c r="L25" s="6"/>
      <c r="M25" s="6"/>
      <c r="N25" s="6"/>
      <c r="P25" s="6"/>
      <c r="Q25" s="6"/>
      <c r="R25" s="6"/>
      <c r="S25" s="6"/>
    </row>
    <row r="27" spans="1:19" x14ac:dyDescent="0.25">
      <c r="A27" s="9"/>
      <c r="B27" s="10"/>
      <c r="C27" s="10"/>
      <c r="D27" s="10"/>
      <c r="E27" s="10"/>
      <c r="F27" s="9"/>
      <c r="G27" s="10"/>
      <c r="H27" s="10"/>
      <c r="I27" s="10"/>
      <c r="J27" s="10"/>
      <c r="K27" s="9"/>
      <c r="L27" s="10"/>
      <c r="M27" s="10"/>
      <c r="N27" s="10"/>
    </row>
    <row r="28" spans="1:19" x14ac:dyDescent="0.25">
      <c r="A28" s="13"/>
      <c r="B28" s="14"/>
      <c r="C28" s="13"/>
      <c r="D28" s="14"/>
      <c r="E28" s="10"/>
      <c r="F28" s="13"/>
      <c r="G28" s="14"/>
      <c r="H28" s="13"/>
      <c r="I28" s="14"/>
      <c r="J28" s="10"/>
      <c r="K28" s="13"/>
      <c r="L28" s="14"/>
      <c r="M28" s="13"/>
      <c r="N28" s="14"/>
    </row>
    <row r="29" spans="1:19" x14ac:dyDescent="0.25">
      <c r="A29" s="10"/>
      <c r="B29" s="10"/>
      <c r="C29" s="10"/>
      <c r="D29" s="10"/>
      <c r="E29" s="10"/>
      <c r="F29" s="10"/>
      <c r="G29" s="10"/>
      <c r="H29" s="10"/>
      <c r="I29" s="10"/>
      <c r="J29" s="9"/>
      <c r="K29" s="10"/>
      <c r="L29" s="10"/>
      <c r="M29" s="10"/>
      <c r="N29" s="10"/>
    </row>
    <row r="30" spans="1:19" x14ac:dyDescent="0.25">
      <c r="A30" s="6"/>
      <c r="B30" s="6"/>
      <c r="C30" s="6"/>
      <c r="D30" s="6"/>
      <c r="F30" s="6"/>
      <c r="G30" s="6"/>
      <c r="H30" s="6"/>
      <c r="I30" s="6"/>
      <c r="K30" s="6"/>
      <c r="L30" s="6"/>
      <c r="M30" s="6"/>
      <c r="N30" s="6"/>
    </row>
    <row r="31" spans="1:19" x14ac:dyDescent="0.25">
      <c r="A31" s="6"/>
      <c r="B31" s="6"/>
      <c r="C31" s="6"/>
      <c r="D31" s="6"/>
      <c r="F31" s="6"/>
      <c r="G31" s="6"/>
      <c r="H31" s="6"/>
      <c r="I31" s="6"/>
      <c r="K31" s="6"/>
      <c r="L31" s="6"/>
      <c r="M31" s="6"/>
      <c r="N31" s="6"/>
    </row>
    <row r="32" spans="1:19" x14ac:dyDescent="0.25">
      <c r="A32" s="6"/>
      <c r="B32" s="6"/>
      <c r="C32" s="6"/>
      <c r="D32" s="6"/>
      <c r="F32" s="6"/>
      <c r="G32" s="6"/>
      <c r="H32" s="6"/>
      <c r="I32" s="6"/>
      <c r="K32" s="6"/>
      <c r="L32" s="6"/>
      <c r="M32" s="6"/>
      <c r="N32" s="6"/>
    </row>
    <row r="33" spans="1:14" x14ac:dyDescent="0.25">
      <c r="A33" s="6"/>
      <c r="B33" s="6"/>
      <c r="C33" s="6"/>
      <c r="D33" s="6"/>
      <c r="F33" s="6"/>
      <c r="G33" s="6"/>
      <c r="H33" s="6"/>
      <c r="I33" s="6"/>
      <c r="K33" s="6"/>
      <c r="L33" s="6"/>
      <c r="M33" s="6"/>
      <c r="N33" s="6"/>
    </row>
    <row r="34" spans="1:14" x14ac:dyDescent="0.25">
      <c r="A34" s="6"/>
      <c r="B34" s="6"/>
      <c r="C34" s="6"/>
      <c r="D34" s="6"/>
      <c r="F34" s="6"/>
      <c r="G34" s="6"/>
      <c r="H34" s="6"/>
      <c r="I34" s="6"/>
      <c r="K34" s="6"/>
      <c r="L34" s="6"/>
      <c r="M34" s="6"/>
      <c r="N34" s="6"/>
    </row>
    <row r="35" spans="1:14" x14ac:dyDescent="0.25">
      <c r="A35" s="6"/>
      <c r="B35" s="6"/>
      <c r="C35" s="6"/>
      <c r="D35" s="6"/>
      <c r="F35" s="6"/>
      <c r="G35" s="6"/>
      <c r="H35" s="6"/>
      <c r="I35" s="6"/>
      <c r="K35" s="6"/>
      <c r="L35" s="6"/>
      <c r="M35" s="6"/>
      <c r="N35" s="6"/>
    </row>
    <row r="36" spans="1:14" x14ac:dyDescent="0.25">
      <c r="A36" s="6"/>
      <c r="B36" s="6"/>
      <c r="C36" s="6"/>
      <c r="D36" s="6"/>
      <c r="F36" s="6"/>
      <c r="G36" s="6"/>
      <c r="H36" s="6"/>
      <c r="I36" s="6"/>
      <c r="K36" s="6"/>
      <c r="L36" s="6"/>
      <c r="M36" s="6"/>
      <c r="N36" s="6"/>
    </row>
    <row r="37" spans="1:14" x14ac:dyDescent="0.25">
      <c r="A37" s="6"/>
      <c r="B37" s="6"/>
      <c r="C37" s="6"/>
      <c r="D37" s="6"/>
      <c r="F37" s="6"/>
      <c r="G37" s="6"/>
      <c r="H37" s="6"/>
      <c r="I37" s="6"/>
      <c r="K37" s="6"/>
      <c r="L37" s="6"/>
      <c r="M37" s="6"/>
      <c r="N37" s="6"/>
    </row>
    <row r="38" spans="1:14" x14ac:dyDescent="0.25">
      <c r="A38" s="6"/>
      <c r="B38" s="6"/>
      <c r="C38" s="6"/>
      <c r="D38" s="6"/>
      <c r="F38" s="6"/>
      <c r="G38" s="6"/>
      <c r="H38" s="6"/>
      <c r="I38" s="6"/>
      <c r="K38" s="6"/>
      <c r="L38" s="6"/>
      <c r="M38" s="6"/>
      <c r="N38" s="6"/>
    </row>
  </sheetData>
  <mergeCells count="24">
    <mergeCell ref="P15:Q15"/>
    <mergeCell ref="R15:S15"/>
    <mergeCell ref="A2:B2"/>
    <mergeCell ref="C2:D2"/>
    <mergeCell ref="F2:G2"/>
    <mergeCell ref="H2:I2"/>
    <mergeCell ref="K2:L2"/>
    <mergeCell ref="M2:N2"/>
    <mergeCell ref="U2:V2"/>
    <mergeCell ref="W2:X2"/>
    <mergeCell ref="A28:B28"/>
    <mergeCell ref="C28:D28"/>
    <mergeCell ref="F28:G28"/>
    <mergeCell ref="H28:I28"/>
    <mergeCell ref="K28:L28"/>
    <mergeCell ref="M28:N28"/>
    <mergeCell ref="P2:Q2"/>
    <mergeCell ref="R2:S2"/>
    <mergeCell ref="A15:B15"/>
    <mergeCell ref="C15:D15"/>
    <mergeCell ref="F15:G15"/>
    <mergeCell ref="H15:I15"/>
    <mergeCell ref="K15:L15"/>
    <mergeCell ref="M15:N15"/>
  </mergeCells>
  <pageMargins left="0.7" right="0.7" top="0.75" bottom="0.75" header="0.3" footer="0.3"/>
</worksheet>
</file>

<file path=xl/worksheets/sheet2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BF960AC-5EA8-4F44-860E-B90AD6765CE9}">
  <dimension ref="A2:X12"/>
  <sheetViews>
    <sheetView workbookViewId="0">
      <selection activeCell="U6" sqref="U6:X12"/>
    </sheetView>
  </sheetViews>
  <sheetFormatPr defaultRowHeight="15" x14ac:dyDescent="0.25"/>
  <sheetData>
    <row r="2" spans="1:24" x14ac:dyDescent="0.25">
      <c r="A2" t="s">
        <v>119</v>
      </c>
      <c r="F2" t="s">
        <v>121</v>
      </c>
      <c r="K2" t="s">
        <v>122</v>
      </c>
      <c r="P2" t="s">
        <v>123</v>
      </c>
      <c r="U2" t="s">
        <v>124</v>
      </c>
    </row>
    <row r="3" spans="1:24" x14ac:dyDescent="0.25">
      <c r="A3" t="s">
        <v>120</v>
      </c>
      <c r="F3" t="s">
        <v>120</v>
      </c>
      <c r="K3" t="s">
        <v>120</v>
      </c>
      <c r="P3" t="s">
        <v>120</v>
      </c>
      <c r="U3" t="s">
        <v>120</v>
      </c>
    </row>
    <row r="4" spans="1:24" x14ac:dyDescent="0.25">
      <c r="A4" s="12" t="s">
        <v>89</v>
      </c>
      <c r="B4" s="11"/>
      <c r="C4" s="12" t="s">
        <v>90</v>
      </c>
      <c r="D4" s="11"/>
      <c r="F4" s="12" t="s">
        <v>89</v>
      </c>
      <c r="G4" s="11"/>
      <c r="H4" s="12" t="s">
        <v>90</v>
      </c>
      <c r="I4" s="11"/>
      <c r="K4" s="12" t="s">
        <v>89</v>
      </c>
      <c r="L4" s="11"/>
      <c r="M4" s="12" t="s">
        <v>90</v>
      </c>
      <c r="N4" s="11"/>
      <c r="P4" s="12" t="s">
        <v>89</v>
      </c>
      <c r="Q4" s="11"/>
      <c r="R4" s="12" t="s">
        <v>90</v>
      </c>
      <c r="S4" s="11"/>
      <c r="U4" s="12" t="s">
        <v>89</v>
      </c>
      <c r="V4" s="11"/>
      <c r="W4" s="12" t="s">
        <v>90</v>
      </c>
      <c r="X4" s="11"/>
    </row>
    <row r="5" spans="1:24" x14ac:dyDescent="0.25">
      <c r="A5" s="10" t="s">
        <v>65</v>
      </c>
      <c r="B5" s="10" t="s">
        <v>66</v>
      </c>
      <c r="C5" s="10" t="s">
        <v>65</v>
      </c>
      <c r="D5" s="10" t="s">
        <v>66</v>
      </c>
      <c r="F5" s="10" t="s">
        <v>65</v>
      </c>
      <c r="G5" s="10" t="s">
        <v>66</v>
      </c>
      <c r="H5" s="10" t="s">
        <v>65</v>
      </c>
      <c r="I5" s="10" t="s">
        <v>66</v>
      </c>
      <c r="K5" s="10" t="s">
        <v>65</v>
      </c>
      <c r="L5" s="10" t="s">
        <v>66</v>
      </c>
      <c r="M5" s="10" t="s">
        <v>65</v>
      </c>
      <c r="N5" s="10" t="s">
        <v>66</v>
      </c>
      <c r="P5" s="10" t="s">
        <v>65</v>
      </c>
      <c r="Q5" s="10" t="s">
        <v>66</v>
      </c>
      <c r="R5" s="10" t="s">
        <v>65</v>
      </c>
      <c r="S5" s="10" t="s">
        <v>66</v>
      </c>
      <c r="U5" s="10" t="s">
        <v>65</v>
      </c>
      <c r="V5" s="10" t="s">
        <v>66</v>
      </c>
      <c r="W5" s="10" t="s">
        <v>65</v>
      </c>
      <c r="X5" s="10" t="s">
        <v>66</v>
      </c>
    </row>
    <row r="6" spans="1:24" x14ac:dyDescent="0.25">
      <c r="A6" s="6">
        <v>293.22000000000003</v>
      </c>
      <c r="B6" s="6">
        <v>262.66000000000003</v>
      </c>
      <c r="C6" s="6">
        <v>163.74</v>
      </c>
      <c r="D6" s="6">
        <v>176.89</v>
      </c>
      <c r="F6" s="6">
        <v>326.79000000000002</v>
      </c>
      <c r="G6" s="6">
        <v>38.880000000000003</v>
      </c>
      <c r="H6" s="6">
        <v>119.02</v>
      </c>
      <c r="I6" s="6">
        <v>13.02</v>
      </c>
      <c r="K6" s="6">
        <v>613.54</v>
      </c>
      <c r="L6" s="6">
        <v>404.35</v>
      </c>
      <c r="M6" s="6">
        <v>261.95999999999998</v>
      </c>
      <c r="N6" s="6">
        <v>224.69</v>
      </c>
      <c r="P6" s="6">
        <v>6.28</v>
      </c>
      <c r="Q6" s="6">
        <v>6.08</v>
      </c>
      <c r="R6" s="6">
        <v>8.65</v>
      </c>
      <c r="S6" s="6">
        <v>5.19</v>
      </c>
      <c r="U6" s="6">
        <v>33.549999999999997</v>
      </c>
      <c r="V6" s="6">
        <v>44.83</v>
      </c>
      <c r="W6" s="6">
        <v>36.33</v>
      </c>
      <c r="X6" s="6">
        <v>33.83</v>
      </c>
    </row>
    <row r="7" spans="1:24" x14ac:dyDescent="0.25">
      <c r="A7" s="6">
        <v>283.45999999999998</v>
      </c>
      <c r="B7" s="6">
        <v>93.06</v>
      </c>
      <c r="C7" s="6">
        <v>197.57</v>
      </c>
      <c r="D7" s="6">
        <v>185.77</v>
      </c>
      <c r="F7" s="6">
        <v>425.6</v>
      </c>
      <c r="G7" s="6">
        <v>68.81</v>
      </c>
      <c r="H7" s="6">
        <v>120.7</v>
      </c>
      <c r="I7" s="6">
        <v>13</v>
      </c>
      <c r="K7" s="6">
        <v>680.62</v>
      </c>
      <c r="L7" s="6">
        <v>156.13</v>
      </c>
      <c r="M7" s="6">
        <v>321.22000000000003</v>
      </c>
      <c r="N7" s="6">
        <v>233.45</v>
      </c>
      <c r="P7" s="6">
        <v>4.41</v>
      </c>
      <c r="Q7" s="6">
        <v>8.4</v>
      </c>
      <c r="R7" s="6">
        <v>5.15</v>
      </c>
      <c r="S7" s="6">
        <v>5.85</v>
      </c>
      <c r="U7" s="6">
        <v>21.05</v>
      </c>
      <c r="V7" s="6">
        <v>36.89</v>
      </c>
      <c r="W7" s="6">
        <v>37.049999999999997</v>
      </c>
      <c r="X7" s="6">
        <v>35.36</v>
      </c>
    </row>
    <row r="8" spans="1:24" x14ac:dyDescent="0.25">
      <c r="A8" s="6">
        <v>197.9</v>
      </c>
      <c r="B8" s="6">
        <v>101.84</v>
      </c>
      <c r="C8" s="6">
        <v>171.4</v>
      </c>
      <c r="D8" s="6">
        <v>14.7</v>
      </c>
      <c r="F8" s="6">
        <v>240.65</v>
      </c>
      <c r="G8" s="6">
        <v>62.08</v>
      </c>
      <c r="H8" s="6">
        <v>163.94</v>
      </c>
      <c r="I8" s="6">
        <v>14.7</v>
      </c>
      <c r="K8" s="6">
        <v>450.23</v>
      </c>
      <c r="L8" s="6">
        <v>261.77999999999997</v>
      </c>
      <c r="M8" s="6">
        <v>332.24</v>
      </c>
      <c r="N8" s="6">
        <v>206.59</v>
      </c>
      <c r="P8" s="6">
        <v>5.86</v>
      </c>
      <c r="Q8" s="6">
        <v>9.7899999999999991</v>
      </c>
      <c r="R8" s="6">
        <v>7.8</v>
      </c>
      <c r="S8" s="6">
        <v>7.64</v>
      </c>
      <c r="U8" s="6">
        <v>21.61</v>
      </c>
      <c r="V8" s="6">
        <v>31.94</v>
      </c>
      <c r="W8" s="6">
        <v>27.05</v>
      </c>
      <c r="X8" s="6">
        <v>26.5</v>
      </c>
    </row>
    <row r="9" spans="1:24" x14ac:dyDescent="0.25">
      <c r="A9" s="6">
        <v>216.48</v>
      </c>
      <c r="B9" s="6">
        <v>270.82</v>
      </c>
      <c r="C9" s="6">
        <v>190.59</v>
      </c>
      <c r="D9" s="6">
        <v>199.73</v>
      </c>
      <c r="F9" s="6">
        <v>262.27</v>
      </c>
      <c r="G9" s="6">
        <v>46.2</v>
      </c>
      <c r="H9" s="6">
        <v>118.51</v>
      </c>
      <c r="I9" s="6">
        <v>14.7</v>
      </c>
      <c r="K9" s="6">
        <v>529.61</v>
      </c>
      <c r="L9" s="6">
        <v>419.5</v>
      </c>
      <c r="M9" s="6">
        <v>257.16000000000003</v>
      </c>
      <c r="N9" s="6">
        <v>290.58</v>
      </c>
      <c r="P9" s="6">
        <v>3.75</v>
      </c>
      <c r="Q9" s="6">
        <v>8.32</v>
      </c>
      <c r="R9" s="6">
        <v>8.73</v>
      </c>
      <c r="S9" s="6">
        <v>7.26</v>
      </c>
      <c r="U9" s="6">
        <v>22.48</v>
      </c>
      <c r="V9" s="6">
        <v>37.35</v>
      </c>
      <c r="W9" s="6">
        <v>31.8</v>
      </c>
      <c r="X9" s="6">
        <v>23.69</v>
      </c>
    </row>
    <row r="10" spans="1:24" x14ac:dyDescent="0.25">
      <c r="A10" s="6">
        <v>236.64</v>
      </c>
      <c r="B10" s="6">
        <v>204.06</v>
      </c>
      <c r="C10" s="6">
        <v>169.61</v>
      </c>
      <c r="D10" s="6">
        <v>171.03</v>
      </c>
      <c r="F10" s="6">
        <v>355.37</v>
      </c>
      <c r="G10" s="6">
        <v>22.45</v>
      </c>
      <c r="H10" s="6">
        <v>107.41</v>
      </c>
      <c r="I10" s="6">
        <v>16.39</v>
      </c>
      <c r="K10" s="6">
        <v>631.94000000000005</v>
      </c>
      <c r="L10" s="6">
        <v>336.54</v>
      </c>
      <c r="M10" s="6">
        <v>370.82</v>
      </c>
      <c r="N10" s="6">
        <v>222.91</v>
      </c>
      <c r="P10" s="6">
        <v>5.14</v>
      </c>
      <c r="Q10" s="6">
        <v>7.6</v>
      </c>
      <c r="R10" s="6">
        <v>6.57</v>
      </c>
      <c r="S10" s="6">
        <v>9.19</v>
      </c>
      <c r="U10" s="6">
        <v>35</v>
      </c>
      <c r="V10" s="6">
        <v>40.28</v>
      </c>
      <c r="W10" s="6">
        <v>32.96</v>
      </c>
      <c r="X10" s="6">
        <v>28.33</v>
      </c>
    </row>
    <row r="11" spans="1:24" x14ac:dyDescent="0.25">
      <c r="A11" s="6">
        <v>283.89999999999998</v>
      </c>
      <c r="B11" s="6"/>
      <c r="C11" s="6">
        <v>201.62</v>
      </c>
      <c r="D11" s="6">
        <v>193.85</v>
      </c>
      <c r="F11" s="6">
        <v>378.61</v>
      </c>
      <c r="G11" s="6"/>
      <c r="H11" s="6">
        <v>118.17</v>
      </c>
      <c r="I11" s="6">
        <v>13.79</v>
      </c>
      <c r="K11" s="6">
        <v>638.16999999999996</v>
      </c>
      <c r="L11" s="6"/>
      <c r="M11" s="6">
        <v>438.22</v>
      </c>
      <c r="N11" s="6">
        <v>251.96</v>
      </c>
      <c r="P11" s="6">
        <v>5.37</v>
      </c>
      <c r="Q11" s="6"/>
      <c r="R11" s="6">
        <v>8.0500000000000007</v>
      </c>
      <c r="S11" s="6">
        <v>6.39</v>
      </c>
      <c r="U11" s="6">
        <v>29.21</v>
      </c>
      <c r="V11" s="6"/>
      <c r="W11" s="6">
        <v>33.909999999999997</v>
      </c>
      <c r="X11" s="6">
        <v>37.549999999999997</v>
      </c>
    </row>
    <row r="12" spans="1:24" x14ac:dyDescent="0.25">
      <c r="A12" s="6"/>
      <c r="B12" s="6"/>
      <c r="C12" s="6">
        <v>223.01</v>
      </c>
      <c r="D12" s="6">
        <v>259.60000000000002</v>
      </c>
      <c r="F12" s="6"/>
      <c r="G12" s="6"/>
      <c r="H12" s="6">
        <v>152.88999999999999</v>
      </c>
      <c r="I12" s="6">
        <v>19.8</v>
      </c>
      <c r="K12" s="6"/>
      <c r="L12" s="6"/>
      <c r="M12" s="6">
        <v>497.26</v>
      </c>
      <c r="N12" s="6">
        <v>375.32</v>
      </c>
      <c r="P12" s="6"/>
      <c r="Q12" s="6"/>
      <c r="R12" s="6">
        <v>7.59</v>
      </c>
      <c r="S12" s="6">
        <v>5.72</v>
      </c>
      <c r="U12" s="6"/>
      <c r="V12" s="6"/>
      <c r="W12" s="6">
        <v>34.799999999999997</v>
      </c>
      <c r="X12" s="6">
        <v>26.69</v>
      </c>
    </row>
  </sheetData>
  <mergeCells count="10">
    <mergeCell ref="P4:Q4"/>
    <mergeCell ref="R4:S4"/>
    <mergeCell ref="U4:V4"/>
    <mergeCell ref="W4:X4"/>
    <mergeCell ref="A4:B4"/>
    <mergeCell ref="C4:D4"/>
    <mergeCell ref="F4:G4"/>
    <mergeCell ref="H4:I4"/>
    <mergeCell ref="K4:L4"/>
    <mergeCell ref="M4:N4"/>
  </mergeCells>
  <pageMargins left="0.7" right="0.7" top="0.75" bottom="0.75" header="0.3" footer="0.3"/>
</worksheet>
</file>

<file path=xl/worksheets/sheet2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46EF50-5BFC-4DDB-8742-2DED401118F7}">
  <dimension ref="A1:AE25"/>
  <sheetViews>
    <sheetView workbookViewId="0">
      <selection activeCell="AB36" sqref="AB36"/>
    </sheetView>
  </sheetViews>
  <sheetFormatPr defaultRowHeight="15" x14ac:dyDescent="0.25"/>
  <sheetData>
    <row r="1" spans="1:24" x14ac:dyDescent="0.25">
      <c r="A1" s="9" t="s">
        <v>114</v>
      </c>
      <c r="B1" s="10"/>
      <c r="C1" s="10"/>
      <c r="D1" s="10"/>
      <c r="E1" s="10"/>
      <c r="F1" s="9" t="s">
        <v>125</v>
      </c>
      <c r="G1" s="10"/>
      <c r="H1" s="10"/>
      <c r="I1" s="10"/>
      <c r="J1" s="10"/>
      <c r="K1" s="9" t="s">
        <v>126</v>
      </c>
      <c r="L1" s="10"/>
      <c r="M1" s="10"/>
      <c r="N1" s="10"/>
      <c r="O1" s="9"/>
      <c r="P1" t="s">
        <v>127</v>
      </c>
      <c r="Q1" s="7"/>
      <c r="R1" s="6"/>
      <c r="S1" s="6"/>
      <c r="U1" t="s">
        <v>118</v>
      </c>
    </row>
    <row r="2" spans="1:24" x14ac:dyDescent="0.25">
      <c r="A2" s="12" t="s">
        <v>89</v>
      </c>
      <c r="B2" s="11"/>
      <c r="C2" s="12" t="s">
        <v>90</v>
      </c>
      <c r="D2" s="11"/>
      <c r="E2" s="10"/>
      <c r="F2" s="12" t="s">
        <v>89</v>
      </c>
      <c r="G2" s="11"/>
      <c r="H2" s="12" t="s">
        <v>90</v>
      </c>
      <c r="I2" s="11"/>
      <c r="J2" s="10"/>
      <c r="K2" s="12" t="s">
        <v>89</v>
      </c>
      <c r="L2" s="11"/>
      <c r="M2" s="12" t="s">
        <v>90</v>
      </c>
      <c r="N2" s="11"/>
      <c r="O2" s="9"/>
      <c r="P2" s="12" t="s">
        <v>89</v>
      </c>
      <c r="Q2" s="11"/>
      <c r="R2" s="12" t="s">
        <v>90</v>
      </c>
      <c r="S2" s="11"/>
      <c r="U2" s="12" t="s">
        <v>89</v>
      </c>
      <c r="V2" s="11"/>
      <c r="W2" s="12" t="s">
        <v>90</v>
      </c>
      <c r="X2" s="11"/>
    </row>
    <row r="3" spans="1:24" x14ac:dyDescent="0.25">
      <c r="A3" s="10" t="s">
        <v>65</v>
      </c>
      <c r="B3" s="10" t="s">
        <v>66</v>
      </c>
      <c r="C3" s="10" t="s">
        <v>65</v>
      </c>
      <c r="D3" s="10" t="s">
        <v>66</v>
      </c>
      <c r="E3" s="10"/>
      <c r="F3" s="10" t="s">
        <v>65</v>
      </c>
      <c r="G3" s="10" t="s">
        <v>66</v>
      </c>
      <c r="H3" s="10" t="s">
        <v>65</v>
      </c>
      <c r="I3" s="10" t="s">
        <v>66</v>
      </c>
      <c r="J3" s="9"/>
      <c r="K3" s="10" t="s">
        <v>65</v>
      </c>
      <c r="L3" s="10" t="s">
        <v>66</v>
      </c>
      <c r="M3" s="10" t="s">
        <v>65</v>
      </c>
      <c r="N3" s="10" t="s">
        <v>66</v>
      </c>
      <c r="O3" s="9"/>
      <c r="P3" s="8" t="s">
        <v>65</v>
      </c>
      <c r="Q3" s="8" t="s">
        <v>66</v>
      </c>
      <c r="R3" s="8" t="s">
        <v>65</v>
      </c>
      <c r="S3" s="8" t="s">
        <v>66</v>
      </c>
      <c r="U3" s="8" t="s">
        <v>65</v>
      </c>
      <c r="V3" s="8" t="s">
        <v>66</v>
      </c>
      <c r="W3" s="8" t="s">
        <v>65</v>
      </c>
      <c r="X3" s="8" t="s">
        <v>66</v>
      </c>
    </row>
    <row r="4" spans="1:24" x14ac:dyDescent="0.25">
      <c r="A4" s="6">
        <v>0.94863900000000001</v>
      </c>
      <c r="B4" s="6">
        <v>1.0031909999999999</v>
      </c>
      <c r="C4" s="6">
        <v>0.74480900000000005</v>
      </c>
      <c r="D4" s="6">
        <v>0.69698499999999997</v>
      </c>
      <c r="E4" s="10"/>
      <c r="F4">
        <v>0.85497199999999995</v>
      </c>
      <c r="G4">
        <v>0.33877400000000002</v>
      </c>
      <c r="H4">
        <v>0.456621</v>
      </c>
      <c r="I4">
        <v>0.53899699999999995</v>
      </c>
      <c r="J4" s="9"/>
      <c r="K4" s="6">
        <v>0.76200400000000001</v>
      </c>
      <c r="L4" s="6">
        <v>0.48358699999999999</v>
      </c>
      <c r="M4" s="6">
        <v>0.53554999999999997</v>
      </c>
      <c r="N4" s="6">
        <v>0.62619800000000003</v>
      </c>
      <c r="O4" s="9"/>
      <c r="P4" s="6">
        <v>1.0099610000000001</v>
      </c>
      <c r="Q4" s="6">
        <v>0.57145699999999999</v>
      </c>
      <c r="R4" s="6">
        <v>0.80629600000000001</v>
      </c>
      <c r="S4" s="6">
        <v>1.1189880000000001</v>
      </c>
      <c r="U4" s="6">
        <v>0.9637</v>
      </c>
      <c r="V4" s="6">
        <v>1.143664</v>
      </c>
      <c r="W4" s="6">
        <v>0.995197</v>
      </c>
      <c r="X4" s="6">
        <v>1.4192670000000001</v>
      </c>
    </row>
    <row r="5" spans="1:24" x14ac:dyDescent="0.25">
      <c r="A5" s="6">
        <v>1.1832370000000001</v>
      </c>
      <c r="B5" s="6">
        <v>0.97590100000000002</v>
      </c>
      <c r="C5" s="6">
        <v>0.85361200000000004</v>
      </c>
      <c r="D5" s="6">
        <v>0.74613200000000002</v>
      </c>
      <c r="E5" s="10"/>
      <c r="F5">
        <v>1.319337</v>
      </c>
      <c r="G5">
        <v>0.32133099999999998</v>
      </c>
      <c r="H5">
        <v>0.58301400000000003</v>
      </c>
      <c r="I5">
        <v>0.431311</v>
      </c>
      <c r="J5" s="9"/>
      <c r="K5" s="6">
        <v>1.196458</v>
      </c>
      <c r="L5" s="6">
        <v>0.50986500000000001</v>
      </c>
      <c r="M5" s="6">
        <v>0.49360599999999999</v>
      </c>
      <c r="N5" s="6">
        <v>0.59040199999999998</v>
      </c>
      <c r="O5" s="9"/>
      <c r="P5" s="6">
        <v>0.72880900000000004</v>
      </c>
      <c r="Q5" s="6">
        <v>0.54169699999999998</v>
      </c>
      <c r="R5" s="6">
        <v>0.83571499999999999</v>
      </c>
      <c r="S5" s="6">
        <v>1.1962189999999999</v>
      </c>
      <c r="U5" s="6">
        <v>1.1231500000000001</v>
      </c>
      <c r="V5" s="6">
        <v>1.3086070000000001</v>
      </c>
      <c r="W5" s="6">
        <v>1.275074</v>
      </c>
      <c r="X5" s="6">
        <v>2.5484599999999999</v>
      </c>
    </row>
    <row r="6" spans="1:24" x14ac:dyDescent="0.25">
      <c r="A6" s="6">
        <v>1.100393</v>
      </c>
      <c r="B6" s="6">
        <v>1.0081819999999999</v>
      </c>
      <c r="C6" s="6">
        <v>0.77219599999999999</v>
      </c>
      <c r="D6" s="6">
        <v>1.068055</v>
      </c>
      <c r="E6" s="9"/>
      <c r="F6">
        <v>1.1451880000000001</v>
      </c>
      <c r="G6">
        <v>0.632301</v>
      </c>
      <c r="H6">
        <v>0.78393900000000005</v>
      </c>
      <c r="I6">
        <v>1.1748639999999999</v>
      </c>
      <c r="J6" s="9"/>
      <c r="K6" s="6">
        <v>1.1408339999999999</v>
      </c>
      <c r="L6" s="6">
        <v>0.66469800000000001</v>
      </c>
      <c r="M6" s="6">
        <v>0.58094100000000004</v>
      </c>
      <c r="N6" s="6">
        <v>0.68631399999999998</v>
      </c>
      <c r="O6" s="9"/>
      <c r="P6" s="6">
        <v>0.71909500000000004</v>
      </c>
      <c r="Q6" s="6">
        <v>0.76126899999999997</v>
      </c>
      <c r="R6" s="6">
        <v>0.84270100000000003</v>
      </c>
      <c r="S6" s="6">
        <v>0.77866900000000006</v>
      </c>
      <c r="U6" s="6">
        <v>1.152471</v>
      </c>
      <c r="V6" s="6">
        <v>1.538087</v>
      </c>
      <c r="W6" s="6">
        <v>1.025801</v>
      </c>
      <c r="X6" s="6">
        <v>1.250048</v>
      </c>
    </row>
    <row r="7" spans="1:24" x14ac:dyDescent="0.25">
      <c r="A7" s="6">
        <v>0.94142800000000004</v>
      </c>
      <c r="B7" s="6">
        <v>1.2370209999999999</v>
      </c>
      <c r="C7" s="6">
        <v>0.47818899999999998</v>
      </c>
      <c r="D7" s="6">
        <v>1.087396</v>
      </c>
      <c r="E7" s="9"/>
      <c r="F7">
        <v>0.99289899999999998</v>
      </c>
      <c r="G7">
        <v>1.032694</v>
      </c>
      <c r="H7">
        <v>0.56737400000000004</v>
      </c>
      <c r="I7">
        <v>1.005741</v>
      </c>
      <c r="J7" s="9"/>
      <c r="K7" s="6">
        <v>1.0463990000000001</v>
      </c>
      <c r="L7" s="6">
        <v>0.73805299999999996</v>
      </c>
      <c r="M7" s="6">
        <v>0.59843100000000005</v>
      </c>
      <c r="N7" s="6">
        <v>0.65931600000000001</v>
      </c>
      <c r="O7" s="9"/>
      <c r="P7" s="6">
        <v>0.96146699999999996</v>
      </c>
      <c r="Q7" s="6">
        <v>0.69018500000000005</v>
      </c>
      <c r="R7" s="6">
        <v>0.76262799999999997</v>
      </c>
      <c r="S7" s="6">
        <v>0.703542</v>
      </c>
      <c r="U7" s="6">
        <v>1.068792</v>
      </c>
      <c r="V7" s="6">
        <v>1.065358</v>
      </c>
      <c r="W7" s="6">
        <v>1.4082209999999999</v>
      </c>
      <c r="X7" s="6">
        <v>1.290009</v>
      </c>
    </row>
    <row r="8" spans="1:24" x14ac:dyDescent="0.25">
      <c r="A8" s="6">
        <v>0.82630300000000001</v>
      </c>
      <c r="B8" s="6">
        <v>1.235862</v>
      </c>
      <c r="C8" s="6">
        <v>0.90101500000000001</v>
      </c>
      <c r="D8" s="6">
        <v>1.1234029999999999</v>
      </c>
      <c r="E8" s="9"/>
      <c r="F8">
        <v>0.68760399999999999</v>
      </c>
      <c r="G8">
        <v>0.40789199999999998</v>
      </c>
      <c r="H8">
        <v>1.0319389999999999</v>
      </c>
      <c r="I8">
        <v>1.5842890000000001</v>
      </c>
      <c r="J8" s="9"/>
      <c r="K8" s="6">
        <v>0.85430499999999998</v>
      </c>
      <c r="L8" s="6">
        <v>0.545072</v>
      </c>
      <c r="M8" s="6">
        <v>0.76392099999999996</v>
      </c>
      <c r="N8" s="6">
        <v>0.72300500000000001</v>
      </c>
      <c r="O8" s="9"/>
      <c r="P8" s="6">
        <v>1.580668</v>
      </c>
      <c r="Q8" s="6">
        <v>0.75597199999999998</v>
      </c>
      <c r="R8" s="6">
        <v>0.85914599999999997</v>
      </c>
      <c r="S8" s="6">
        <v>0.566442</v>
      </c>
      <c r="U8" s="6">
        <v>0.69188700000000003</v>
      </c>
      <c r="V8" s="6">
        <v>2.7097530000000001</v>
      </c>
      <c r="W8" s="6">
        <v>1.1303749999999999</v>
      </c>
      <c r="X8" s="6">
        <v>1.4649700000000001</v>
      </c>
    </row>
    <row r="9" spans="1:24" x14ac:dyDescent="0.25">
      <c r="A9" s="6"/>
      <c r="B9" s="6"/>
      <c r="C9" s="6">
        <v>0.89142699999999997</v>
      </c>
      <c r="D9" s="6">
        <v>0.77541099999999996</v>
      </c>
      <c r="E9" s="9"/>
      <c r="H9">
        <v>0.86578299999999997</v>
      </c>
      <c r="I9">
        <v>1.481212</v>
      </c>
      <c r="J9" s="9"/>
      <c r="K9" s="6"/>
      <c r="L9" s="6"/>
      <c r="M9" s="6">
        <v>0.78874</v>
      </c>
      <c r="N9" s="6">
        <v>0.61675199999999997</v>
      </c>
      <c r="O9" s="9"/>
      <c r="P9" s="6"/>
      <c r="Q9" s="6"/>
      <c r="R9" s="6">
        <v>0.87195800000000001</v>
      </c>
      <c r="S9" s="6">
        <v>0.68787200000000004</v>
      </c>
      <c r="U9" s="6"/>
      <c r="V9" s="6"/>
      <c r="W9" s="6">
        <v>1.133947</v>
      </c>
      <c r="X9" s="6">
        <v>1.3749530000000001</v>
      </c>
    </row>
    <row r="10" spans="1:24" x14ac:dyDescent="0.25">
      <c r="A10" s="6"/>
      <c r="B10" s="6"/>
      <c r="C10" s="6">
        <v>0.87793600000000005</v>
      </c>
      <c r="D10" s="6">
        <v>0.610205</v>
      </c>
      <c r="E10" s="9"/>
      <c r="H10">
        <v>1.6424000000000001</v>
      </c>
      <c r="I10">
        <v>0.69379800000000003</v>
      </c>
      <c r="J10" s="9"/>
      <c r="K10" s="6"/>
      <c r="L10" s="6"/>
      <c r="M10" s="6">
        <v>1.067561</v>
      </c>
      <c r="N10" s="6">
        <v>0.49025200000000002</v>
      </c>
      <c r="O10" s="9"/>
      <c r="P10" s="6"/>
      <c r="Q10" s="6"/>
      <c r="R10" s="6">
        <v>1.1101049999999999</v>
      </c>
      <c r="S10" s="6">
        <v>0.68086999999999998</v>
      </c>
      <c r="U10" s="6"/>
      <c r="V10" s="6"/>
      <c r="W10" s="6">
        <v>0.96265800000000001</v>
      </c>
      <c r="X10" s="6">
        <v>2.3688769999999999</v>
      </c>
    </row>
    <row r="11" spans="1:24" x14ac:dyDescent="0.25">
      <c r="A11" s="6"/>
      <c r="B11" s="6"/>
      <c r="C11" s="6"/>
      <c r="D11" s="6"/>
      <c r="E11" s="9"/>
      <c r="F11" s="6"/>
      <c r="G11" s="6"/>
      <c r="H11" s="6"/>
      <c r="I11" s="6"/>
      <c r="J11" s="9"/>
      <c r="K11" s="6"/>
      <c r="L11" s="6"/>
      <c r="M11" s="6"/>
      <c r="N11" s="6"/>
      <c r="O11" s="9"/>
      <c r="P11" s="6"/>
      <c r="Q11" s="6"/>
      <c r="R11" s="6"/>
      <c r="S11" s="6"/>
    </row>
    <row r="13" spans="1:24" x14ac:dyDescent="0.25">
      <c r="H13" s="6"/>
      <c r="I13" s="6"/>
      <c r="J13" s="6"/>
      <c r="K13" s="6"/>
      <c r="L13" s="6"/>
      <c r="M13" s="6"/>
      <c r="N13" s="6"/>
      <c r="O13" s="6"/>
      <c r="P13" s="6"/>
      <c r="Q13" s="6"/>
      <c r="R13" s="6"/>
      <c r="S13" s="6"/>
      <c r="T13" s="6"/>
      <c r="U13" s="6"/>
    </row>
    <row r="14" spans="1:24" x14ac:dyDescent="0.25">
      <c r="H14" s="6"/>
      <c r="I14" s="6"/>
      <c r="J14" s="6"/>
      <c r="K14" s="6"/>
      <c r="L14" s="6"/>
      <c r="M14" s="6"/>
      <c r="N14" s="6"/>
      <c r="O14" s="6"/>
      <c r="P14" s="6"/>
      <c r="Q14" s="6"/>
      <c r="R14" s="6"/>
      <c r="S14" s="6"/>
      <c r="T14" s="6"/>
      <c r="U14" s="6"/>
    </row>
    <row r="20" spans="8:31" x14ac:dyDescent="0.25">
      <c r="R20" s="6"/>
      <c r="S20" s="6"/>
      <c r="T20" s="6"/>
      <c r="U20" s="6"/>
      <c r="V20" s="6"/>
      <c r="W20" s="6"/>
      <c r="X20" s="6"/>
      <c r="Y20" s="6"/>
      <c r="Z20" s="6"/>
      <c r="AA20" s="6"/>
      <c r="AB20" s="6"/>
      <c r="AC20" s="6"/>
      <c r="AD20" s="6"/>
      <c r="AE20" s="6"/>
    </row>
    <row r="21" spans="8:31" x14ac:dyDescent="0.25">
      <c r="H21" s="6"/>
      <c r="I21" s="6"/>
      <c r="P21" s="6"/>
      <c r="Q21" s="6"/>
      <c r="R21" s="6"/>
      <c r="S21" s="6"/>
      <c r="T21" s="6"/>
      <c r="U21" s="6"/>
      <c r="V21" s="6"/>
      <c r="W21" s="6"/>
      <c r="X21" s="6"/>
      <c r="Y21" s="6"/>
      <c r="Z21" s="6"/>
      <c r="AA21" s="6"/>
      <c r="AB21" s="6"/>
      <c r="AC21" s="6"/>
      <c r="AD21" s="6"/>
      <c r="AE21" s="6"/>
    </row>
    <row r="22" spans="8:31" x14ac:dyDescent="0.25">
      <c r="H22" s="6"/>
      <c r="I22" s="6"/>
      <c r="P22" s="6"/>
      <c r="Q22" s="6"/>
      <c r="R22" s="6"/>
      <c r="S22" s="6"/>
      <c r="T22" s="6"/>
      <c r="U22" s="6"/>
      <c r="V22" s="6"/>
      <c r="W22" s="6"/>
      <c r="X22" s="6"/>
      <c r="Y22" s="6"/>
      <c r="Z22" s="6"/>
      <c r="AA22" s="6"/>
      <c r="AB22" s="6"/>
      <c r="AC22" s="6"/>
    </row>
    <row r="24" spans="8:31" x14ac:dyDescent="0.25">
      <c r="Q24" s="6"/>
      <c r="R24" s="6"/>
      <c r="S24" s="6"/>
      <c r="T24" s="6"/>
      <c r="U24" s="6"/>
      <c r="V24" s="6"/>
      <c r="W24" s="6"/>
      <c r="X24" s="6"/>
      <c r="Y24" s="6"/>
      <c r="Z24" s="6"/>
      <c r="AA24" s="6"/>
      <c r="AB24" s="6"/>
      <c r="AC24" s="6"/>
      <c r="AD24" s="6"/>
    </row>
    <row r="25" spans="8:31" x14ac:dyDescent="0.25">
      <c r="Q25" s="6"/>
      <c r="R25" s="6"/>
      <c r="S25" s="6"/>
      <c r="T25" s="6"/>
      <c r="U25" s="6"/>
      <c r="V25" s="6"/>
      <c r="W25" s="6"/>
      <c r="X25" s="6"/>
      <c r="Y25" s="6"/>
      <c r="Z25" s="6"/>
      <c r="AA25" s="6"/>
      <c r="AB25" s="6"/>
      <c r="AC25" s="6"/>
      <c r="AD25" s="6"/>
    </row>
  </sheetData>
  <mergeCells count="10">
    <mergeCell ref="P2:Q2"/>
    <mergeCell ref="R2:S2"/>
    <mergeCell ref="U2:V2"/>
    <mergeCell ref="W2:X2"/>
    <mergeCell ref="A2:B2"/>
    <mergeCell ref="C2:D2"/>
    <mergeCell ref="F2:G2"/>
    <mergeCell ref="H2:I2"/>
    <mergeCell ref="K2:L2"/>
    <mergeCell ref="M2:N2"/>
  </mergeCells>
  <pageMargins left="0.7" right="0.7" top="0.75" bottom="0.75" header="0.3" footer="0.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10CFE26-4D9D-401A-9E50-970AE2A84915}">
  <dimension ref="A1:Q11"/>
  <sheetViews>
    <sheetView workbookViewId="0">
      <selection activeCell="G2" sqref="G2:K2"/>
    </sheetView>
  </sheetViews>
  <sheetFormatPr defaultRowHeight="15" x14ac:dyDescent="0.25"/>
  <sheetData>
    <row r="1" spans="1:17" x14ac:dyDescent="0.25">
      <c r="A1" s="11" t="s">
        <v>59</v>
      </c>
      <c r="B1" s="11"/>
      <c r="C1" s="11"/>
      <c r="D1" s="11"/>
      <c r="E1" s="11"/>
      <c r="F1" s="7"/>
      <c r="G1" s="11" t="s">
        <v>60</v>
      </c>
      <c r="H1" s="11"/>
      <c r="I1" s="11"/>
      <c r="J1" s="11"/>
      <c r="K1" s="11"/>
      <c r="M1" t="s">
        <v>59</v>
      </c>
      <c r="N1" t="s">
        <v>60</v>
      </c>
      <c r="P1" t="s">
        <v>59</v>
      </c>
      <c r="Q1" t="s">
        <v>60</v>
      </c>
    </row>
    <row r="2" spans="1:17" x14ac:dyDescent="0.25">
      <c r="A2" s="11" t="s">
        <v>67</v>
      </c>
      <c r="B2" s="11"/>
      <c r="C2" s="11"/>
      <c r="D2" s="11"/>
      <c r="E2" s="11"/>
      <c r="F2" s="7"/>
      <c r="G2" s="11" t="s">
        <v>67</v>
      </c>
      <c r="H2" s="11"/>
      <c r="I2" s="11"/>
      <c r="J2" s="11"/>
      <c r="K2" s="11"/>
      <c r="M2" t="s">
        <v>61</v>
      </c>
      <c r="P2" t="s">
        <v>62</v>
      </c>
    </row>
    <row r="3" spans="1:17" x14ac:dyDescent="0.25">
      <c r="A3" s="7" t="s">
        <v>54</v>
      </c>
      <c r="B3" s="7" t="s">
        <v>55</v>
      </c>
      <c r="C3" s="7" t="s">
        <v>56</v>
      </c>
      <c r="D3" s="7" t="s">
        <v>57</v>
      </c>
      <c r="E3" s="7" t="s">
        <v>58</v>
      </c>
      <c r="F3" s="7"/>
      <c r="G3" s="7" t="s">
        <v>54</v>
      </c>
      <c r="H3" s="7" t="s">
        <v>55</v>
      </c>
      <c r="I3" s="7" t="s">
        <v>56</v>
      </c>
      <c r="J3" s="7" t="s">
        <v>57</v>
      </c>
      <c r="K3" s="7" t="s">
        <v>58</v>
      </c>
      <c r="M3" s="7" t="s">
        <v>63</v>
      </c>
      <c r="P3" t="s">
        <v>64</v>
      </c>
    </row>
    <row r="4" spans="1:17" x14ac:dyDescent="0.25">
      <c r="A4" s="6">
        <v>0.44764378500000002</v>
      </c>
      <c r="B4" s="6">
        <v>24.629095670000002</v>
      </c>
      <c r="C4" s="6">
        <v>1.515102041</v>
      </c>
      <c r="D4" s="6">
        <v>9.464127E-2</v>
      </c>
      <c r="E4" s="6">
        <v>5.2011904759999998</v>
      </c>
      <c r="G4" s="6">
        <v>0.33930448299999999</v>
      </c>
      <c r="H4" s="6">
        <v>1.181880695</v>
      </c>
      <c r="I4" s="6">
        <v>0.46215610600000001</v>
      </c>
      <c r="J4" s="6">
        <v>1.1235530439999999</v>
      </c>
      <c r="K4" s="6">
        <v>9.5255642320000007</v>
      </c>
      <c r="M4" s="6">
        <v>24.458830899999999</v>
      </c>
      <c r="N4" s="6">
        <v>9.5614417560000007</v>
      </c>
      <c r="P4" s="6">
        <v>156.32140770000001</v>
      </c>
      <c r="Q4" s="6">
        <v>4.9189466980000001</v>
      </c>
    </row>
    <row r="5" spans="1:17" x14ac:dyDescent="0.25">
      <c r="A5" s="6">
        <v>0.33494349299999998</v>
      </c>
      <c r="B5" s="6">
        <v>29.286378379999999</v>
      </c>
      <c r="C5" s="6">
        <v>1.4675877580000001</v>
      </c>
      <c r="D5" s="6">
        <v>0.53592368199999996</v>
      </c>
      <c r="E5" s="6">
        <v>7.3579269690000002</v>
      </c>
      <c r="G5" s="6">
        <v>0.414110429</v>
      </c>
      <c r="H5" s="6">
        <v>1.0988004760000001</v>
      </c>
      <c r="I5" s="6">
        <v>0.55214723899999996</v>
      </c>
      <c r="J5" s="6">
        <v>1.118122853</v>
      </c>
      <c r="K5" s="6">
        <v>8.2370929680000007</v>
      </c>
      <c r="M5" s="6">
        <v>8.0151946820000006</v>
      </c>
      <c r="N5" s="6">
        <v>11.554988440000001</v>
      </c>
      <c r="P5" s="6">
        <v>52.361630820000002</v>
      </c>
      <c r="Q5" s="6">
        <v>14.21710309</v>
      </c>
    </row>
    <row r="6" spans="1:17" x14ac:dyDescent="0.25">
      <c r="A6" s="6">
        <v>0.54594734099999997</v>
      </c>
      <c r="B6" s="6">
        <v>21.75422356</v>
      </c>
      <c r="C6" s="6">
        <v>1.4941716709999999</v>
      </c>
      <c r="D6" s="6">
        <v>0.44453697599999997</v>
      </c>
      <c r="E6" s="6">
        <v>8.4597841630000001</v>
      </c>
      <c r="G6" s="6">
        <v>0.55726092100000002</v>
      </c>
      <c r="H6" s="6">
        <v>1.8461791830000001</v>
      </c>
      <c r="I6" s="6">
        <v>0.72142477400000005</v>
      </c>
      <c r="J6" s="6">
        <v>1.6244155840000001</v>
      </c>
      <c r="K6" s="6">
        <v>11.62315547</v>
      </c>
      <c r="M6" s="6">
        <v>6.9601845759999996</v>
      </c>
      <c r="N6" s="6">
        <v>5.8629144010000003</v>
      </c>
      <c r="P6" s="6">
        <v>311.3485129</v>
      </c>
      <c r="Q6" s="6">
        <v>34.742605609999998</v>
      </c>
    </row>
    <row r="7" spans="1:17" x14ac:dyDescent="0.25">
      <c r="A7" s="6">
        <v>0.51923076899999998</v>
      </c>
      <c r="B7" s="6">
        <v>22.64557872</v>
      </c>
      <c r="C7" s="6">
        <v>1.427640156</v>
      </c>
      <c r="D7" s="6">
        <v>0.25107870900000001</v>
      </c>
      <c r="E7" s="6">
        <v>9.7582705759999993</v>
      </c>
      <c r="G7" s="6">
        <v>0.50958315700000001</v>
      </c>
      <c r="H7" s="6">
        <v>1.6943211030000001</v>
      </c>
      <c r="I7" s="6">
        <v>0.65061930400000001</v>
      </c>
      <c r="J7" s="6">
        <v>1.084244483</v>
      </c>
      <c r="K7" s="6">
        <v>9.4526037699999996</v>
      </c>
      <c r="M7" s="6">
        <v>13.24074074</v>
      </c>
      <c r="N7" s="6">
        <v>14.182211089999999</v>
      </c>
      <c r="P7" s="6">
        <v>291.41807499999999</v>
      </c>
      <c r="Q7" s="6"/>
    </row>
    <row r="8" spans="1:17" x14ac:dyDescent="0.25">
      <c r="A8" s="6">
        <v>0.240897892</v>
      </c>
      <c r="B8" s="6">
        <v>18.477963320000001</v>
      </c>
      <c r="C8" s="6">
        <v>0.95898108299999996</v>
      </c>
      <c r="D8" s="6">
        <v>0.364381866</v>
      </c>
      <c r="E8" s="6">
        <v>7.0712705590000002</v>
      </c>
      <c r="G8" s="6">
        <v>0.41722973000000002</v>
      </c>
      <c r="H8" s="6">
        <v>1.4588452089999999</v>
      </c>
      <c r="I8" s="6">
        <v>0.55335507900000003</v>
      </c>
      <c r="J8" s="6">
        <v>2.2753507979999998</v>
      </c>
      <c r="K8" s="6">
        <v>14.57000199</v>
      </c>
      <c r="M8" s="6">
        <v>11.91134407</v>
      </c>
      <c r="N8" s="6">
        <v>6.1925295839999999</v>
      </c>
      <c r="P8" s="6">
        <v>120.4243652</v>
      </c>
      <c r="Q8" s="6">
        <v>10.193564970000001</v>
      </c>
    </row>
    <row r="9" spans="1:17" x14ac:dyDescent="0.25">
      <c r="A9" s="6">
        <v>0.440199336</v>
      </c>
      <c r="B9" s="6">
        <v>27.760318460000001</v>
      </c>
      <c r="C9" s="6">
        <v>1.6526782069999999</v>
      </c>
      <c r="D9" s="6">
        <v>0.195139912</v>
      </c>
      <c r="E9" s="6">
        <v>6.3663019710000004</v>
      </c>
      <c r="F9" s="6"/>
      <c r="M9" s="6">
        <v>14.675052409999999</v>
      </c>
      <c r="N9" s="6"/>
      <c r="P9" s="6">
        <v>128.08673099999999</v>
      </c>
      <c r="Q9" s="6"/>
    </row>
    <row r="10" spans="1:17" x14ac:dyDescent="0.25">
      <c r="A10" s="6">
        <v>0.39585532499999998</v>
      </c>
      <c r="B10" s="6">
        <v>27.625648229999999</v>
      </c>
      <c r="C10" s="6">
        <v>1.5751148290000001</v>
      </c>
      <c r="D10" s="6">
        <v>0.28701594499999999</v>
      </c>
      <c r="E10" s="6">
        <v>9.5805748069999996</v>
      </c>
      <c r="F10" s="6"/>
      <c r="M10" s="6">
        <v>17.828135150000001</v>
      </c>
      <c r="N10" s="6"/>
      <c r="P10" s="6">
        <v>133.6632663</v>
      </c>
      <c r="Q10" s="6"/>
    </row>
    <row r="11" spans="1:17" x14ac:dyDescent="0.25">
      <c r="A11" s="6">
        <v>0.46599679599999999</v>
      </c>
      <c r="B11" s="6">
        <v>28.51900393</v>
      </c>
      <c r="C11" s="6">
        <v>1.6243044069999999</v>
      </c>
      <c r="D11" s="6">
        <v>0.60911935100000003</v>
      </c>
      <c r="E11" s="6">
        <v>7.9979273979999999</v>
      </c>
      <c r="F11" s="6"/>
      <c r="M11" s="6">
        <v>10.42008085</v>
      </c>
      <c r="N11" s="6"/>
      <c r="P11" s="6">
        <v>225.02958369999999</v>
      </c>
      <c r="Q11" s="6"/>
    </row>
  </sheetData>
  <mergeCells count="4">
    <mergeCell ref="A1:E1"/>
    <mergeCell ref="G1:K1"/>
    <mergeCell ref="A2:E2"/>
    <mergeCell ref="G2:K2"/>
  </mergeCells>
  <pageMargins left="0.7" right="0.7" top="0.75" bottom="0.75" header="0.3" footer="0.3"/>
  <pageSetup orientation="portrait" horizontalDpi="1200" verticalDpi="1200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CAF7595-8D71-4103-A84D-17B744294EB5}">
  <dimension ref="A1:AC12"/>
  <sheetViews>
    <sheetView workbookViewId="0">
      <selection activeCell="I38" sqref="I38"/>
    </sheetView>
  </sheetViews>
  <sheetFormatPr defaultRowHeight="15" x14ac:dyDescent="0.25"/>
  <sheetData>
    <row r="1" spans="1:29" x14ac:dyDescent="0.25">
      <c r="A1" s="7" t="s">
        <v>54</v>
      </c>
      <c r="B1" s="6"/>
      <c r="C1" s="6"/>
      <c r="D1" s="6"/>
      <c r="E1" s="6"/>
      <c r="F1" s="7" t="s">
        <v>55</v>
      </c>
      <c r="G1" s="6"/>
      <c r="H1" s="6"/>
      <c r="I1" s="6"/>
      <c r="J1" s="6"/>
      <c r="K1" s="7" t="s">
        <v>56</v>
      </c>
      <c r="L1" s="6"/>
      <c r="M1" s="6"/>
      <c r="N1" s="6"/>
      <c r="P1" s="7" t="s">
        <v>57</v>
      </c>
      <c r="Q1" s="6"/>
      <c r="R1" s="6"/>
      <c r="S1" s="6"/>
      <c r="U1" s="7" t="s">
        <v>58</v>
      </c>
      <c r="V1" s="6"/>
      <c r="W1" s="6"/>
      <c r="X1" s="6"/>
      <c r="Z1" s="7"/>
      <c r="AA1" s="6"/>
      <c r="AB1" s="6"/>
      <c r="AC1" s="6"/>
    </row>
    <row r="2" spans="1:29" x14ac:dyDescent="0.25">
      <c r="A2" s="6"/>
      <c r="B2" s="6"/>
      <c r="C2" s="6"/>
      <c r="D2" s="6"/>
      <c r="E2" s="6"/>
      <c r="F2" s="6"/>
      <c r="G2" s="6"/>
      <c r="H2" s="6"/>
      <c r="I2" s="6"/>
      <c r="J2" s="6"/>
      <c r="K2" s="6"/>
      <c r="L2" s="6"/>
      <c r="M2" s="6"/>
      <c r="N2" s="6"/>
      <c r="P2" s="6"/>
      <c r="Q2" s="6"/>
      <c r="R2" s="6"/>
      <c r="S2" s="6"/>
      <c r="U2" s="6"/>
      <c r="V2" s="6"/>
      <c r="W2" s="6"/>
      <c r="X2" s="6"/>
      <c r="Z2" s="6"/>
      <c r="AA2" s="6"/>
      <c r="AB2" s="6"/>
      <c r="AC2" s="6"/>
    </row>
    <row r="3" spans="1:29" x14ac:dyDescent="0.25">
      <c r="A3" s="12" t="s">
        <v>17</v>
      </c>
      <c r="B3" s="11"/>
      <c r="C3" s="12" t="s">
        <v>18</v>
      </c>
      <c r="D3" s="11"/>
      <c r="E3" s="6"/>
      <c r="F3" s="12" t="s">
        <v>17</v>
      </c>
      <c r="G3" s="11"/>
      <c r="H3" s="12" t="s">
        <v>18</v>
      </c>
      <c r="I3" s="11"/>
      <c r="J3" s="6"/>
      <c r="K3" s="12" t="s">
        <v>17</v>
      </c>
      <c r="L3" s="11"/>
      <c r="M3" s="12" t="s">
        <v>18</v>
      </c>
      <c r="N3" s="11"/>
      <c r="P3" s="12" t="s">
        <v>17</v>
      </c>
      <c r="Q3" s="11"/>
      <c r="R3" s="12" t="s">
        <v>18</v>
      </c>
      <c r="S3" s="11"/>
      <c r="U3" s="12" t="s">
        <v>17</v>
      </c>
      <c r="V3" s="11"/>
      <c r="W3" s="12" t="s">
        <v>18</v>
      </c>
      <c r="X3" s="11"/>
      <c r="Z3" s="12"/>
      <c r="AA3" s="11"/>
      <c r="AB3" s="12"/>
      <c r="AC3" s="11"/>
    </row>
    <row r="4" spans="1:29" x14ac:dyDescent="0.25">
      <c r="A4" s="8" t="s">
        <v>65</v>
      </c>
      <c r="B4" s="8" t="s">
        <v>66</v>
      </c>
      <c r="C4" s="8" t="s">
        <v>65</v>
      </c>
      <c r="D4" s="8" t="s">
        <v>66</v>
      </c>
      <c r="E4" s="6"/>
      <c r="F4" s="8" t="s">
        <v>65</v>
      </c>
      <c r="G4" s="8" t="s">
        <v>66</v>
      </c>
      <c r="H4" s="8" t="s">
        <v>65</v>
      </c>
      <c r="I4" s="8" t="s">
        <v>66</v>
      </c>
      <c r="K4" s="8" t="s">
        <v>65</v>
      </c>
      <c r="L4" s="8" t="s">
        <v>66</v>
      </c>
      <c r="M4" s="8" t="s">
        <v>65</v>
      </c>
      <c r="N4" s="8" t="s">
        <v>66</v>
      </c>
      <c r="P4" s="8" t="s">
        <v>65</v>
      </c>
      <c r="Q4" s="8" t="s">
        <v>66</v>
      </c>
      <c r="R4" s="8" t="s">
        <v>65</v>
      </c>
      <c r="S4" s="8" t="s">
        <v>66</v>
      </c>
      <c r="U4" s="8" t="s">
        <v>65</v>
      </c>
      <c r="V4" s="8" t="s">
        <v>66</v>
      </c>
      <c r="W4" s="8" t="s">
        <v>65</v>
      </c>
      <c r="X4" s="8" t="s">
        <v>66</v>
      </c>
      <c r="Z4" s="8"/>
      <c r="AA4" s="8"/>
      <c r="AB4" s="8"/>
      <c r="AC4" s="8"/>
    </row>
    <row r="5" spans="1:29" x14ac:dyDescent="0.25">
      <c r="A5" s="6">
        <v>151.19999999999999</v>
      </c>
      <c r="B5" s="6">
        <v>146.4</v>
      </c>
      <c r="C5" s="6">
        <v>144.6</v>
      </c>
      <c r="D5" s="6">
        <v>148.6</v>
      </c>
      <c r="E5" s="6"/>
      <c r="F5" s="8">
        <v>3.6</v>
      </c>
      <c r="G5" s="8">
        <v>3.38</v>
      </c>
      <c r="H5" s="8">
        <v>3.3</v>
      </c>
      <c r="I5" s="8">
        <v>2.92</v>
      </c>
      <c r="K5" s="6">
        <v>113.2</v>
      </c>
      <c r="L5" s="6">
        <v>109.8</v>
      </c>
      <c r="M5" s="6">
        <v>109.2</v>
      </c>
      <c r="N5" s="6">
        <v>112.2</v>
      </c>
      <c r="P5" s="6">
        <v>1.9</v>
      </c>
      <c r="Q5" s="6">
        <v>1.78</v>
      </c>
      <c r="R5" s="6">
        <v>1.94</v>
      </c>
      <c r="S5" s="6">
        <v>1.7</v>
      </c>
      <c r="U5" s="6">
        <v>2.34</v>
      </c>
      <c r="V5" s="6">
        <v>2.58</v>
      </c>
      <c r="W5" s="6">
        <v>2.7</v>
      </c>
      <c r="X5" s="6">
        <v>3.74</v>
      </c>
      <c r="Z5" s="8"/>
      <c r="AA5" s="8"/>
      <c r="AB5" s="8"/>
      <c r="AC5" s="8"/>
    </row>
    <row r="6" spans="1:29" x14ac:dyDescent="0.25">
      <c r="A6" s="6">
        <v>145.19999999999999</v>
      </c>
      <c r="B6" s="6">
        <v>148.80000000000001</v>
      </c>
      <c r="C6" s="6">
        <v>149.4</v>
      </c>
      <c r="D6" s="6">
        <v>145.4</v>
      </c>
      <c r="E6" s="6"/>
      <c r="F6" s="8">
        <v>4.2</v>
      </c>
      <c r="G6" s="8">
        <v>2.88</v>
      </c>
      <c r="H6" s="8">
        <v>3.36</v>
      </c>
      <c r="I6" s="8">
        <v>2.94</v>
      </c>
      <c r="K6" s="6">
        <v>115.4</v>
      </c>
      <c r="L6" s="6">
        <v>112.8</v>
      </c>
      <c r="M6" s="6">
        <v>114.4</v>
      </c>
      <c r="N6" s="6">
        <v>114</v>
      </c>
      <c r="P6" s="6">
        <v>1.94</v>
      </c>
      <c r="Q6" s="6">
        <v>1.78</v>
      </c>
      <c r="R6" s="6">
        <v>1.84</v>
      </c>
      <c r="S6" s="6">
        <v>1.7</v>
      </c>
      <c r="U6" s="6">
        <v>2.46</v>
      </c>
      <c r="V6" s="6">
        <v>2.2400000000000002</v>
      </c>
      <c r="W6" s="6">
        <v>2.46</v>
      </c>
      <c r="X6" s="6">
        <v>2.8</v>
      </c>
      <c r="Z6" s="8"/>
      <c r="AA6" s="8"/>
      <c r="AB6" s="8"/>
      <c r="AC6" s="8"/>
    </row>
    <row r="7" spans="1:29" x14ac:dyDescent="0.25">
      <c r="A7" s="6">
        <v>147.4</v>
      </c>
      <c r="B7" s="6">
        <v>146</v>
      </c>
      <c r="C7" s="6">
        <v>146</v>
      </c>
      <c r="D7" s="6">
        <v>147.6</v>
      </c>
      <c r="F7" s="8">
        <v>3.42</v>
      </c>
      <c r="G7" s="8">
        <v>2.44</v>
      </c>
      <c r="H7" s="8">
        <v>3.44</v>
      </c>
      <c r="I7" s="8">
        <v>2.78</v>
      </c>
      <c r="K7" s="6">
        <v>111</v>
      </c>
      <c r="L7" s="6">
        <v>112.4</v>
      </c>
      <c r="M7" s="6">
        <v>111.2</v>
      </c>
      <c r="N7" s="6">
        <v>111.6</v>
      </c>
      <c r="P7" s="6">
        <v>2.02</v>
      </c>
      <c r="Q7" s="6">
        <v>1.82</v>
      </c>
      <c r="R7" s="6">
        <v>1.8</v>
      </c>
      <c r="S7" s="6">
        <v>1.84</v>
      </c>
      <c r="U7" s="6">
        <v>2.34</v>
      </c>
      <c r="V7" s="6">
        <v>2.48</v>
      </c>
      <c r="W7" s="6">
        <v>2.42</v>
      </c>
      <c r="X7" s="6">
        <v>2.74</v>
      </c>
      <c r="Z7" s="8"/>
      <c r="AA7" s="8"/>
      <c r="AB7" s="8"/>
      <c r="AC7" s="8"/>
    </row>
    <row r="8" spans="1:29" x14ac:dyDescent="0.25">
      <c r="A8" s="6">
        <v>146.80000000000001</v>
      </c>
      <c r="B8" s="6">
        <v>148</v>
      </c>
      <c r="C8" s="6">
        <v>147.80000000000001</v>
      </c>
      <c r="D8" s="6">
        <v>143.80000000000001</v>
      </c>
      <c r="F8" s="8">
        <v>3.54</v>
      </c>
      <c r="G8" s="8">
        <v>3.36</v>
      </c>
      <c r="H8" s="8">
        <v>3.58</v>
      </c>
      <c r="I8" s="8">
        <v>2.86</v>
      </c>
      <c r="K8" s="6">
        <v>113.2</v>
      </c>
      <c r="L8" s="6">
        <v>114.6</v>
      </c>
      <c r="M8" s="6">
        <v>112.4</v>
      </c>
      <c r="N8" s="6">
        <v>110</v>
      </c>
      <c r="P8" s="6">
        <v>1.88</v>
      </c>
      <c r="Q8" s="6">
        <v>1.78</v>
      </c>
      <c r="R8" s="6">
        <v>1.84</v>
      </c>
      <c r="S8" s="6">
        <v>1.68</v>
      </c>
      <c r="U8" s="6">
        <v>2.44</v>
      </c>
      <c r="V8" s="6">
        <v>2.94</v>
      </c>
      <c r="W8" s="6">
        <v>2.46</v>
      </c>
      <c r="X8" s="6">
        <v>2.72</v>
      </c>
      <c r="Z8" s="8"/>
      <c r="AA8" s="8"/>
      <c r="AB8" s="8"/>
      <c r="AC8" s="8"/>
    </row>
    <row r="9" spans="1:29" x14ac:dyDescent="0.25">
      <c r="A9" s="6">
        <v>148.6</v>
      </c>
      <c r="B9" s="6">
        <v>144.4</v>
      </c>
      <c r="C9" s="6">
        <v>143.6</v>
      </c>
      <c r="D9" s="6">
        <v>143.4</v>
      </c>
      <c r="F9" s="8">
        <v>3.72</v>
      </c>
      <c r="G9" s="8">
        <v>3.32</v>
      </c>
      <c r="H9" s="8">
        <v>3.52</v>
      </c>
      <c r="I9" s="8">
        <v>2.94</v>
      </c>
      <c r="K9" s="6">
        <v>113.8</v>
      </c>
      <c r="L9" s="6">
        <v>112.6</v>
      </c>
      <c r="M9" s="6">
        <v>111.6</v>
      </c>
      <c r="N9" s="6">
        <v>110.4</v>
      </c>
      <c r="P9" s="6">
        <v>1.86</v>
      </c>
      <c r="Q9" s="6">
        <v>1.86</v>
      </c>
      <c r="R9" s="6">
        <v>1.9</v>
      </c>
      <c r="S9" s="6">
        <v>1.7</v>
      </c>
      <c r="U9" s="6">
        <v>2.1800000000000002</v>
      </c>
      <c r="V9" s="6">
        <v>3.08</v>
      </c>
      <c r="W9" s="6">
        <v>2.54</v>
      </c>
      <c r="X9" s="6">
        <v>2.54</v>
      </c>
      <c r="Z9" s="8"/>
      <c r="AA9" s="8"/>
      <c r="AB9" s="8"/>
      <c r="AC9" s="8"/>
    </row>
    <row r="10" spans="1:29" x14ac:dyDescent="0.25">
      <c r="A10" s="6">
        <v>145.19999999999999</v>
      </c>
      <c r="B10" s="6">
        <v>146.6</v>
      </c>
      <c r="C10" s="6">
        <v>144.19999999999999</v>
      </c>
      <c r="D10" s="6">
        <v>146.19999999999999</v>
      </c>
      <c r="F10" s="8">
        <v>3.04</v>
      </c>
      <c r="G10" s="8">
        <v>2.46</v>
      </c>
      <c r="H10" s="8">
        <v>3.4</v>
      </c>
      <c r="I10" s="8">
        <v>2.62</v>
      </c>
      <c r="K10" s="6">
        <v>112.8</v>
      </c>
      <c r="L10" s="6">
        <v>112.8</v>
      </c>
      <c r="M10" s="6">
        <v>110.4</v>
      </c>
      <c r="N10" s="6">
        <v>112</v>
      </c>
      <c r="P10" s="6">
        <v>1.84</v>
      </c>
      <c r="Q10" s="6">
        <v>1.38</v>
      </c>
      <c r="R10" s="6">
        <v>1.96</v>
      </c>
      <c r="S10" s="6">
        <v>1.8</v>
      </c>
      <c r="U10" s="6">
        <v>2.38</v>
      </c>
      <c r="V10" s="6">
        <v>2.58</v>
      </c>
      <c r="W10" s="6">
        <v>2.48</v>
      </c>
      <c r="X10" s="6">
        <v>3.24</v>
      </c>
      <c r="Z10" s="8"/>
      <c r="AA10" s="8"/>
      <c r="AB10" s="8"/>
      <c r="AC10" s="8"/>
    </row>
    <row r="11" spans="1:29" x14ac:dyDescent="0.25">
      <c r="A11" s="6">
        <v>148</v>
      </c>
      <c r="B11" s="6">
        <v>145.6</v>
      </c>
      <c r="C11" s="6">
        <v>137.80000000000001</v>
      </c>
      <c r="D11" s="6">
        <v>145.80000000000001</v>
      </c>
      <c r="F11" s="8">
        <v>3.64</v>
      </c>
      <c r="G11" s="8">
        <v>2.64</v>
      </c>
      <c r="H11" s="8">
        <v>3.18</v>
      </c>
      <c r="I11" s="8">
        <v>2.56</v>
      </c>
      <c r="K11" s="6">
        <v>113.8</v>
      </c>
      <c r="L11" s="6">
        <v>111.4</v>
      </c>
      <c r="M11" s="6">
        <v>106.6</v>
      </c>
      <c r="N11" s="6">
        <v>113.2</v>
      </c>
      <c r="P11" s="6">
        <v>1.94</v>
      </c>
      <c r="Q11" s="6">
        <v>1.72</v>
      </c>
      <c r="R11" s="6">
        <v>1.88</v>
      </c>
      <c r="S11" s="6">
        <v>1.88</v>
      </c>
      <c r="U11" s="6">
        <v>2.2200000000000002</v>
      </c>
      <c r="V11" s="6">
        <v>2.46</v>
      </c>
      <c r="W11" s="6">
        <v>2.48</v>
      </c>
      <c r="X11" s="6">
        <v>2.76</v>
      </c>
      <c r="Z11" s="8"/>
      <c r="AA11" s="8"/>
      <c r="AB11" s="8"/>
      <c r="AC11" s="8"/>
    </row>
    <row r="12" spans="1:29" x14ac:dyDescent="0.25">
      <c r="A12" s="6"/>
      <c r="B12" s="6"/>
      <c r="C12" s="6">
        <v>142</v>
      </c>
      <c r="D12" s="6">
        <v>145.19999999999999</v>
      </c>
      <c r="F12" s="8"/>
      <c r="G12" s="8"/>
      <c r="H12" s="8">
        <v>3.48</v>
      </c>
      <c r="I12" s="8">
        <v>2.76</v>
      </c>
      <c r="K12" s="6"/>
      <c r="L12" s="6"/>
      <c r="M12" s="6">
        <v>109.8</v>
      </c>
      <c r="N12" s="6">
        <v>110.4</v>
      </c>
      <c r="P12" s="6"/>
      <c r="Q12" s="6"/>
      <c r="R12" s="6">
        <v>1.96</v>
      </c>
      <c r="S12" s="6">
        <v>1.84</v>
      </c>
      <c r="U12" s="6"/>
      <c r="V12" s="6"/>
      <c r="W12" s="6">
        <v>2.42</v>
      </c>
      <c r="X12" s="6">
        <v>2.64</v>
      </c>
      <c r="Z12" s="8"/>
      <c r="AA12" s="8"/>
      <c r="AB12" s="8"/>
      <c r="AC12" s="8"/>
    </row>
  </sheetData>
  <mergeCells count="12">
    <mergeCell ref="A3:B3"/>
    <mergeCell ref="C3:D3"/>
    <mergeCell ref="F3:G3"/>
    <mergeCell ref="H3:I3"/>
    <mergeCell ref="K3:L3"/>
    <mergeCell ref="AB3:AC3"/>
    <mergeCell ref="M3:N3"/>
    <mergeCell ref="P3:Q3"/>
    <mergeCell ref="R3:S3"/>
    <mergeCell ref="U3:V3"/>
    <mergeCell ref="W3:X3"/>
    <mergeCell ref="Z3:AA3"/>
  </mergeCells>
  <pageMargins left="0.7" right="0.7" top="0.75" bottom="0.75" header="0.3" footer="0.3"/>
  <pageSetup orientation="portrait" horizontalDpi="1200" verticalDpi="1200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0506D6E-F4A1-4B19-961A-75A9538E533B}">
  <dimension ref="A1:AI12"/>
  <sheetViews>
    <sheetView workbookViewId="0">
      <selection activeCell="AE5" sqref="AE5:AH12"/>
    </sheetView>
  </sheetViews>
  <sheetFormatPr defaultRowHeight="15" x14ac:dyDescent="0.25"/>
  <sheetData>
    <row r="1" spans="1:35" x14ac:dyDescent="0.25">
      <c r="A1" s="7" t="s">
        <v>54</v>
      </c>
      <c r="B1" s="6"/>
      <c r="C1" s="6"/>
      <c r="D1" s="6"/>
      <c r="E1" s="6"/>
      <c r="F1" s="7" t="s">
        <v>55</v>
      </c>
      <c r="G1" s="6"/>
      <c r="H1" s="6"/>
      <c r="I1" s="6"/>
      <c r="J1" s="6"/>
      <c r="K1" s="7" t="s">
        <v>56</v>
      </c>
      <c r="L1" s="6"/>
      <c r="M1" s="6"/>
      <c r="N1" s="6"/>
      <c r="P1" s="7" t="s">
        <v>57</v>
      </c>
      <c r="Q1" s="6"/>
      <c r="R1" s="6"/>
      <c r="S1" s="6"/>
      <c r="U1" s="7" t="s">
        <v>58</v>
      </c>
      <c r="V1" s="6"/>
      <c r="W1" s="6"/>
      <c r="X1" s="6"/>
      <c r="AA1" s="6"/>
      <c r="AB1" s="6" t="s">
        <v>61</v>
      </c>
      <c r="AC1" s="6"/>
      <c r="AF1" s="6" t="s">
        <v>62</v>
      </c>
      <c r="AH1" s="6"/>
    </row>
    <row r="2" spans="1:35" x14ac:dyDescent="0.25">
      <c r="A2" s="11" t="s">
        <v>67</v>
      </c>
      <c r="B2" s="11"/>
      <c r="C2" s="11"/>
      <c r="D2" s="11"/>
      <c r="E2" s="11"/>
      <c r="F2" s="11" t="s">
        <v>67</v>
      </c>
      <c r="G2" s="11"/>
      <c r="H2" s="11"/>
      <c r="I2" s="11"/>
      <c r="J2" s="11"/>
      <c r="K2" s="11" t="s">
        <v>67</v>
      </c>
      <c r="L2" s="11"/>
      <c r="M2" s="11"/>
      <c r="N2" s="11"/>
      <c r="O2" s="11"/>
      <c r="P2" s="11" t="s">
        <v>67</v>
      </c>
      <c r="Q2" s="11"/>
      <c r="R2" s="11"/>
      <c r="S2" s="11"/>
      <c r="T2" s="11"/>
      <c r="U2" s="11" t="s">
        <v>67</v>
      </c>
      <c r="V2" s="11"/>
      <c r="W2" s="11"/>
      <c r="X2" s="11"/>
      <c r="Y2" s="11"/>
      <c r="Z2" s="11" t="s">
        <v>63</v>
      </c>
      <c r="AA2" s="11"/>
      <c r="AB2" s="11"/>
      <c r="AC2" s="11"/>
      <c r="AD2" s="11"/>
      <c r="AE2" s="11" t="s">
        <v>68</v>
      </c>
      <c r="AF2" s="11"/>
      <c r="AG2" s="11"/>
      <c r="AH2" s="11"/>
      <c r="AI2" s="11"/>
    </row>
    <row r="3" spans="1:35" x14ac:dyDescent="0.25">
      <c r="A3" s="12" t="s">
        <v>17</v>
      </c>
      <c r="B3" s="11"/>
      <c r="C3" s="12" t="s">
        <v>18</v>
      </c>
      <c r="D3" s="11"/>
      <c r="E3" s="6"/>
      <c r="F3" s="12" t="s">
        <v>17</v>
      </c>
      <c r="G3" s="11"/>
      <c r="H3" s="12" t="s">
        <v>18</v>
      </c>
      <c r="I3" s="11"/>
      <c r="J3" s="6"/>
      <c r="K3" s="12" t="s">
        <v>17</v>
      </c>
      <c r="L3" s="11"/>
      <c r="M3" s="12" t="s">
        <v>18</v>
      </c>
      <c r="N3" s="11"/>
      <c r="P3" s="12" t="s">
        <v>17</v>
      </c>
      <c r="Q3" s="11"/>
      <c r="R3" s="12" t="s">
        <v>18</v>
      </c>
      <c r="S3" s="11"/>
      <c r="U3" s="12" t="s">
        <v>17</v>
      </c>
      <c r="V3" s="11"/>
      <c r="W3" s="12" t="s">
        <v>18</v>
      </c>
      <c r="X3" s="11"/>
      <c r="Z3" s="12" t="s">
        <v>17</v>
      </c>
      <c r="AA3" s="11"/>
      <c r="AB3" s="12" t="s">
        <v>18</v>
      </c>
      <c r="AC3" s="11"/>
      <c r="AE3" s="12" t="s">
        <v>17</v>
      </c>
      <c r="AF3" s="11"/>
      <c r="AG3" s="12" t="s">
        <v>18</v>
      </c>
      <c r="AH3" s="11"/>
    </row>
    <row r="4" spans="1:35" x14ac:dyDescent="0.25">
      <c r="A4" s="8" t="s">
        <v>65</v>
      </c>
      <c r="B4" s="8" t="s">
        <v>66</v>
      </c>
      <c r="C4" s="8" t="s">
        <v>65</v>
      </c>
      <c r="D4" s="8" t="s">
        <v>66</v>
      </c>
      <c r="E4" s="6"/>
      <c r="F4" s="8" t="s">
        <v>65</v>
      </c>
      <c r="G4" s="8" t="s">
        <v>66</v>
      </c>
      <c r="H4" s="8" t="s">
        <v>65</v>
      </c>
      <c r="I4" s="8" t="s">
        <v>66</v>
      </c>
      <c r="K4" s="8" t="s">
        <v>65</v>
      </c>
      <c r="L4" s="8" t="s">
        <v>66</v>
      </c>
      <c r="M4" s="8" t="s">
        <v>65</v>
      </c>
      <c r="N4" s="8" t="s">
        <v>66</v>
      </c>
      <c r="P4" s="8" t="s">
        <v>65</v>
      </c>
      <c r="Q4" s="8" t="s">
        <v>66</v>
      </c>
      <c r="R4" s="8" t="s">
        <v>65</v>
      </c>
      <c r="S4" s="8" t="s">
        <v>66</v>
      </c>
      <c r="U4" s="8" t="s">
        <v>65</v>
      </c>
      <c r="V4" s="8" t="s">
        <v>66</v>
      </c>
      <c r="W4" s="8" t="s">
        <v>65</v>
      </c>
      <c r="X4" s="8" t="s">
        <v>66</v>
      </c>
      <c r="Z4" s="8" t="s">
        <v>65</v>
      </c>
      <c r="AA4" s="8" t="s">
        <v>66</v>
      </c>
      <c r="AB4" s="8" t="s">
        <v>65</v>
      </c>
      <c r="AC4" s="8" t="s">
        <v>66</v>
      </c>
      <c r="AE4" s="8" t="s">
        <v>65</v>
      </c>
      <c r="AF4" s="8" t="s">
        <v>66</v>
      </c>
      <c r="AG4" s="8" t="s">
        <v>65</v>
      </c>
      <c r="AH4" s="8" t="s">
        <v>66</v>
      </c>
    </row>
    <row r="5" spans="1:35" x14ac:dyDescent="0.25">
      <c r="A5" s="6">
        <v>0.22385681399999999</v>
      </c>
      <c r="B5" s="6">
        <v>0.15854848999999999</v>
      </c>
      <c r="C5" s="6">
        <v>0.17432563400000001</v>
      </c>
      <c r="D5" s="6">
        <v>0.133862754</v>
      </c>
      <c r="E5" s="6"/>
      <c r="F5" s="6">
        <v>7.1567357510000003</v>
      </c>
      <c r="G5" s="6">
        <v>6.1893248119999997</v>
      </c>
      <c r="H5" s="6">
        <v>24.822557119999999</v>
      </c>
      <c r="I5" s="6">
        <v>3.9875940320000001</v>
      </c>
      <c r="K5" s="6">
        <v>0.390340358</v>
      </c>
      <c r="L5" s="6">
        <v>0.28006867099999999</v>
      </c>
      <c r="M5" s="6">
        <v>0.876241406</v>
      </c>
      <c r="N5" s="6">
        <v>0.18729894</v>
      </c>
      <c r="P5" s="6">
        <v>0.31463048799999999</v>
      </c>
      <c r="Q5" s="6">
        <v>0.85965438500000002</v>
      </c>
      <c r="R5" s="6">
        <v>0.43407023500000003</v>
      </c>
      <c r="S5" s="6">
        <v>0.41331585799999998</v>
      </c>
      <c r="U5" s="6">
        <v>11.949479999999999</v>
      </c>
      <c r="V5" s="6">
        <v>10.34478</v>
      </c>
      <c r="W5" s="6">
        <v>5.8593229999999998</v>
      </c>
      <c r="X5" s="6">
        <v>2.2876919999999998</v>
      </c>
      <c r="Z5" s="6">
        <v>3.613112299</v>
      </c>
      <c r="AA5" s="6">
        <v>13.858243590000001</v>
      </c>
      <c r="AB5" s="6">
        <v>10.399288179999999</v>
      </c>
      <c r="AC5" s="6">
        <v>24.16147337</v>
      </c>
      <c r="AE5" s="6">
        <v>651.97149999999999</v>
      </c>
      <c r="AF5" s="6">
        <v>871.26930000000004</v>
      </c>
      <c r="AG5" s="6">
        <v>959.4461</v>
      </c>
      <c r="AH5" s="6">
        <v>412.38389999999998</v>
      </c>
    </row>
    <row r="6" spans="1:35" x14ac:dyDescent="0.25">
      <c r="A6" s="6">
        <v>5.7720057999999998E-2</v>
      </c>
      <c r="B6" s="6">
        <v>0.24069311199999999</v>
      </c>
      <c r="C6" s="6">
        <v>0.15643607700000001</v>
      </c>
      <c r="D6" s="6">
        <v>0.107476114</v>
      </c>
      <c r="E6" s="6"/>
      <c r="F6" s="6">
        <v>3.8745275889999999</v>
      </c>
      <c r="G6" s="6">
        <v>5.761824324</v>
      </c>
      <c r="H6" s="6">
        <v>18.563340409999999</v>
      </c>
      <c r="I6" s="6">
        <v>1.176545462</v>
      </c>
      <c r="K6" s="6">
        <v>0.226953866</v>
      </c>
      <c r="L6" s="6">
        <v>0.40562104700000001</v>
      </c>
      <c r="M6" s="6">
        <v>0.66779504999999995</v>
      </c>
      <c r="N6" s="6">
        <v>0.19130831200000001</v>
      </c>
      <c r="P6" s="6">
        <v>0.57151039100000001</v>
      </c>
      <c r="Q6" s="6">
        <v>0.91749164900000002</v>
      </c>
      <c r="R6" s="6">
        <v>0.23935197999999999</v>
      </c>
      <c r="S6" s="6">
        <v>0.55067628700000004</v>
      </c>
      <c r="U6" s="6">
        <v>4.7536779999999998</v>
      </c>
      <c r="V6" s="6">
        <v>13.98907</v>
      </c>
      <c r="W6" s="6">
        <v>6.5598879999999999</v>
      </c>
      <c r="X6" s="6">
        <v>2.9685739999999998</v>
      </c>
      <c r="Z6" s="6">
        <v>14.58748931</v>
      </c>
      <c r="AA6" s="6">
        <v>8.7603080040000005</v>
      </c>
      <c r="AB6" s="6">
        <v>18.546930329999999</v>
      </c>
      <c r="AC6" s="6">
        <v>23.439280530000001</v>
      </c>
      <c r="AE6" s="6">
        <v>985.03369999999995</v>
      </c>
      <c r="AF6" s="6">
        <v>615.65629999999999</v>
      </c>
      <c r="AG6" s="6">
        <v>891.36159999999995</v>
      </c>
      <c r="AH6" s="6">
        <v>240</v>
      </c>
    </row>
    <row r="7" spans="1:35" x14ac:dyDescent="0.25">
      <c r="A7" s="6">
        <v>6.9699349999999993E-2</v>
      </c>
      <c r="B7" s="6">
        <v>0.39196638099999997</v>
      </c>
      <c r="C7" s="6">
        <v>0.102933444</v>
      </c>
      <c r="D7" s="6">
        <v>0.14115303500000001</v>
      </c>
      <c r="F7" s="6">
        <v>9.0858725759999999</v>
      </c>
      <c r="G7" s="6">
        <v>4.8210436940000001</v>
      </c>
      <c r="H7" s="6">
        <v>14.81481481</v>
      </c>
      <c r="I7" s="6">
        <v>2.5093771139999999</v>
      </c>
      <c r="K7" s="6">
        <v>0.30649597000000001</v>
      </c>
      <c r="L7" s="6">
        <v>0.59965121700000001</v>
      </c>
      <c r="M7" s="6">
        <v>0.449446503</v>
      </c>
      <c r="N7" s="6">
        <v>0.21381306899999999</v>
      </c>
      <c r="P7" s="6">
        <v>0.65659197499999999</v>
      </c>
      <c r="Q7" s="6">
        <v>1.03875706</v>
      </c>
      <c r="R7" s="6">
        <v>0.28377104399999997</v>
      </c>
      <c r="S7" s="6">
        <v>0.93444816100000005</v>
      </c>
      <c r="U7" s="6">
        <v>6.0863699999999996</v>
      </c>
      <c r="V7" s="6">
        <v>8.0042930000000005</v>
      </c>
      <c r="W7" s="6">
        <v>7.5424990000000003</v>
      </c>
      <c r="X7" s="6">
        <v>7.9476699999999996</v>
      </c>
      <c r="Z7" s="6">
        <v>3.780800111</v>
      </c>
      <c r="AA7" s="6">
        <v>11.13907813</v>
      </c>
      <c r="AB7" s="6">
        <v>9.9608068949999993</v>
      </c>
      <c r="AC7" s="6">
        <v>6.3172846890000001</v>
      </c>
      <c r="AE7" s="6">
        <v>1283.049</v>
      </c>
      <c r="AF7" s="6">
        <v>598.44100000000003</v>
      </c>
      <c r="AG7" s="6">
        <v>1269.127</v>
      </c>
      <c r="AH7" s="6">
        <v>243.6343</v>
      </c>
    </row>
    <row r="8" spans="1:35" x14ac:dyDescent="0.25">
      <c r="A8" s="6">
        <v>0.232970027</v>
      </c>
      <c r="B8" s="6">
        <v>0.29298758200000002</v>
      </c>
      <c r="C8" s="6">
        <v>0.13655947600000001</v>
      </c>
      <c r="D8" s="6">
        <v>0.27803244199999999</v>
      </c>
      <c r="F8" s="6">
        <v>12.96309042</v>
      </c>
      <c r="G8" s="6">
        <v>2.4034749030000002</v>
      </c>
      <c r="H8" s="6">
        <v>16.87322125</v>
      </c>
      <c r="I8" s="6">
        <v>7.2950717919999999</v>
      </c>
      <c r="K8" s="6">
        <v>0.81332173399999996</v>
      </c>
      <c r="L8" s="6">
        <v>0.416867129</v>
      </c>
      <c r="M8" s="6">
        <v>0.63437520999999997</v>
      </c>
      <c r="N8" s="6">
        <v>0.49005917199999999</v>
      </c>
      <c r="P8" s="6">
        <v>0.74066448900000004</v>
      </c>
      <c r="Q8" s="6">
        <v>1.651229882</v>
      </c>
      <c r="R8" s="6">
        <v>0.33260869599999998</v>
      </c>
      <c r="S8" s="6">
        <v>2.3185967879999998</v>
      </c>
      <c r="U8" s="6">
        <v>6.9036960000000001</v>
      </c>
      <c r="V8" s="6">
        <v>5.7377279999999997</v>
      </c>
      <c r="W8" s="6">
        <v>8.1428670000000007</v>
      </c>
      <c r="X8" s="6">
        <v>11.12266</v>
      </c>
      <c r="Z8" s="6">
        <v>14.703299790000001</v>
      </c>
      <c r="AA8" s="6">
        <v>19.595258139999999</v>
      </c>
      <c r="AB8" s="6">
        <v>16.098960949999999</v>
      </c>
      <c r="AC8" s="6">
        <v>8.7075018479999997</v>
      </c>
      <c r="AE8" s="6">
        <v>710.03219999999999</v>
      </c>
      <c r="AF8" s="6">
        <v>530.93129999999996</v>
      </c>
      <c r="AG8" s="6">
        <v>1006.072</v>
      </c>
      <c r="AH8" s="6">
        <v>650.87450000000001</v>
      </c>
    </row>
    <row r="9" spans="1:35" x14ac:dyDescent="0.25">
      <c r="A9" s="6">
        <v>0.30937232399999998</v>
      </c>
      <c r="B9" s="6">
        <v>0.32481950799999998</v>
      </c>
      <c r="C9" s="6">
        <v>0.14672701899999999</v>
      </c>
      <c r="D9" s="6">
        <v>0.32151432800000002</v>
      </c>
      <c r="F9" s="6">
        <v>16.45650049</v>
      </c>
      <c r="G9" s="6">
        <v>4.8477374060000002</v>
      </c>
      <c r="H9" s="6">
        <v>7.9098011359999996</v>
      </c>
      <c r="I9" s="6">
        <v>3.3239825139999999</v>
      </c>
      <c r="K9" s="6">
        <v>1.1056611810000001</v>
      </c>
      <c r="L9" s="6">
        <v>0.51813960599999997</v>
      </c>
      <c r="M9" s="6">
        <v>0.35672789700000002</v>
      </c>
      <c r="N9" s="6">
        <v>0.54103167500000005</v>
      </c>
      <c r="P9" s="6">
        <v>0.81011730199999998</v>
      </c>
      <c r="Q9" s="6">
        <v>2.263673694</v>
      </c>
      <c r="R9" s="6">
        <v>0.239894737</v>
      </c>
      <c r="S9" s="6">
        <v>2.2755609460000001</v>
      </c>
      <c r="U9" s="6">
        <v>7.1661279999999996</v>
      </c>
      <c r="V9" s="6">
        <v>9.1434289999999994</v>
      </c>
      <c r="W9" s="6">
        <v>6.1528939999999999</v>
      </c>
      <c r="X9" s="6">
        <v>2.8592420000000001</v>
      </c>
      <c r="Z9" s="6">
        <v>11.324786319999999</v>
      </c>
      <c r="AA9" s="6">
        <v>6.3742518050000001</v>
      </c>
      <c r="AB9" s="6">
        <v>13.442667030000001</v>
      </c>
      <c r="AC9" s="6">
        <v>6.0698705569999998</v>
      </c>
      <c r="AE9" s="6">
        <v>787.83780000000002</v>
      </c>
      <c r="AF9" s="6">
        <v>264.19330000000002</v>
      </c>
      <c r="AG9" s="6">
        <v>575.2518</v>
      </c>
      <c r="AH9" s="6">
        <v>270.4846</v>
      </c>
    </row>
    <row r="10" spans="1:35" x14ac:dyDescent="0.25">
      <c r="A10" s="6">
        <v>0.23951048999999999</v>
      </c>
      <c r="B10" s="6">
        <v>0.461327932</v>
      </c>
      <c r="C10" s="6">
        <v>7.5585809000000004E-2</v>
      </c>
      <c r="D10" s="6">
        <v>0.19764863099999999</v>
      </c>
      <c r="F10" s="6">
        <v>15.960815500000001</v>
      </c>
      <c r="G10" s="6">
        <v>6.2831063890000003</v>
      </c>
      <c r="H10" s="6">
        <v>11.36160991</v>
      </c>
      <c r="I10" s="6">
        <v>1.9567749800000001</v>
      </c>
      <c r="K10" s="6">
        <v>0.75356558299999998</v>
      </c>
      <c r="L10" s="6">
        <v>0.64172431799999996</v>
      </c>
      <c r="M10" s="6">
        <v>0.36368707099999997</v>
      </c>
      <c r="N10" s="6">
        <v>0.348416261</v>
      </c>
      <c r="P10" s="6">
        <v>0.45329670300000002</v>
      </c>
      <c r="Q10" s="6">
        <v>4.0924246469999996</v>
      </c>
      <c r="R10" s="6">
        <v>0.281374866</v>
      </c>
      <c r="S10" s="6">
        <v>0.97450628399999994</v>
      </c>
      <c r="U10" s="6">
        <v>5.1538690000000003</v>
      </c>
      <c r="V10" s="6">
        <v>12.73127</v>
      </c>
      <c r="W10" s="6">
        <v>8.4766169999999992</v>
      </c>
      <c r="X10" s="6">
        <v>2.4315579999999999</v>
      </c>
      <c r="Z10" s="6">
        <v>17.52696456</v>
      </c>
      <c r="AA10" s="6">
        <v>8.8391726100000003</v>
      </c>
      <c r="AB10" s="6">
        <v>11.380224869999999</v>
      </c>
      <c r="AC10" s="6">
        <v>20.287378</v>
      </c>
      <c r="AE10" s="6">
        <v>656.52179999999998</v>
      </c>
      <c r="AF10" s="6">
        <v>481.7824</v>
      </c>
      <c r="AG10" s="6">
        <v>747.89919999999995</v>
      </c>
      <c r="AH10" s="6">
        <v>209.7175</v>
      </c>
    </row>
    <row r="11" spans="1:35" x14ac:dyDescent="0.25">
      <c r="A11" s="6">
        <v>0.26086796800000001</v>
      </c>
      <c r="B11" s="6">
        <v>0.242043334</v>
      </c>
      <c r="C11" s="6">
        <v>7.9742588000000003E-2</v>
      </c>
      <c r="D11" s="6">
        <v>0.167991216</v>
      </c>
      <c r="F11" s="6">
        <v>17.466551580000001</v>
      </c>
      <c r="G11" s="6">
        <v>3.125</v>
      </c>
      <c r="H11" s="6">
        <v>10.286547779999999</v>
      </c>
      <c r="I11" s="6">
        <v>2.4632669150000002</v>
      </c>
      <c r="K11" s="6">
        <v>1.1361321870000001</v>
      </c>
      <c r="L11" s="6">
        <v>0.39152637099999998</v>
      </c>
      <c r="M11" s="6">
        <v>0.30948426299999998</v>
      </c>
      <c r="N11" s="6">
        <v>0.27781469800000003</v>
      </c>
      <c r="P11" s="6">
        <v>0.51262185800000004</v>
      </c>
      <c r="Q11" s="6">
        <v>1.4845387839999999</v>
      </c>
      <c r="R11" s="6">
        <v>0.12988804600000001</v>
      </c>
      <c r="S11" s="6">
        <v>0.71518641400000005</v>
      </c>
      <c r="U11" s="6">
        <v>9.7534600000000005</v>
      </c>
      <c r="V11" s="6">
        <v>6.3142110000000002</v>
      </c>
      <c r="W11" s="6">
        <v>8.1841650000000001</v>
      </c>
      <c r="X11" s="6">
        <v>3.895483</v>
      </c>
      <c r="Z11" s="6">
        <v>11.889579149999999</v>
      </c>
      <c r="AA11" s="6">
        <v>26.152327880000001</v>
      </c>
      <c r="AB11" s="6">
        <v>15.93261418</v>
      </c>
      <c r="AC11" s="6">
        <v>7.0501134160000003</v>
      </c>
      <c r="AE11" s="6">
        <v>1682.7059999999999</v>
      </c>
      <c r="AF11" s="6">
        <v>331.00670000000002</v>
      </c>
      <c r="AG11" s="6">
        <v>817.72550000000001</v>
      </c>
      <c r="AH11" s="6">
        <v>161.2749</v>
      </c>
    </row>
    <row r="12" spans="1:35" x14ac:dyDescent="0.25">
      <c r="A12" s="6"/>
      <c r="B12" s="6"/>
      <c r="C12" s="6">
        <v>0.240024916</v>
      </c>
      <c r="D12" s="6">
        <v>0.16229723800000001</v>
      </c>
      <c r="F12" s="6"/>
      <c r="G12" s="6"/>
      <c r="H12" s="6">
        <v>21.12937389</v>
      </c>
      <c r="I12" s="6">
        <v>1.6474013750000001</v>
      </c>
      <c r="K12" s="6"/>
      <c r="L12" s="6"/>
      <c r="M12" s="6">
        <v>0.81689289899999995</v>
      </c>
      <c r="N12" s="6">
        <v>0.28405906600000003</v>
      </c>
      <c r="P12" s="6"/>
      <c r="Q12" s="6"/>
      <c r="R12" s="6">
        <v>0.22401845300000001</v>
      </c>
      <c r="S12" s="6">
        <v>0.970931302</v>
      </c>
      <c r="U12" s="6"/>
      <c r="V12" s="6"/>
      <c r="W12" s="6">
        <v>11.83127</v>
      </c>
      <c r="X12" s="6">
        <v>2.680266</v>
      </c>
      <c r="Z12" s="6"/>
      <c r="AA12" s="6"/>
      <c r="AB12" s="6">
        <v>15.529609280000001</v>
      </c>
      <c r="AC12" s="6">
        <v>9.5522878430000002</v>
      </c>
      <c r="AE12" s="6">
        <v>900.86810000000003</v>
      </c>
      <c r="AF12" s="6">
        <v>585.00329999999997</v>
      </c>
      <c r="AG12" s="6">
        <v>1323.9190000000001</v>
      </c>
      <c r="AH12" s="6">
        <v>179.81120000000001</v>
      </c>
    </row>
  </sheetData>
  <mergeCells count="21">
    <mergeCell ref="C3:D3"/>
    <mergeCell ref="F3:G3"/>
    <mergeCell ref="H3:I3"/>
    <mergeCell ref="K3:L3"/>
    <mergeCell ref="M3:N3"/>
    <mergeCell ref="AE2:AI2"/>
    <mergeCell ref="AE3:AF3"/>
    <mergeCell ref="AG3:AH3"/>
    <mergeCell ref="A2:E2"/>
    <mergeCell ref="F2:J2"/>
    <mergeCell ref="K2:O2"/>
    <mergeCell ref="P2:T2"/>
    <mergeCell ref="U2:Y2"/>
    <mergeCell ref="Z2:AD2"/>
    <mergeCell ref="P3:Q3"/>
    <mergeCell ref="R3:S3"/>
    <mergeCell ref="U3:V3"/>
    <mergeCell ref="W3:X3"/>
    <mergeCell ref="Z3:AA3"/>
    <mergeCell ref="AB3:AC3"/>
    <mergeCell ref="A3:B3"/>
  </mergeCells>
  <pageMargins left="0.7" right="0.7" top="0.75" bottom="0.75" header="0.3" footer="0.3"/>
  <pageSetup orientation="portrait" horizontalDpi="1200" verticalDpi="1200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FA83C49-F2D6-4762-9C74-8C2E7D28544A}">
  <dimension ref="A1:X12"/>
  <sheetViews>
    <sheetView workbookViewId="0">
      <selection activeCell="P1" sqref="P1:T3"/>
    </sheetView>
  </sheetViews>
  <sheetFormatPr defaultRowHeight="15" x14ac:dyDescent="0.25"/>
  <sheetData>
    <row r="1" spans="1:24" x14ac:dyDescent="0.25">
      <c r="A1" s="9" t="s">
        <v>69</v>
      </c>
      <c r="B1" s="10"/>
      <c r="C1" s="10"/>
      <c r="D1" s="10"/>
      <c r="E1" s="10"/>
      <c r="F1" s="9" t="s">
        <v>71</v>
      </c>
      <c r="G1" s="10"/>
      <c r="H1" s="10"/>
      <c r="I1" s="10"/>
      <c r="J1" s="10"/>
      <c r="K1" s="9" t="s">
        <v>73</v>
      </c>
      <c r="L1" s="10"/>
      <c r="M1" s="10"/>
      <c r="N1" s="10"/>
      <c r="O1" s="9"/>
      <c r="Q1" s="7" t="s">
        <v>74</v>
      </c>
      <c r="R1" s="6"/>
      <c r="S1" s="6"/>
      <c r="U1" s="7"/>
      <c r="V1" s="6"/>
      <c r="W1" s="6"/>
      <c r="X1" s="6"/>
    </row>
    <row r="2" spans="1:24" x14ac:dyDescent="0.25">
      <c r="A2" s="14" t="s">
        <v>70</v>
      </c>
      <c r="B2" s="14"/>
      <c r="C2" s="14"/>
      <c r="D2" s="14"/>
      <c r="E2" s="14"/>
      <c r="F2" s="14" t="s">
        <v>72</v>
      </c>
      <c r="G2" s="14"/>
      <c r="H2" s="14"/>
      <c r="I2" s="14"/>
      <c r="J2" s="14"/>
      <c r="K2" s="14" t="s">
        <v>70</v>
      </c>
      <c r="L2" s="14"/>
      <c r="M2" s="14"/>
      <c r="N2" s="14"/>
      <c r="O2" s="14"/>
      <c r="P2" s="11" t="s">
        <v>75</v>
      </c>
      <c r="Q2" s="11"/>
      <c r="R2" s="11"/>
      <c r="S2" s="11"/>
      <c r="T2" s="11"/>
      <c r="U2" s="11"/>
      <c r="V2" s="11"/>
      <c r="W2" s="11"/>
      <c r="X2" s="11"/>
    </row>
    <row r="3" spans="1:24" x14ac:dyDescent="0.25">
      <c r="A3" s="13" t="s">
        <v>17</v>
      </c>
      <c r="B3" s="14"/>
      <c r="C3" s="13" t="s">
        <v>18</v>
      </c>
      <c r="D3" s="14"/>
      <c r="E3" s="10"/>
      <c r="F3" s="13" t="s">
        <v>17</v>
      </c>
      <c r="G3" s="14"/>
      <c r="H3" s="13" t="s">
        <v>18</v>
      </c>
      <c r="I3" s="14"/>
      <c r="J3" s="10"/>
      <c r="K3" s="13" t="s">
        <v>17</v>
      </c>
      <c r="L3" s="14"/>
      <c r="M3" s="13" t="s">
        <v>18</v>
      </c>
      <c r="N3" s="14"/>
      <c r="O3" s="9"/>
      <c r="P3" s="12" t="s">
        <v>17</v>
      </c>
      <c r="Q3" s="11"/>
      <c r="R3" s="12" t="s">
        <v>18</v>
      </c>
      <c r="S3" s="11"/>
      <c r="U3" s="12"/>
      <c r="V3" s="11"/>
      <c r="W3" s="12"/>
      <c r="X3" s="11"/>
    </row>
    <row r="4" spans="1:24" x14ac:dyDescent="0.25">
      <c r="A4" s="10" t="s">
        <v>65</v>
      </c>
      <c r="B4" s="10" t="s">
        <v>66</v>
      </c>
      <c r="C4" s="10" t="s">
        <v>65</v>
      </c>
      <c r="D4" s="10" t="s">
        <v>66</v>
      </c>
      <c r="E4" s="10"/>
      <c r="F4" s="10" t="s">
        <v>65</v>
      </c>
      <c r="G4" s="10" t="s">
        <v>66</v>
      </c>
      <c r="H4" s="10" t="s">
        <v>65</v>
      </c>
      <c r="I4" s="10" t="s">
        <v>66</v>
      </c>
      <c r="J4" s="9"/>
      <c r="K4" s="10" t="s">
        <v>65</v>
      </c>
      <c r="L4" s="10" t="s">
        <v>66</v>
      </c>
      <c r="M4" s="10" t="s">
        <v>65</v>
      </c>
      <c r="N4" s="10" t="s">
        <v>66</v>
      </c>
      <c r="O4" s="9"/>
      <c r="P4" s="8" t="s">
        <v>65</v>
      </c>
      <c r="Q4" s="8" t="s">
        <v>66</v>
      </c>
      <c r="R4" s="8" t="s">
        <v>65</v>
      </c>
      <c r="S4" s="8" t="s">
        <v>66</v>
      </c>
      <c r="U4" s="8"/>
      <c r="V4" s="8"/>
      <c r="W4" s="8"/>
      <c r="X4" s="8"/>
    </row>
    <row r="5" spans="1:24" x14ac:dyDescent="0.25">
      <c r="A5" s="6">
        <v>78.52</v>
      </c>
      <c r="B5" s="6">
        <v>103.21</v>
      </c>
      <c r="C5" s="6">
        <v>54.84</v>
      </c>
      <c r="D5" s="6">
        <v>59.81</v>
      </c>
      <c r="E5" s="10"/>
      <c r="F5" s="6">
        <v>130.03</v>
      </c>
      <c r="G5" s="6">
        <v>373.24</v>
      </c>
      <c r="H5" s="6">
        <v>317.69</v>
      </c>
      <c r="I5" s="6">
        <v>174</v>
      </c>
      <c r="J5" s="9"/>
      <c r="K5" s="6">
        <v>49.41</v>
      </c>
      <c r="L5" s="6">
        <v>109.07</v>
      </c>
      <c r="M5" s="6">
        <v>101.69</v>
      </c>
      <c r="N5" s="6">
        <v>143.51</v>
      </c>
      <c r="O5" s="9"/>
      <c r="P5" s="6">
        <v>10.62</v>
      </c>
      <c r="Q5" s="6">
        <v>10.82</v>
      </c>
      <c r="R5" s="6">
        <v>5.24</v>
      </c>
      <c r="S5" s="6">
        <v>13.94</v>
      </c>
      <c r="U5" s="6"/>
      <c r="V5" s="6"/>
      <c r="W5" s="6"/>
      <c r="X5" s="6"/>
    </row>
    <row r="6" spans="1:24" x14ac:dyDescent="0.25">
      <c r="A6" s="6">
        <v>68.489999999999995</v>
      </c>
      <c r="B6" s="6">
        <v>47.84</v>
      </c>
      <c r="C6" s="6">
        <v>23.89</v>
      </c>
      <c r="D6" s="6">
        <v>88.99</v>
      </c>
      <c r="E6" s="10"/>
      <c r="F6" s="6">
        <v>578.04999999999995</v>
      </c>
      <c r="G6" s="6">
        <v>228.85</v>
      </c>
      <c r="H6" s="6">
        <v>254.85</v>
      </c>
      <c r="I6" s="6">
        <v>158.76</v>
      </c>
      <c r="J6" s="9"/>
      <c r="K6" s="6">
        <v>164.42</v>
      </c>
      <c r="L6" s="6">
        <v>169.95</v>
      </c>
      <c r="M6" s="6"/>
      <c r="N6" s="6">
        <v>161.34</v>
      </c>
      <c r="O6" s="9"/>
      <c r="P6" s="6">
        <v>5.4</v>
      </c>
      <c r="Q6" s="6">
        <v>12.18</v>
      </c>
      <c r="R6" s="6">
        <v>8.32</v>
      </c>
      <c r="S6" s="6">
        <v>14.01</v>
      </c>
      <c r="U6" s="6"/>
      <c r="V6" s="6"/>
      <c r="W6" s="6"/>
      <c r="X6" s="6"/>
    </row>
    <row r="7" spans="1:24" x14ac:dyDescent="0.25">
      <c r="A7" s="6">
        <v>45.59</v>
      </c>
      <c r="B7" s="6">
        <v>65.05</v>
      </c>
      <c r="C7" s="6">
        <v>28.38</v>
      </c>
      <c r="D7" s="6">
        <v>24.64</v>
      </c>
      <c r="E7" s="9"/>
      <c r="F7" s="6">
        <v>183.77</v>
      </c>
      <c r="G7" s="6">
        <v>183.29</v>
      </c>
      <c r="H7" s="6">
        <v>258.94</v>
      </c>
      <c r="I7" s="6">
        <v>312.88</v>
      </c>
      <c r="J7" s="9"/>
      <c r="K7" s="6">
        <v>59.25</v>
      </c>
      <c r="L7" s="6">
        <v>176.1</v>
      </c>
      <c r="M7" s="6">
        <v>126.29</v>
      </c>
      <c r="N7" s="6">
        <v>185.94</v>
      </c>
      <c r="O7" s="9"/>
      <c r="P7" s="6">
        <v>5.72</v>
      </c>
      <c r="Q7" s="6">
        <v>11.59</v>
      </c>
      <c r="R7" s="6">
        <v>8.83</v>
      </c>
      <c r="S7" s="6">
        <v>15.91</v>
      </c>
      <c r="U7" s="6"/>
      <c r="V7" s="6"/>
      <c r="W7" s="6"/>
      <c r="X7" s="6"/>
    </row>
    <row r="8" spans="1:24" x14ac:dyDescent="0.25">
      <c r="A8" s="6">
        <v>66.55</v>
      </c>
      <c r="B8" s="6">
        <v>130.1</v>
      </c>
      <c r="C8" s="6">
        <v>33.619999999999997</v>
      </c>
      <c r="D8" s="6">
        <v>23.15</v>
      </c>
      <c r="E8" s="9"/>
      <c r="F8" s="6">
        <v>220.36</v>
      </c>
      <c r="G8" s="6">
        <v>270.54000000000002</v>
      </c>
      <c r="H8" s="6"/>
      <c r="I8" s="6">
        <v>79.05</v>
      </c>
      <c r="J8" s="9"/>
      <c r="K8" s="6">
        <v>99.84</v>
      </c>
      <c r="L8" s="6">
        <v>227.76</v>
      </c>
      <c r="M8" s="6">
        <v>70.03</v>
      </c>
      <c r="N8" s="6">
        <v>149.66</v>
      </c>
      <c r="O8" s="9"/>
      <c r="P8" s="6">
        <v>7.69</v>
      </c>
      <c r="Q8" s="6">
        <v>12.21</v>
      </c>
      <c r="R8" s="6">
        <v>7.67</v>
      </c>
      <c r="S8" s="6">
        <v>11.24</v>
      </c>
      <c r="U8" s="6"/>
      <c r="V8" s="6"/>
      <c r="W8" s="6"/>
      <c r="X8" s="6"/>
    </row>
    <row r="9" spans="1:24" x14ac:dyDescent="0.25">
      <c r="A9" s="6">
        <v>54.57</v>
      </c>
      <c r="B9" s="6">
        <v>144.37</v>
      </c>
      <c r="C9" s="6">
        <v>14.17</v>
      </c>
      <c r="D9" s="6">
        <v>22.4</v>
      </c>
      <c r="E9" s="9"/>
      <c r="F9" s="6">
        <v>528.9</v>
      </c>
      <c r="G9" s="6">
        <v>462.73</v>
      </c>
      <c r="H9" s="6">
        <v>183.05</v>
      </c>
      <c r="I9" s="6">
        <v>223.54</v>
      </c>
      <c r="J9" s="9"/>
      <c r="K9" s="6">
        <v>64.790000000000006</v>
      </c>
      <c r="L9" s="6">
        <v>161.96</v>
      </c>
      <c r="M9" s="6">
        <v>101.69</v>
      </c>
      <c r="N9" s="6">
        <v>169.34</v>
      </c>
      <c r="O9" s="9"/>
      <c r="P9" s="6">
        <v>7.18</v>
      </c>
      <c r="Q9" s="6">
        <v>12.44</v>
      </c>
      <c r="R9" s="6">
        <v>8.34</v>
      </c>
      <c r="S9" s="6">
        <v>10.71</v>
      </c>
      <c r="U9" s="6"/>
      <c r="V9" s="6"/>
      <c r="W9" s="6"/>
      <c r="X9" s="6"/>
    </row>
    <row r="10" spans="1:24" x14ac:dyDescent="0.25">
      <c r="A10" s="6">
        <v>54.84</v>
      </c>
      <c r="B10" s="6">
        <v>43.35</v>
      </c>
      <c r="C10" s="6">
        <v>62.06</v>
      </c>
      <c r="D10" s="6">
        <v>19.399999999999999</v>
      </c>
      <c r="E10" s="9"/>
      <c r="F10" s="6">
        <v>203.32</v>
      </c>
      <c r="G10" s="6">
        <v>504.17</v>
      </c>
      <c r="H10" s="6">
        <v>67.05</v>
      </c>
      <c r="I10" s="6">
        <v>505.03</v>
      </c>
      <c r="J10" s="9"/>
      <c r="K10" s="6">
        <v>109.07</v>
      </c>
      <c r="L10" s="6">
        <v>360.6</v>
      </c>
      <c r="M10" s="6">
        <v>55.56</v>
      </c>
      <c r="N10" s="6">
        <v>225.3</v>
      </c>
      <c r="O10" s="9"/>
      <c r="P10" s="6">
        <v>7.07</v>
      </c>
      <c r="Q10" s="6">
        <v>9.0299999999999994</v>
      </c>
      <c r="R10" s="6">
        <v>13.51</v>
      </c>
      <c r="S10" s="6">
        <v>16.260000000000002</v>
      </c>
      <c r="U10" s="6"/>
      <c r="V10" s="6"/>
      <c r="W10" s="6"/>
      <c r="X10" s="6"/>
    </row>
    <row r="11" spans="1:24" x14ac:dyDescent="0.25">
      <c r="A11" s="6">
        <v>34.369999999999997</v>
      </c>
      <c r="B11" s="6">
        <v>44.1</v>
      </c>
      <c r="C11" s="6">
        <v>5.19</v>
      </c>
      <c r="D11" s="6">
        <v>11.92</v>
      </c>
      <c r="E11" s="9"/>
      <c r="F11" s="6">
        <v>540.07000000000005</v>
      </c>
      <c r="G11" s="6">
        <v>371.06</v>
      </c>
      <c r="H11" s="6">
        <v>393.12</v>
      </c>
      <c r="I11" s="6">
        <v>123.56</v>
      </c>
      <c r="J11" s="9"/>
      <c r="K11" s="6">
        <v>143.51</v>
      </c>
      <c r="L11" s="6">
        <v>115.83</v>
      </c>
      <c r="M11" s="6">
        <v>133.05000000000001</v>
      </c>
      <c r="N11" s="6">
        <v>125.67</v>
      </c>
      <c r="O11" s="9"/>
      <c r="P11" s="6">
        <v>8.4499999999999993</v>
      </c>
      <c r="Q11" s="6">
        <v>9.98</v>
      </c>
      <c r="R11" s="6">
        <v>9.01</v>
      </c>
      <c r="S11" s="6">
        <v>10.68</v>
      </c>
      <c r="U11" s="6"/>
      <c r="V11" s="6"/>
      <c r="W11" s="6"/>
      <c r="X11" s="6"/>
    </row>
    <row r="12" spans="1:24" x14ac:dyDescent="0.25">
      <c r="A12" s="6">
        <v>92.73</v>
      </c>
      <c r="B12" s="6">
        <v>50.08</v>
      </c>
      <c r="C12" s="6"/>
      <c r="D12" s="6">
        <v>32.869999999999997</v>
      </c>
      <c r="E12" s="9"/>
      <c r="F12" s="6">
        <v>376.71</v>
      </c>
      <c r="G12" s="6">
        <v>561.55999999999995</v>
      </c>
      <c r="H12" s="6">
        <v>444.61</v>
      </c>
      <c r="I12" s="6">
        <v>124.25</v>
      </c>
      <c r="J12" s="9"/>
      <c r="K12" s="6">
        <v>60.48</v>
      </c>
      <c r="L12" s="6">
        <v>382.74</v>
      </c>
      <c r="M12" s="6">
        <v>78.930000000000007</v>
      </c>
      <c r="N12" s="6">
        <v>238.59</v>
      </c>
      <c r="O12" s="9"/>
      <c r="P12" s="6">
        <v>9.2799999999999994</v>
      </c>
      <c r="Q12" s="6">
        <v>9.0299999999999994</v>
      </c>
      <c r="R12" s="6">
        <v>9.75</v>
      </c>
      <c r="S12" s="6">
        <v>10.72</v>
      </c>
      <c r="U12" s="6"/>
      <c r="V12" s="6"/>
      <c r="W12" s="6"/>
      <c r="X12" s="6"/>
    </row>
  </sheetData>
  <mergeCells count="15">
    <mergeCell ref="A2:E2"/>
    <mergeCell ref="F2:J2"/>
    <mergeCell ref="K2:O2"/>
    <mergeCell ref="P2:T2"/>
    <mergeCell ref="U2:X2"/>
    <mergeCell ref="W3:X3"/>
    <mergeCell ref="A3:B3"/>
    <mergeCell ref="C3:D3"/>
    <mergeCell ref="F3:G3"/>
    <mergeCell ref="H3:I3"/>
    <mergeCell ref="K3:L3"/>
    <mergeCell ref="M3:N3"/>
    <mergeCell ref="P3:Q3"/>
    <mergeCell ref="R3:S3"/>
    <mergeCell ref="U3:V3"/>
  </mergeCells>
  <pageMargins left="0.7" right="0.7" top="0.75" bottom="0.75" header="0.3" footer="0.3"/>
  <pageSetup orientation="portrait" horizontalDpi="1200" verticalDpi="1200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71C866B-09FE-4C79-8229-77D9011D86DF}">
  <dimension ref="A1:D51"/>
  <sheetViews>
    <sheetView workbookViewId="0">
      <selection activeCell="I59" sqref="I59"/>
    </sheetView>
  </sheetViews>
  <sheetFormatPr defaultRowHeight="15" x14ac:dyDescent="0.25"/>
  <sheetData>
    <row r="1" spans="1:4" x14ac:dyDescent="0.25">
      <c r="A1" t="s">
        <v>34</v>
      </c>
    </row>
    <row r="2" spans="1:4" x14ac:dyDescent="0.25">
      <c r="A2" t="s">
        <v>17</v>
      </c>
      <c r="C2" t="s">
        <v>18</v>
      </c>
    </row>
    <row r="3" spans="1:4" x14ac:dyDescent="0.25">
      <c r="A3" t="s">
        <v>15</v>
      </c>
      <c r="B3" t="s">
        <v>16</v>
      </c>
      <c r="C3" t="s">
        <v>15</v>
      </c>
      <c r="D3" t="s">
        <v>16</v>
      </c>
    </row>
    <row r="4" spans="1:4" x14ac:dyDescent="0.25">
      <c r="A4" s="6">
        <v>6.96</v>
      </c>
      <c r="B4" s="6">
        <v>6.44</v>
      </c>
      <c r="C4" s="6">
        <v>6.71</v>
      </c>
      <c r="D4" s="6">
        <v>7.43</v>
      </c>
    </row>
    <row r="5" spans="1:4" x14ac:dyDescent="0.25">
      <c r="A5" s="6">
        <v>6.99</v>
      </c>
      <c r="B5" s="6">
        <v>6.66</v>
      </c>
      <c r="C5" s="6">
        <v>6.47</v>
      </c>
      <c r="D5" s="6">
        <v>6.87</v>
      </c>
    </row>
    <row r="6" spans="1:4" x14ac:dyDescent="0.25">
      <c r="A6" s="6">
        <v>6.66</v>
      </c>
      <c r="B6" s="6">
        <v>6.75</v>
      </c>
      <c r="C6" s="6">
        <v>6.51</v>
      </c>
      <c r="D6" s="6">
        <v>7.19</v>
      </c>
    </row>
    <row r="7" spans="1:4" x14ac:dyDescent="0.25">
      <c r="A7" s="6">
        <v>6.79</v>
      </c>
      <c r="B7" s="6">
        <v>6.45</v>
      </c>
      <c r="C7" s="6">
        <v>6.71</v>
      </c>
      <c r="D7" s="6">
        <v>7.2</v>
      </c>
    </row>
    <row r="8" spans="1:4" x14ac:dyDescent="0.25">
      <c r="A8" s="6">
        <v>6.84</v>
      </c>
      <c r="B8" s="6">
        <v>7.45</v>
      </c>
      <c r="C8" s="6">
        <v>6.9</v>
      </c>
      <c r="D8" s="6">
        <v>6.51</v>
      </c>
    </row>
    <row r="9" spans="1:4" x14ac:dyDescent="0.25">
      <c r="A9" s="6">
        <v>6.77</v>
      </c>
      <c r="B9" s="6">
        <v>7.1</v>
      </c>
      <c r="C9" s="6">
        <v>6.91</v>
      </c>
      <c r="D9" s="6">
        <v>6.61</v>
      </c>
    </row>
    <row r="10" spans="1:4" x14ac:dyDescent="0.25">
      <c r="A10" s="6">
        <v>6.66</v>
      </c>
      <c r="B10" s="6">
        <v>7.21</v>
      </c>
      <c r="C10" s="6">
        <v>6.71</v>
      </c>
      <c r="D10" s="6">
        <v>6.5</v>
      </c>
    </row>
    <row r="11" spans="1:4" x14ac:dyDescent="0.25">
      <c r="A11" s="6">
        <v>6.46</v>
      </c>
      <c r="B11" s="6">
        <v>7.08</v>
      </c>
      <c r="C11" s="6">
        <v>6.8</v>
      </c>
      <c r="D11" s="6">
        <v>7.12</v>
      </c>
    </row>
    <row r="12" spans="1:4" x14ac:dyDescent="0.25">
      <c r="A12" s="6"/>
      <c r="B12" s="6"/>
      <c r="C12" s="6"/>
      <c r="D12" s="6">
        <v>7.02</v>
      </c>
    </row>
    <row r="13" spans="1:4" x14ac:dyDescent="0.25">
      <c r="A13" s="6"/>
      <c r="B13" s="6"/>
      <c r="C13" s="6"/>
      <c r="D13" s="6"/>
    </row>
    <row r="14" spans="1:4" x14ac:dyDescent="0.25">
      <c r="A14" t="s">
        <v>37</v>
      </c>
      <c r="B14" s="6"/>
      <c r="C14" s="6"/>
      <c r="D14" s="6"/>
    </row>
    <row r="15" spans="1:4" x14ac:dyDescent="0.25">
      <c r="A15" t="s">
        <v>17</v>
      </c>
      <c r="C15" t="s">
        <v>18</v>
      </c>
    </row>
    <row r="16" spans="1:4" x14ac:dyDescent="0.25">
      <c r="A16" t="s">
        <v>15</v>
      </c>
      <c r="B16" t="s">
        <v>16</v>
      </c>
      <c r="C16" t="s">
        <v>15</v>
      </c>
      <c r="D16" t="s">
        <v>16</v>
      </c>
    </row>
    <row r="17" spans="1:4" x14ac:dyDescent="0.25">
      <c r="A17" s="6">
        <v>5.48</v>
      </c>
      <c r="B17" s="6">
        <v>5.23</v>
      </c>
      <c r="C17" s="6">
        <v>5.44</v>
      </c>
      <c r="D17" s="6">
        <v>5.9</v>
      </c>
    </row>
    <row r="18" spans="1:4" x14ac:dyDescent="0.25">
      <c r="A18" s="6">
        <v>5.22</v>
      </c>
      <c r="B18" s="6">
        <v>5.37</v>
      </c>
      <c r="C18" s="6">
        <v>4.96</v>
      </c>
      <c r="D18" s="6">
        <v>5.3</v>
      </c>
    </row>
    <row r="19" spans="1:4" x14ac:dyDescent="0.25">
      <c r="A19" s="6">
        <v>5.25</v>
      </c>
      <c r="B19" s="6">
        <v>5.41</v>
      </c>
      <c r="C19" s="6">
        <v>5.23</v>
      </c>
      <c r="D19" s="6">
        <v>5.6</v>
      </c>
    </row>
    <row r="20" spans="1:4" x14ac:dyDescent="0.25">
      <c r="A20" s="6">
        <v>5.05</v>
      </c>
      <c r="B20" s="6">
        <v>5.17</v>
      </c>
      <c r="C20" s="6">
        <v>5.37</v>
      </c>
      <c r="D20" s="6">
        <v>5.71</v>
      </c>
    </row>
    <row r="21" spans="1:4" ht="12.75" customHeight="1" x14ac:dyDescent="0.25">
      <c r="A21" s="6">
        <v>5.46</v>
      </c>
      <c r="B21" s="6">
        <v>5.94</v>
      </c>
      <c r="C21" s="6">
        <v>5.47</v>
      </c>
      <c r="D21" s="6">
        <v>4.99</v>
      </c>
    </row>
    <row r="22" spans="1:4" x14ac:dyDescent="0.25">
      <c r="A22" s="6">
        <v>5.33</v>
      </c>
      <c r="B22" s="6">
        <v>5.55</v>
      </c>
      <c r="C22" s="6">
        <v>5.64</v>
      </c>
      <c r="D22" s="6">
        <v>5.18</v>
      </c>
    </row>
    <row r="23" spans="1:4" x14ac:dyDescent="0.25">
      <c r="A23" s="6">
        <v>5.35</v>
      </c>
      <c r="B23" s="6">
        <v>5.6</v>
      </c>
      <c r="C23" s="6">
        <v>5.27</v>
      </c>
      <c r="D23" s="6">
        <v>5.15</v>
      </c>
    </row>
    <row r="24" spans="1:4" x14ac:dyDescent="0.25">
      <c r="A24" s="6">
        <v>5.14</v>
      </c>
      <c r="B24" s="6">
        <v>5.63</v>
      </c>
      <c r="C24" s="6">
        <v>5.51</v>
      </c>
      <c r="D24" s="6">
        <v>5.6</v>
      </c>
    </row>
    <row r="25" spans="1:4" x14ac:dyDescent="0.25">
      <c r="A25" s="6"/>
      <c r="B25" s="6"/>
      <c r="C25" s="6"/>
      <c r="D25" s="6">
        <v>5.89</v>
      </c>
    </row>
    <row r="27" spans="1:4" x14ac:dyDescent="0.25">
      <c r="A27" t="s">
        <v>36</v>
      </c>
    </row>
    <row r="28" spans="1:4" x14ac:dyDescent="0.25">
      <c r="A28" t="s">
        <v>17</v>
      </c>
      <c r="C28" t="s">
        <v>18</v>
      </c>
    </row>
    <row r="29" spans="1:4" x14ac:dyDescent="0.25">
      <c r="A29" t="s">
        <v>15</v>
      </c>
      <c r="B29" t="s">
        <v>16</v>
      </c>
      <c r="C29" t="s">
        <v>15</v>
      </c>
      <c r="D29" t="s">
        <v>16</v>
      </c>
    </row>
    <row r="30" spans="1:4" x14ac:dyDescent="0.25">
      <c r="A30" s="6">
        <v>480.17</v>
      </c>
      <c r="B30" s="6">
        <v>417.53</v>
      </c>
      <c r="C30" s="6">
        <v>473.6</v>
      </c>
      <c r="D30" s="6">
        <v>418.43</v>
      </c>
    </row>
    <row r="31" spans="1:4" x14ac:dyDescent="0.25">
      <c r="A31" s="6">
        <v>530.97</v>
      </c>
      <c r="B31" s="6">
        <v>436.7</v>
      </c>
      <c r="C31" s="6">
        <v>506.4</v>
      </c>
      <c r="D31" s="6">
        <v>495.53</v>
      </c>
    </row>
    <row r="32" spans="1:4" x14ac:dyDescent="0.25">
      <c r="A32" s="6">
        <v>463.1</v>
      </c>
      <c r="B32" s="6">
        <v>466.83</v>
      </c>
      <c r="C32" s="6">
        <v>481.6</v>
      </c>
      <c r="D32" s="6">
        <v>448.83</v>
      </c>
    </row>
    <row r="33" spans="1:4" x14ac:dyDescent="0.25">
      <c r="A33" s="6">
        <v>540.03</v>
      </c>
      <c r="B33" s="6">
        <v>441.63</v>
      </c>
      <c r="C33" s="6">
        <v>462.8</v>
      </c>
      <c r="D33" s="6">
        <v>442.47</v>
      </c>
    </row>
    <row r="34" spans="1:4" x14ac:dyDescent="0.25">
      <c r="A34" s="6">
        <v>453.17</v>
      </c>
      <c r="B34" s="6">
        <v>462.9</v>
      </c>
      <c r="C34" s="6">
        <v>516.53</v>
      </c>
      <c r="D34" s="6">
        <v>465.37</v>
      </c>
    </row>
    <row r="35" spans="1:4" x14ac:dyDescent="0.25">
      <c r="A35" s="6">
        <v>467</v>
      </c>
      <c r="B35" s="6">
        <v>481.77</v>
      </c>
      <c r="C35" s="6">
        <v>470.5</v>
      </c>
      <c r="D35" s="6">
        <v>408.33</v>
      </c>
    </row>
    <row r="36" spans="1:4" x14ac:dyDescent="0.25">
      <c r="A36" s="6">
        <v>457.43</v>
      </c>
      <c r="B36" s="6">
        <v>466.53</v>
      </c>
      <c r="C36" s="6">
        <v>467.53</v>
      </c>
      <c r="D36" s="6">
        <v>462.53</v>
      </c>
    </row>
    <row r="37" spans="1:4" x14ac:dyDescent="0.25">
      <c r="A37" s="6">
        <v>448.14</v>
      </c>
      <c r="B37" s="6">
        <v>461.27</v>
      </c>
      <c r="C37" s="6">
        <v>532.66999999999996</v>
      </c>
      <c r="D37" s="6">
        <v>425.53</v>
      </c>
    </row>
    <row r="38" spans="1:4" x14ac:dyDescent="0.25">
      <c r="A38" s="6"/>
      <c r="B38" s="6"/>
      <c r="C38" s="6"/>
      <c r="D38" s="6">
        <v>387.23</v>
      </c>
    </row>
    <row r="40" spans="1:4" x14ac:dyDescent="0.25">
      <c r="A40" t="s">
        <v>35</v>
      </c>
    </row>
    <row r="41" spans="1:4" x14ac:dyDescent="0.25">
      <c r="A41" t="s">
        <v>17</v>
      </c>
      <c r="C41" t="s">
        <v>18</v>
      </c>
    </row>
    <row r="42" spans="1:4" x14ac:dyDescent="0.25">
      <c r="A42" t="s">
        <v>15</v>
      </c>
      <c r="B42" t="s">
        <v>16</v>
      </c>
      <c r="C42" t="s">
        <v>15</v>
      </c>
      <c r="D42" t="s">
        <v>16</v>
      </c>
    </row>
    <row r="43" spans="1:4" x14ac:dyDescent="0.25">
      <c r="A43" s="6">
        <v>224.83</v>
      </c>
      <c r="B43" s="6">
        <v>166.23</v>
      </c>
      <c r="C43" s="6">
        <v>224.53</v>
      </c>
      <c r="D43" s="6">
        <v>169.8</v>
      </c>
    </row>
    <row r="44" spans="1:4" x14ac:dyDescent="0.25">
      <c r="A44" s="6">
        <v>257.02999999999997</v>
      </c>
      <c r="B44" s="6">
        <v>179.03</v>
      </c>
      <c r="C44" s="6">
        <v>187.2</v>
      </c>
      <c r="D44" s="6">
        <v>186.1</v>
      </c>
    </row>
    <row r="45" spans="1:4" x14ac:dyDescent="0.25">
      <c r="A45" s="6">
        <v>193.07</v>
      </c>
      <c r="B45" s="6">
        <v>210.6</v>
      </c>
      <c r="C45" s="6">
        <v>208.03</v>
      </c>
      <c r="D45" s="6">
        <v>176.2</v>
      </c>
    </row>
    <row r="46" spans="1:4" x14ac:dyDescent="0.25">
      <c r="A46" s="6">
        <v>221.97</v>
      </c>
      <c r="B46" s="6">
        <v>177.8</v>
      </c>
      <c r="C46" s="6">
        <v>196.4</v>
      </c>
      <c r="D46" s="6">
        <v>175.93</v>
      </c>
    </row>
    <row r="47" spans="1:4" x14ac:dyDescent="0.25">
      <c r="A47" s="6">
        <v>198.07</v>
      </c>
      <c r="B47" s="6">
        <v>208.8</v>
      </c>
      <c r="C47" s="6">
        <v>194.7</v>
      </c>
      <c r="D47" s="6">
        <v>185.87</v>
      </c>
    </row>
    <row r="48" spans="1:4" x14ac:dyDescent="0.25">
      <c r="A48" s="6">
        <v>206.33</v>
      </c>
      <c r="B48" s="6">
        <v>206.6</v>
      </c>
      <c r="C48" s="6">
        <v>179.27</v>
      </c>
      <c r="D48" s="6">
        <v>144.19999999999999</v>
      </c>
    </row>
    <row r="49" spans="1:4" x14ac:dyDescent="0.25">
      <c r="A49" s="6">
        <v>197.47</v>
      </c>
      <c r="B49" s="6">
        <v>171.23</v>
      </c>
      <c r="C49" s="6">
        <v>185.03</v>
      </c>
      <c r="D49" s="6">
        <v>148.13</v>
      </c>
    </row>
    <row r="50" spans="1:4" x14ac:dyDescent="0.25">
      <c r="A50" s="6">
        <v>186.03</v>
      </c>
      <c r="B50" s="6">
        <v>182.1</v>
      </c>
      <c r="C50" s="6">
        <v>177.03</v>
      </c>
      <c r="D50" s="6">
        <v>167.43</v>
      </c>
    </row>
    <row r="51" spans="1:4" x14ac:dyDescent="0.25">
      <c r="A51" s="6"/>
      <c r="B51" s="6"/>
      <c r="C51" s="6"/>
      <c r="D51" s="6">
        <v>174.51</v>
      </c>
    </row>
  </sheetData>
  <pageMargins left="0.7" right="0.7" top="0.75" bottom="0.75" header="0.3" footer="0.3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18784E9-31A3-4E25-A3DA-068105CE5D4C}">
  <dimension ref="A1:D63"/>
  <sheetViews>
    <sheetView topLeftCell="A34" workbookViewId="0">
      <selection sqref="A1:E37"/>
    </sheetView>
  </sheetViews>
  <sheetFormatPr defaultRowHeight="15" x14ac:dyDescent="0.25"/>
  <sheetData>
    <row r="1" spans="1:4" x14ac:dyDescent="0.25">
      <c r="A1" t="s">
        <v>36</v>
      </c>
    </row>
    <row r="2" spans="1:4" x14ac:dyDescent="0.25">
      <c r="A2" t="s">
        <v>17</v>
      </c>
      <c r="C2" t="s">
        <v>18</v>
      </c>
    </row>
    <row r="3" spans="1:4" x14ac:dyDescent="0.25">
      <c r="A3" t="s">
        <v>15</v>
      </c>
      <c r="B3" t="s">
        <v>16</v>
      </c>
      <c r="C3" t="s">
        <v>15</v>
      </c>
      <c r="D3" t="s">
        <v>16</v>
      </c>
    </row>
    <row r="4" spans="1:4" x14ac:dyDescent="0.25">
      <c r="A4" s="6">
        <v>668.9</v>
      </c>
      <c r="B4" s="6">
        <v>663.7</v>
      </c>
      <c r="C4" s="6">
        <v>660.4</v>
      </c>
      <c r="D4" s="6">
        <v>594.4</v>
      </c>
    </row>
    <row r="5" spans="1:4" x14ac:dyDescent="0.25">
      <c r="A5" s="6">
        <v>646.70000000000005</v>
      </c>
      <c r="B5" s="6">
        <v>621.9</v>
      </c>
      <c r="C5" s="6">
        <v>644.1</v>
      </c>
      <c r="D5" s="6">
        <v>592.20000000000005</v>
      </c>
    </row>
    <row r="6" spans="1:4" x14ac:dyDescent="0.25">
      <c r="A6" s="6">
        <v>635.1</v>
      </c>
      <c r="B6" s="6">
        <v>647</v>
      </c>
      <c r="C6" s="6">
        <v>644.4</v>
      </c>
      <c r="D6" s="6">
        <v>603.6</v>
      </c>
    </row>
    <row r="7" spans="1:4" x14ac:dyDescent="0.25">
      <c r="A7" s="6">
        <v>705.5</v>
      </c>
      <c r="B7" s="6">
        <v>632</v>
      </c>
      <c r="C7" s="6">
        <v>639.9</v>
      </c>
      <c r="D7" s="6">
        <v>609.9</v>
      </c>
    </row>
    <row r="8" spans="1:4" x14ac:dyDescent="0.25">
      <c r="A8" s="6">
        <v>646.6</v>
      </c>
      <c r="B8" s="6">
        <v>624.79999999999995</v>
      </c>
      <c r="C8" s="6">
        <v>646.9</v>
      </c>
      <c r="D8" s="6">
        <v>642.29999999999995</v>
      </c>
    </row>
    <row r="9" spans="1:4" x14ac:dyDescent="0.25">
      <c r="A9" s="6">
        <v>649.29999999999995</v>
      </c>
      <c r="B9" s="6">
        <v>618.29999999999995</v>
      </c>
      <c r="C9" s="6">
        <v>643.20000000000005</v>
      </c>
      <c r="D9" s="6">
        <v>620.79999999999995</v>
      </c>
    </row>
    <row r="10" spans="1:4" x14ac:dyDescent="0.25">
      <c r="A10" s="6">
        <v>658.6</v>
      </c>
      <c r="B10" s="6">
        <v>582.9</v>
      </c>
      <c r="C10" s="6">
        <v>618.79999999999995</v>
      </c>
      <c r="D10" s="6">
        <v>616.52</v>
      </c>
    </row>
    <row r="11" spans="1:4" x14ac:dyDescent="0.25">
      <c r="A11" s="6">
        <v>668.1</v>
      </c>
      <c r="B11" s="6">
        <v>600.6</v>
      </c>
      <c r="C11" s="6">
        <v>678</v>
      </c>
      <c r="D11" s="6">
        <v>625.1</v>
      </c>
    </row>
    <row r="12" spans="1:4" x14ac:dyDescent="0.25">
      <c r="A12" s="6"/>
      <c r="B12" s="6"/>
      <c r="C12" s="6"/>
      <c r="D12" s="6">
        <v>601.70000000000005</v>
      </c>
    </row>
    <row r="14" spans="1:4" x14ac:dyDescent="0.25">
      <c r="A14" t="s">
        <v>38</v>
      </c>
    </row>
    <row r="15" spans="1:4" x14ac:dyDescent="0.25">
      <c r="A15" t="s">
        <v>17</v>
      </c>
      <c r="C15" t="s">
        <v>18</v>
      </c>
    </row>
    <row r="16" spans="1:4" x14ac:dyDescent="0.25">
      <c r="A16" t="s">
        <v>15</v>
      </c>
      <c r="B16" t="s">
        <v>16</v>
      </c>
      <c r="C16" t="s">
        <v>15</v>
      </c>
      <c r="D16" t="s">
        <v>16</v>
      </c>
    </row>
    <row r="17" spans="1:4" x14ac:dyDescent="0.25">
      <c r="A17" s="6">
        <v>1034.0999999999999</v>
      </c>
      <c r="B17" s="6">
        <v>1003.2</v>
      </c>
      <c r="C17" s="6">
        <v>1060</v>
      </c>
      <c r="D17" s="6">
        <v>1031.2</v>
      </c>
    </row>
    <row r="18" spans="1:4" x14ac:dyDescent="0.25">
      <c r="A18" s="6">
        <v>990.1</v>
      </c>
      <c r="B18" s="6">
        <v>1003.3</v>
      </c>
      <c r="C18" s="6">
        <v>1022.5</v>
      </c>
      <c r="D18" s="6">
        <v>1020.4</v>
      </c>
    </row>
    <row r="19" spans="1:4" x14ac:dyDescent="0.25">
      <c r="A19" s="6">
        <v>1005.3</v>
      </c>
      <c r="B19" s="6">
        <v>1017.5</v>
      </c>
      <c r="C19" s="6">
        <v>1006.7</v>
      </c>
      <c r="D19" s="6">
        <v>1017.3</v>
      </c>
    </row>
    <row r="20" spans="1:4" x14ac:dyDescent="0.25">
      <c r="A20" s="6">
        <v>1064.9000000000001</v>
      </c>
      <c r="B20" s="6">
        <v>976.9</v>
      </c>
      <c r="C20" s="6">
        <v>1017.7</v>
      </c>
      <c r="D20" s="6">
        <v>1029.5</v>
      </c>
    </row>
    <row r="21" spans="1:4" ht="12.75" customHeight="1" x14ac:dyDescent="0.25">
      <c r="A21" s="6">
        <v>1013.8</v>
      </c>
      <c r="B21" s="6">
        <v>1028.3</v>
      </c>
      <c r="C21" s="6">
        <v>1036.0999999999999</v>
      </c>
      <c r="D21" s="6">
        <v>985.4</v>
      </c>
    </row>
    <row r="22" spans="1:4" x14ac:dyDescent="0.25">
      <c r="A22" s="6">
        <v>1038.8</v>
      </c>
      <c r="B22" s="6">
        <v>1037.9000000000001</v>
      </c>
      <c r="C22" s="6">
        <v>1021.4</v>
      </c>
      <c r="D22" s="6">
        <v>1027.0999999999999</v>
      </c>
    </row>
    <row r="23" spans="1:4" x14ac:dyDescent="0.25">
      <c r="A23" s="6">
        <v>986</v>
      </c>
      <c r="B23" s="6">
        <v>1001.8</v>
      </c>
      <c r="C23" s="6">
        <v>1018.8</v>
      </c>
      <c r="D23" s="6">
        <v>989.5</v>
      </c>
    </row>
    <row r="24" spans="1:4" x14ac:dyDescent="0.25">
      <c r="A24" s="6">
        <v>990.5</v>
      </c>
      <c r="B24" s="6">
        <v>1019.6</v>
      </c>
      <c r="C24" s="6">
        <v>1003.7</v>
      </c>
      <c r="D24" s="6">
        <v>1062.2</v>
      </c>
    </row>
    <row r="25" spans="1:4" x14ac:dyDescent="0.25">
      <c r="A25" s="6"/>
      <c r="B25" s="6"/>
      <c r="C25" s="6"/>
      <c r="D25" s="6"/>
    </row>
    <row r="26" spans="1:4" x14ac:dyDescent="0.25">
      <c r="A26" t="s">
        <v>39</v>
      </c>
    </row>
    <row r="27" spans="1:4" x14ac:dyDescent="0.25">
      <c r="A27" t="s">
        <v>17</v>
      </c>
      <c r="C27" t="s">
        <v>18</v>
      </c>
    </row>
    <row r="28" spans="1:4" x14ac:dyDescent="0.25">
      <c r="A28" t="s">
        <v>15</v>
      </c>
      <c r="B28" t="s">
        <v>16</v>
      </c>
      <c r="C28" t="s">
        <v>15</v>
      </c>
      <c r="D28" t="s">
        <v>16</v>
      </c>
    </row>
    <row r="29" spans="1:4" x14ac:dyDescent="0.25">
      <c r="A29" s="6">
        <v>0.28100000000000003</v>
      </c>
      <c r="B29" s="6">
        <v>0.26700000000000002</v>
      </c>
      <c r="C29" s="6">
        <v>0.32</v>
      </c>
      <c r="D29" s="6">
        <v>0.317</v>
      </c>
    </row>
    <row r="30" spans="1:4" x14ac:dyDescent="0.25">
      <c r="A30" s="6">
        <v>0.30199999999999999</v>
      </c>
      <c r="B30" s="6">
        <v>0.27</v>
      </c>
      <c r="C30" s="6">
        <v>0.318</v>
      </c>
      <c r="D30" s="6">
        <v>0.29099999999999998</v>
      </c>
    </row>
    <row r="31" spans="1:4" x14ac:dyDescent="0.25">
      <c r="A31" s="6">
        <v>0.27500000000000002</v>
      </c>
      <c r="B31" s="6">
        <v>0.28299999999999997</v>
      </c>
      <c r="C31" s="6">
        <v>0.313</v>
      </c>
      <c r="D31" s="6">
        <v>0.30399999999999999</v>
      </c>
    </row>
    <row r="32" spans="1:4" x14ac:dyDescent="0.25">
      <c r="A32" s="6">
        <v>0.30599999999999999</v>
      </c>
      <c r="B32" s="6">
        <v>0.26700000000000002</v>
      </c>
      <c r="C32" s="6">
        <v>0.32800000000000001</v>
      </c>
      <c r="D32" s="6">
        <v>0.29899999999999999</v>
      </c>
    </row>
    <row r="33" spans="1:4" x14ac:dyDescent="0.25">
      <c r="A33" s="6">
        <v>0.27900000000000003</v>
      </c>
      <c r="B33" s="6">
        <v>0.29299999999999998</v>
      </c>
      <c r="C33" s="6">
        <v>0.32500000000000001</v>
      </c>
      <c r="D33" s="6">
        <v>0.29299999999999998</v>
      </c>
    </row>
    <row r="34" spans="1:4" x14ac:dyDescent="0.25">
      <c r="A34" s="6">
        <v>0.28499999999999998</v>
      </c>
      <c r="B34" s="6">
        <v>0.28499999999999998</v>
      </c>
      <c r="C34" s="6">
        <v>0.314</v>
      </c>
      <c r="D34" s="6">
        <v>0.308</v>
      </c>
    </row>
    <row r="35" spans="1:4" x14ac:dyDescent="0.25">
      <c r="A35" s="6">
        <v>0.27100000000000002</v>
      </c>
      <c r="B35" s="6">
        <v>0.26700000000000002</v>
      </c>
      <c r="C35" s="6">
        <v>0.32700000000000001</v>
      </c>
      <c r="D35" s="6">
        <v>0.29799999999999999</v>
      </c>
    </row>
    <row r="36" spans="1:4" x14ac:dyDescent="0.25">
      <c r="A36" s="6">
        <v>0.26900000000000002</v>
      </c>
      <c r="B36" s="6">
        <v>0.28599999999999998</v>
      </c>
      <c r="C36" s="6">
        <v>0.28999999999999998</v>
      </c>
      <c r="D36" s="6">
        <v>0.32800000000000001</v>
      </c>
    </row>
    <row r="37" spans="1:4" x14ac:dyDescent="0.25">
      <c r="A37" s="6"/>
      <c r="B37" s="6"/>
      <c r="C37" s="6"/>
      <c r="D37" s="6">
        <v>0.3</v>
      </c>
    </row>
    <row r="38" spans="1:4" x14ac:dyDescent="0.25">
      <c r="A38" s="6"/>
      <c r="B38" s="6"/>
      <c r="C38" s="6"/>
      <c r="D38" s="6"/>
    </row>
    <row r="39" spans="1:4" x14ac:dyDescent="0.25">
      <c r="A39" t="s">
        <v>34</v>
      </c>
    </row>
    <row r="40" spans="1:4" x14ac:dyDescent="0.25">
      <c r="A40" t="s">
        <v>17</v>
      </c>
      <c r="C40" t="s">
        <v>18</v>
      </c>
    </row>
    <row r="41" spans="1:4" x14ac:dyDescent="0.25">
      <c r="A41" t="s">
        <v>15</v>
      </c>
      <c r="B41" t="s">
        <v>16</v>
      </c>
      <c r="C41" t="s">
        <v>15</v>
      </c>
      <c r="D41" t="s">
        <v>16</v>
      </c>
    </row>
    <row r="42" spans="1:4" x14ac:dyDescent="0.25">
      <c r="A42" s="6">
        <v>5.3159999999999998</v>
      </c>
      <c r="B42" s="6">
        <v>5.6310000000000002</v>
      </c>
      <c r="C42" s="6">
        <v>5.24</v>
      </c>
      <c r="D42" s="6">
        <v>5.83</v>
      </c>
    </row>
    <row r="43" spans="1:4" x14ac:dyDescent="0.25">
      <c r="A43" s="6">
        <v>5.6749999999999998</v>
      </c>
      <c r="B43" s="6">
        <v>5.2519999999999998</v>
      </c>
      <c r="C43" s="6">
        <v>5.1929999999999996</v>
      </c>
      <c r="D43" s="6">
        <v>5.6689999999999996</v>
      </c>
    </row>
    <row r="44" spans="1:4" x14ac:dyDescent="0.25">
      <c r="A44" s="6">
        <v>5.2350000000000003</v>
      </c>
      <c r="B44" s="6">
        <v>5.3680000000000003</v>
      </c>
      <c r="C44" s="6">
        <v>5.2110000000000003</v>
      </c>
      <c r="D44" s="6">
        <v>5.5650000000000004</v>
      </c>
    </row>
    <row r="45" spans="1:4" x14ac:dyDescent="0.25">
      <c r="A45" s="6">
        <v>5.4139999999999997</v>
      </c>
      <c r="B45" s="6">
        <v>5.0609999999999999</v>
      </c>
      <c r="C45" s="6">
        <v>5.431</v>
      </c>
      <c r="D45" s="6">
        <v>5.3739999999999997</v>
      </c>
    </row>
    <row r="46" spans="1:4" x14ac:dyDescent="0.25">
      <c r="A46" s="6">
        <v>5.2290000000000001</v>
      </c>
      <c r="B46" s="6">
        <v>5.766</v>
      </c>
      <c r="C46" s="6">
        <v>5.3390000000000004</v>
      </c>
      <c r="D46" s="6">
        <v>5.7880000000000003</v>
      </c>
    </row>
    <row r="47" spans="1:4" x14ac:dyDescent="0.25">
      <c r="A47" s="6">
        <v>5.4139999999999997</v>
      </c>
      <c r="B47" s="6">
        <v>5.7720000000000002</v>
      </c>
      <c r="C47" s="6">
        <v>5.4820000000000002</v>
      </c>
      <c r="D47" s="6">
        <v>5.95</v>
      </c>
    </row>
    <row r="48" spans="1:4" x14ac:dyDescent="0.25">
      <c r="A48" s="6">
        <v>5.3049999999999997</v>
      </c>
      <c r="B48" s="6">
        <v>5.8559999999999999</v>
      </c>
      <c r="C48" s="6">
        <v>5.1929999999999996</v>
      </c>
      <c r="D48" s="6">
        <v>5.6310000000000002</v>
      </c>
    </row>
    <row r="49" spans="1:4" x14ac:dyDescent="0.25">
      <c r="A49" s="6">
        <v>5.1459999999999999</v>
      </c>
      <c r="B49" s="6">
        <v>5.9240000000000004</v>
      </c>
      <c r="C49" s="6">
        <v>5.4249999999999998</v>
      </c>
      <c r="D49" s="6">
        <v>5.8979999999999997</v>
      </c>
    </row>
    <row r="50" spans="1:4" x14ac:dyDescent="0.25">
      <c r="A50" s="6"/>
      <c r="B50" s="6"/>
      <c r="C50" s="6"/>
      <c r="D50" s="6">
        <v>5.9660000000000002</v>
      </c>
    </row>
    <row r="51" spans="1:4" x14ac:dyDescent="0.25">
      <c r="A51" s="6"/>
      <c r="B51" s="6"/>
      <c r="C51" s="6"/>
      <c r="D51" s="6"/>
    </row>
    <row r="52" spans="1:4" x14ac:dyDescent="0.25">
      <c r="A52" t="s">
        <v>37</v>
      </c>
      <c r="B52" s="6"/>
      <c r="C52" s="6"/>
      <c r="D52" s="6"/>
    </row>
    <row r="53" spans="1:4" x14ac:dyDescent="0.25">
      <c r="A53" t="s">
        <v>17</v>
      </c>
      <c r="C53" t="s">
        <v>18</v>
      </c>
    </row>
    <row r="54" spans="1:4" x14ac:dyDescent="0.25">
      <c r="A54" t="s">
        <v>15</v>
      </c>
      <c r="B54" t="s">
        <v>16</v>
      </c>
      <c r="C54" t="s">
        <v>15</v>
      </c>
      <c r="D54" t="s">
        <v>16</v>
      </c>
    </row>
    <row r="55" spans="1:4" x14ac:dyDescent="0.25">
      <c r="A55" s="6">
        <v>3.5529999999999999</v>
      </c>
      <c r="B55" s="6">
        <v>3.1779999999999999</v>
      </c>
      <c r="C55" s="6">
        <v>3.4830000000000001</v>
      </c>
      <c r="D55" s="6">
        <v>4.0919999999999996</v>
      </c>
    </row>
    <row r="56" spans="1:4" x14ac:dyDescent="0.25">
      <c r="A56" s="6">
        <v>3.78</v>
      </c>
      <c r="B56" s="6">
        <v>3.5529999999999999</v>
      </c>
      <c r="C56" s="6">
        <v>3.5089999999999999</v>
      </c>
      <c r="D56" s="6">
        <v>3.97</v>
      </c>
    </row>
    <row r="57" spans="1:4" x14ac:dyDescent="0.25">
      <c r="A57" s="6">
        <v>3.5089999999999999</v>
      </c>
      <c r="B57" s="6">
        <v>3.5870000000000002</v>
      </c>
      <c r="C57" s="6">
        <v>3.4649999999999999</v>
      </c>
      <c r="D57" s="6">
        <v>3.8359999999999999</v>
      </c>
    </row>
    <row r="58" spans="1:4" x14ac:dyDescent="0.25">
      <c r="A58" s="6">
        <v>3.492</v>
      </c>
      <c r="B58" s="6">
        <v>3.3839999999999999</v>
      </c>
      <c r="C58" s="6">
        <v>3.681</v>
      </c>
      <c r="D58" s="6">
        <v>3.6890000000000001</v>
      </c>
    </row>
    <row r="59" spans="1:4" x14ac:dyDescent="0.25">
      <c r="A59" s="6">
        <v>3.4740000000000002</v>
      </c>
      <c r="B59" s="6">
        <v>3.923</v>
      </c>
      <c r="C59" s="6">
        <v>3.6379999999999999</v>
      </c>
      <c r="D59" s="6">
        <v>3.97</v>
      </c>
    </row>
    <row r="60" spans="1:4" x14ac:dyDescent="0.25">
      <c r="A60" s="6">
        <v>3.6219999999999999</v>
      </c>
      <c r="B60" s="6">
        <v>3.9780000000000002</v>
      </c>
      <c r="C60" s="6">
        <v>3.6890000000000001</v>
      </c>
      <c r="D60" s="6">
        <v>4.13</v>
      </c>
    </row>
    <row r="61" spans="1:4" x14ac:dyDescent="0.25">
      <c r="A61" s="6">
        <v>3.6040000000000001</v>
      </c>
      <c r="B61" s="6">
        <v>4.1820000000000004</v>
      </c>
      <c r="C61" s="6">
        <v>3.5529999999999999</v>
      </c>
      <c r="D61" s="6">
        <v>3.8039999999999998</v>
      </c>
    </row>
    <row r="62" spans="1:4" x14ac:dyDescent="0.25">
      <c r="A62" s="6">
        <v>3.456</v>
      </c>
      <c r="B62" s="6">
        <v>4.13</v>
      </c>
      <c r="C62" s="6">
        <v>3.544</v>
      </c>
      <c r="D62" s="6">
        <v>4.0549999999999997</v>
      </c>
    </row>
    <row r="63" spans="1:4" x14ac:dyDescent="0.25">
      <c r="A63" s="6"/>
      <c r="B63" s="6"/>
      <c r="C63" s="6"/>
      <c r="D63" s="6">
        <v>4.1890000000000001</v>
      </c>
    </row>
  </sheetData>
  <pageMargins left="0.7" right="0.7" top="0.75" bottom="0.75" header="0.3" footer="0.3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60C2AA5-C3DD-408E-8F7B-9CB3F538560E}">
  <dimension ref="A1:D64"/>
  <sheetViews>
    <sheetView topLeftCell="A16" workbookViewId="0">
      <selection activeCell="A53" sqref="A53:D57"/>
    </sheetView>
  </sheetViews>
  <sheetFormatPr defaultRowHeight="15" x14ac:dyDescent="0.25"/>
  <sheetData>
    <row r="1" spans="1:4" x14ac:dyDescent="0.25">
      <c r="A1" t="s">
        <v>40</v>
      </c>
    </row>
    <row r="2" spans="1:4" x14ac:dyDescent="0.25">
      <c r="A2" t="s">
        <v>17</v>
      </c>
      <c r="C2" t="s">
        <v>18</v>
      </c>
    </row>
    <row r="3" spans="1:4" x14ac:dyDescent="0.25">
      <c r="A3" t="s">
        <v>15</v>
      </c>
      <c r="B3" t="s">
        <v>16</v>
      </c>
      <c r="C3" t="s">
        <v>15</v>
      </c>
      <c r="D3" t="s">
        <v>16</v>
      </c>
    </row>
    <row r="4" spans="1:4" x14ac:dyDescent="0.25">
      <c r="A4" s="6">
        <v>3.83</v>
      </c>
      <c r="B4" s="6">
        <v>3.95</v>
      </c>
      <c r="C4" s="6">
        <v>3.99</v>
      </c>
      <c r="D4" s="6">
        <v>3.38</v>
      </c>
    </row>
    <row r="5" spans="1:4" x14ac:dyDescent="0.25">
      <c r="A5" s="6">
        <v>4.68</v>
      </c>
      <c r="B5" s="6">
        <v>4.38</v>
      </c>
      <c r="C5" s="6">
        <v>3.91</v>
      </c>
      <c r="D5" s="6">
        <v>3.65</v>
      </c>
    </row>
    <row r="6" spans="1:4" x14ac:dyDescent="0.25">
      <c r="A6" s="6">
        <v>4.33</v>
      </c>
      <c r="B6" s="6">
        <v>3.9</v>
      </c>
      <c r="C6" s="6">
        <v>4</v>
      </c>
      <c r="D6" s="6">
        <v>3.58</v>
      </c>
    </row>
    <row r="7" spans="1:4" x14ac:dyDescent="0.25">
      <c r="A7" s="6">
        <v>4.26</v>
      </c>
      <c r="B7" s="6">
        <v>3.98</v>
      </c>
      <c r="C7" s="6">
        <v>3.96</v>
      </c>
      <c r="D7" s="6">
        <v>3.78</v>
      </c>
    </row>
    <row r="8" spans="1:4" x14ac:dyDescent="0.25">
      <c r="A8" s="6">
        <v>4.1399999999999997</v>
      </c>
      <c r="B8" s="6">
        <v>3.97</v>
      </c>
      <c r="C8" s="6">
        <v>3.6</v>
      </c>
      <c r="D8" s="6">
        <v>3.59</v>
      </c>
    </row>
    <row r="9" spans="1:4" x14ac:dyDescent="0.25">
      <c r="A9" s="6">
        <v>3.63</v>
      </c>
      <c r="B9" s="6">
        <v>4.28</v>
      </c>
      <c r="C9" s="6">
        <v>3.93</v>
      </c>
      <c r="D9" s="6">
        <v>3.46</v>
      </c>
    </row>
    <row r="10" spans="1:4" x14ac:dyDescent="0.25">
      <c r="A10" s="6">
        <v>3.6962999999999999</v>
      </c>
      <c r="B10" s="6">
        <v>4.08</v>
      </c>
      <c r="C10" s="6">
        <v>3.64</v>
      </c>
      <c r="D10" s="6">
        <v>3.95</v>
      </c>
    </row>
    <row r="11" spans="1:4" x14ac:dyDescent="0.25">
      <c r="A11" s="6">
        <v>3.8700999999999999</v>
      </c>
      <c r="B11" s="6">
        <v>4.0564999999999998</v>
      </c>
      <c r="C11" s="6">
        <v>3.83</v>
      </c>
      <c r="D11" s="6">
        <v>2.9</v>
      </c>
    </row>
    <row r="12" spans="1:4" x14ac:dyDescent="0.25">
      <c r="A12" s="6"/>
      <c r="B12" s="6">
        <v>4.2159000000000004</v>
      </c>
      <c r="C12" s="6"/>
      <c r="D12" s="6"/>
    </row>
    <row r="14" spans="1:4" x14ac:dyDescent="0.25">
      <c r="A14" t="s">
        <v>41</v>
      </c>
    </row>
    <row r="15" spans="1:4" x14ac:dyDescent="0.25">
      <c r="A15" t="s">
        <v>17</v>
      </c>
      <c r="C15" t="s">
        <v>18</v>
      </c>
    </row>
    <row r="16" spans="1:4" x14ac:dyDescent="0.25">
      <c r="A16" t="s">
        <v>15</v>
      </c>
      <c r="B16" t="s">
        <v>16</v>
      </c>
      <c r="C16" t="s">
        <v>15</v>
      </c>
      <c r="D16" t="s">
        <v>16</v>
      </c>
    </row>
    <row r="17" spans="1:4" x14ac:dyDescent="0.25">
      <c r="A17" s="6">
        <v>5.0099999999999999E-2</v>
      </c>
      <c r="B17" s="6">
        <v>4.7800000000000002E-2</v>
      </c>
      <c r="C17" s="6">
        <v>5.3199999999999997E-2</v>
      </c>
      <c r="D17" s="6">
        <v>8.3299999999999999E-2</v>
      </c>
    </row>
    <row r="18" spans="1:4" x14ac:dyDescent="0.25">
      <c r="A18" s="6">
        <v>4.4699999999999997E-2</v>
      </c>
      <c r="B18" s="6">
        <v>3.7900000000000003E-2</v>
      </c>
      <c r="C18" s="6">
        <v>5.9200000000000003E-2</v>
      </c>
      <c r="D18" s="6">
        <v>5.2400000000000002E-2</v>
      </c>
    </row>
    <row r="19" spans="1:4" x14ac:dyDescent="0.25">
      <c r="A19" s="6">
        <v>4.7899999999999998E-2</v>
      </c>
      <c r="B19" s="6">
        <v>4.3200000000000002E-2</v>
      </c>
      <c r="C19" s="6">
        <v>4.9000000000000002E-2</v>
      </c>
      <c r="D19" s="6">
        <v>5.1200000000000002E-2</v>
      </c>
    </row>
    <row r="20" spans="1:4" x14ac:dyDescent="0.25">
      <c r="A20" s="6">
        <v>4.3700000000000003E-2</v>
      </c>
      <c r="B20" s="6">
        <v>4.0300000000000002E-2</v>
      </c>
      <c r="C20" s="6">
        <v>4.3900000000000002E-2</v>
      </c>
      <c r="D20" s="6">
        <v>5.7700000000000001E-2</v>
      </c>
    </row>
    <row r="21" spans="1:4" x14ac:dyDescent="0.25">
      <c r="A21" s="6">
        <v>3.9699999999999999E-2</v>
      </c>
      <c r="B21" s="6">
        <v>7.5200000000000003E-2</v>
      </c>
      <c r="C21" s="6">
        <v>6.5000000000000002E-2</v>
      </c>
      <c r="D21" s="6">
        <v>6.3E-2</v>
      </c>
    </row>
    <row r="22" spans="1:4" x14ac:dyDescent="0.25">
      <c r="A22" s="6">
        <v>5.28E-2</v>
      </c>
      <c r="B22" s="6">
        <v>4.7800000000000002E-2</v>
      </c>
      <c r="C22" s="6">
        <v>6.4600000000000005E-2</v>
      </c>
      <c r="D22" s="6">
        <v>5.4800000000000001E-2</v>
      </c>
    </row>
    <row r="23" spans="1:4" x14ac:dyDescent="0.25">
      <c r="A23" s="6">
        <v>4.7100000000000003E-2</v>
      </c>
      <c r="B23" s="6">
        <v>6.0900000000000003E-2</v>
      </c>
      <c r="C23" s="6">
        <v>6.8699999999999997E-2</v>
      </c>
      <c r="D23" s="6">
        <v>5.0599999999999999E-2</v>
      </c>
    </row>
    <row r="24" spans="1:4" x14ac:dyDescent="0.25">
      <c r="A24" s="6">
        <v>5.1299999999999998E-2</v>
      </c>
      <c r="B24" s="6">
        <v>5.0200000000000002E-2</v>
      </c>
      <c r="C24" s="6">
        <v>6.9000000000000006E-2</v>
      </c>
      <c r="D24" s="6">
        <v>6.1600000000000002E-2</v>
      </c>
    </row>
    <row r="25" spans="1:4" x14ac:dyDescent="0.25">
      <c r="A25" s="6"/>
      <c r="B25" s="6">
        <v>4.5600000000000002E-2</v>
      </c>
      <c r="C25" s="6"/>
      <c r="D25" s="6"/>
    </row>
    <row r="26" spans="1:4" x14ac:dyDescent="0.25">
      <c r="A26" s="6"/>
      <c r="B26" s="6"/>
      <c r="C26" s="6"/>
      <c r="D26" s="6"/>
    </row>
    <row r="27" spans="1:4" x14ac:dyDescent="0.25">
      <c r="A27" t="s">
        <v>42</v>
      </c>
    </row>
    <row r="28" spans="1:4" x14ac:dyDescent="0.25">
      <c r="A28" t="s">
        <v>17</v>
      </c>
      <c r="C28" t="s">
        <v>18</v>
      </c>
    </row>
    <row r="29" spans="1:4" x14ac:dyDescent="0.25">
      <c r="A29" t="s">
        <v>15</v>
      </c>
      <c r="B29" t="s">
        <v>16</v>
      </c>
      <c r="C29" t="s">
        <v>15</v>
      </c>
      <c r="D29" t="s">
        <v>16</v>
      </c>
    </row>
    <row r="30" spans="1:4" x14ac:dyDescent="0.25">
      <c r="A30" s="6">
        <v>0.17100000000000001</v>
      </c>
      <c r="B30" s="6">
        <v>0.16300000000000001</v>
      </c>
      <c r="C30" s="6">
        <v>0.16600000000000001</v>
      </c>
      <c r="D30" s="6">
        <v>0.19900000000000001</v>
      </c>
    </row>
    <row r="31" spans="1:4" x14ac:dyDescent="0.25">
      <c r="A31" s="6">
        <v>0.13900000000000001</v>
      </c>
      <c r="B31" s="6">
        <v>0.14499999999999999</v>
      </c>
      <c r="C31" s="6">
        <v>0.17199999999999999</v>
      </c>
      <c r="D31" s="6">
        <v>0.17199999999999999</v>
      </c>
    </row>
    <row r="32" spans="1:4" x14ac:dyDescent="0.25">
      <c r="A32" s="6">
        <v>0.153</v>
      </c>
      <c r="B32" s="6">
        <v>0.16400000000000001</v>
      </c>
      <c r="C32" s="6">
        <v>0.16300000000000001</v>
      </c>
      <c r="D32" s="6">
        <v>0.17899999999999999</v>
      </c>
    </row>
    <row r="33" spans="1:4" x14ac:dyDescent="0.25">
      <c r="A33" s="6">
        <v>0.153</v>
      </c>
      <c r="B33" s="6">
        <v>0.161</v>
      </c>
      <c r="C33" s="6">
        <v>0.159</v>
      </c>
      <c r="D33" s="6">
        <v>0.21099999999999999</v>
      </c>
    </row>
    <row r="34" spans="1:4" x14ac:dyDescent="0.25">
      <c r="A34" s="6">
        <v>0.153</v>
      </c>
      <c r="B34" s="6">
        <v>0.17</v>
      </c>
      <c r="C34" s="6">
        <v>0.186</v>
      </c>
      <c r="D34" s="6">
        <v>0.17899999999999999</v>
      </c>
    </row>
    <row r="35" spans="1:4" x14ac:dyDescent="0.25">
      <c r="A35" s="6">
        <v>0.17599999999999999</v>
      </c>
      <c r="B35" s="6">
        <v>0.157</v>
      </c>
      <c r="C35" s="6">
        <v>0.17399999999999999</v>
      </c>
      <c r="D35" s="6">
        <v>0.182</v>
      </c>
    </row>
    <row r="36" spans="1:4" x14ac:dyDescent="0.25">
      <c r="A36" s="6">
        <v>0.16020000000000001</v>
      </c>
      <c r="B36" s="6">
        <v>0.16700000000000001</v>
      </c>
      <c r="C36" s="6">
        <v>0.182</v>
      </c>
      <c r="D36" s="6">
        <v>0.17499999999999999</v>
      </c>
    </row>
    <row r="37" spans="1:4" x14ac:dyDescent="0.25">
      <c r="A37" s="6">
        <v>0.1613</v>
      </c>
      <c r="B37" s="6">
        <v>0.16200000000000001</v>
      </c>
      <c r="C37" s="6">
        <v>0.18099999999999999</v>
      </c>
      <c r="D37" s="6">
        <v>0.222</v>
      </c>
    </row>
    <row r="38" spans="1:4" x14ac:dyDescent="0.25">
      <c r="A38" s="6"/>
      <c r="B38" s="6">
        <v>0.186</v>
      </c>
      <c r="C38" s="6"/>
      <c r="D38" s="6"/>
    </row>
    <row r="39" spans="1:4" x14ac:dyDescent="0.25">
      <c r="A39" s="6"/>
      <c r="B39" s="6"/>
      <c r="C39" s="6"/>
      <c r="D39" s="6"/>
    </row>
    <row r="40" spans="1:4" x14ac:dyDescent="0.25">
      <c r="A40" t="s">
        <v>43</v>
      </c>
    </row>
    <row r="41" spans="1:4" x14ac:dyDescent="0.25">
      <c r="A41" t="s">
        <v>17</v>
      </c>
      <c r="C41" t="s">
        <v>18</v>
      </c>
    </row>
    <row r="42" spans="1:4" x14ac:dyDescent="0.25">
      <c r="A42" t="s">
        <v>15</v>
      </c>
      <c r="B42" t="s">
        <v>16</v>
      </c>
      <c r="C42" t="s">
        <v>15</v>
      </c>
      <c r="D42" t="s">
        <v>16</v>
      </c>
    </row>
    <row r="43" spans="1:4" x14ac:dyDescent="0.25">
      <c r="A43" s="6">
        <v>95.32</v>
      </c>
      <c r="B43" s="6">
        <v>102.05</v>
      </c>
      <c r="C43" s="6">
        <v>113.98</v>
      </c>
      <c r="D43" s="6">
        <v>78.52</v>
      </c>
    </row>
    <row r="44" spans="1:4" x14ac:dyDescent="0.25">
      <c r="A44" s="6">
        <v>158.02000000000001</v>
      </c>
      <c r="B44" s="6">
        <v>118.04</v>
      </c>
      <c r="C44" s="6">
        <v>108.69</v>
      </c>
      <c r="D44" s="6">
        <v>80.209999999999994</v>
      </c>
    </row>
    <row r="45" spans="1:4" x14ac:dyDescent="0.25">
      <c r="A45" s="6">
        <v>148.84</v>
      </c>
      <c r="B45" s="6">
        <v>99.85</v>
      </c>
      <c r="C45" s="6">
        <v>107.12</v>
      </c>
      <c r="D45" s="6">
        <v>71.680000000000007</v>
      </c>
    </row>
    <row r="46" spans="1:4" x14ac:dyDescent="0.25">
      <c r="A46" s="6">
        <v>138.5</v>
      </c>
      <c r="B46" s="6">
        <v>97.48</v>
      </c>
      <c r="C46" s="6">
        <v>113.39</v>
      </c>
      <c r="D46" s="6">
        <v>101.2</v>
      </c>
    </row>
    <row r="47" spans="1:4" x14ac:dyDescent="0.25">
      <c r="A47" s="6">
        <v>135.24</v>
      </c>
      <c r="B47" s="6">
        <v>112.97</v>
      </c>
      <c r="C47" s="6">
        <v>96.36</v>
      </c>
      <c r="D47" s="6">
        <v>77.180000000000007</v>
      </c>
    </row>
    <row r="48" spans="1:4" x14ac:dyDescent="0.25">
      <c r="A48" s="6">
        <v>103.62</v>
      </c>
      <c r="B48" s="6">
        <v>123.6</v>
      </c>
      <c r="C48" s="6">
        <v>115.73</v>
      </c>
      <c r="D48" s="6">
        <v>66.58</v>
      </c>
    </row>
    <row r="49" spans="1:4" x14ac:dyDescent="0.25">
      <c r="A49" s="6">
        <v>117.4396</v>
      </c>
      <c r="B49" s="6">
        <v>96.74</v>
      </c>
      <c r="C49" s="6">
        <v>90.04</v>
      </c>
      <c r="D49" s="6">
        <v>115.87</v>
      </c>
    </row>
    <row r="50" spans="1:4" x14ac:dyDescent="0.25">
      <c r="A50" s="6">
        <v>106.4641</v>
      </c>
      <c r="B50" s="6">
        <v>121.098</v>
      </c>
      <c r="C50" s="6">
        <v>132.74</v>
      </c>
      <c r="D50" s="6">
        <v>82.91</v>
      </c>
    </row>
    <row r="51" spans="1:4" x14ac:dyDescent="0.25">
      <c r="A51" s="6"/>
      <c r="B51" s="6">
        <v>98.972899999999996</v>
      </c>
      <c r="C51" s="6"/>
      <c r="D51" s="6"/>
    </row>
    <row r="52" spans="1:4" x14ac:dyDescent="0.25">
      <c r="A52" s="6"/>
      <c r="B52" s="6"/>
      <c r="C52" s="6"/>
      <c r="D52" s="6"/>
    </row>
    <row r="53" spans="1:4" x14ac:dyDescent="0.25">
      <c r="B53" s="6"/>
      <c r="C53" s="6"/>
      <c r="D53" s="6"/>
    </row>
    <row r="56" spans="1:4" x14ac:dyDescent="0.25">
      <c r="A56" s="6"/>
      <c r="B56" s="6"/>
      <c r="C56" s="6"/>
      <c r="D56" s="6"/>
    </row>
    <row r="57" spans="1:4" x14ac:dyDescent="0.25">
      <c r="A57" s="6"/>
      <c r="B57" s="6"/>
      <c r="C57" s="6"/>
      <c r="D57" s="6"/>
    </row>
    <row r="58" spans="1:4" x14ac:dyDescent="0.25">
      <c r="A58" s="6"/>
      <c r="B58" s="6"/>
      <c r="C58" s="6"/>
      <c r="D58" s="6"/>
    </row>
    <row r="59" spans="1:4" x14ac:dyDescent="0.25">
      <c r="A59" s="6"/>
      <c r="B59" s="6"/>
      <c r="C59" s="6"/>
      <c r="D59" s="6"/>
    </row>
    <row r="60" spans="1:4" x14ac:dyDescent="0.25">
      <c r="A60" s="6"/>
      <c r="B60" s="6"/>
      <c r="C60" s="6"/>
      <c r="D60" s="6"/>
    </row>
    <row r="61" spans="1:4" x14ac:dyDescent="0.25">
      <c r="A61" s="6"/>
      <c r="B61" s="6"/>
      <c r="C61" s="6"/>
      <c r="D61" s="6"/>
    </row>
    <row r="62" spans="1:4" x14ac:dyDescent="0.25">
      <c r="A62" s="6"/>
      <c r="B62" s="6"/>
      <c r="C62" s="6"/>
      <c r="D62" s="6"/>
    </row>
    <row r="63" spans="1:4" x14ac:dyDescent="0.25">
      <c r="A63" s="6"/>
      <c r="B63" s="6"/>
      <c r="C63" s="6"/>
      <c r="D63" s="6"/>
    </row>
    <row r="64" spans="1:4" x14ac:dyDescent="0.25">
      <c r="A64" s="6"/>
      <c r="B64" s="6"/>
      <c r="C64" s="6"/>
      <c r="D64" s="6"/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408D0D6-C97A-426B-8466-DDDAA7A3F420}">
  <ds:schemaRefs/>
</ds:datastoreItem>
</file>

<file path=customXml/itemProps2.xml><?xml version="1.0" encoding="utf-8"?>
<ds:datastoreItem xmlns:ds="http://schemas.openxmlformats.org/officeDocument/2006/customXml" ds:itemID="{613AEFFE-C095-42A7-A0AC-5564FFC1D19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8</vt:i4>
      </vt:variant>
    </vt:vector>
  </HeadingPairs>
  <TitlesOfParts>
    <vt:vector size="28" baseType="lpstr">
      <vt:lpstr>Table 1</vt:lpstr>
      <vt:lpstr>Figure 1B</vt:lpstr>
      <vt:lpstr>Figure 1C</vt:lpstr>
      <vt:lpstr>Figure 2B</vt:lpstr>
      <vt:lpstr>Figure 2C</vt:lpstr>
      <vt:lpstr>Figure 2D</vt:lpstr>
      <vt:lpstr>Figure 3A</vt:lpstr>
      <vt:lpstr>Figure 3C</vt:lpstr>
      <vt:lpstr>Figure 3D</vt:lpstr>
      <vt:lpstr>Figure 3E</vt:lpstr>
      <vt:lpstr>Figure 4A and B</vt:lpstr>
      <vt:lpstr>Figure 4C</vt:lpstr>
      <vt:lpstr>Figure 4D</vt:lpstr>
      <vt:lpstr>Figure 5C</vt:lpstr>
      <vt:lpstr>Figure 6C</vt:lpstr>
      <vt:lpstr>Figure 7B</vt:lpstr>
      <vt:lpstr>Figure 7C</vt:lpstr>
      <vt:lpstr>Figure 8B</vt:lpstr>
      <vt:lpstr>Supplemental Figure 1</vt:lpstr>
      <vt:lpstr>Supplemental Table S1</vt:lpstr>
      <vt:lpstr>Supplemental Figure 2A</vt:lpstr>
      <vt:lpstr>Supplemental Figure 2B</vt:lpstr>
      <vt:lpstr>Supplemental Figure 4</vt:lpstr>
      <vt:lpstr>Supplemental Table S2</vt:lpstr>
      <vt:lpstr>Supplemental Table S3</vt:lpstr>
      <vt:lpstr>Supplemental Figure 5</vt:lpstr>
      <vt:lpstr>Supplemental Figure 6</vt:lpstr>
      <vt:lpstr>Supplemental Figure 7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8-11T07:53:43Z</dcterms:created>
  <dcterms:modified xsi:type="dcterms:W3CDTF">2025-11-10T17:55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uoffice</vt:lpwstr>
  </property>
  <property fmtid="{D5CDD505-2E9C-101B-9397-08002B2CF9AE}" pid="3" name="TemplafyTemplateId">
    <vt:lpwstr>1054884838842826804</vt:lpwstr>
  </property>
  <property fmtid="{D5CDD505-2E9C-101B-9397-08002B2CF9AE}" pid="4" name="TemplafyUserProfileId">
    <vt:lpwstr>1209168921009586563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